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2">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35">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12" xfId="3" applyFont="1" applyBorder="1" applyAlignment="1">
      <alignment horizontal="center"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19"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3" xfId="0"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horizontal="left" vertical="center"/>
    </xf>
    <xf numFmtId="0" fontId="0" fillId="0" borderId="14" xfId="0" applyBorder="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3" fontId="5" fillId="0" borderId="0" xfId="0" applyNumberFormat="1" applyFont="1" applyBorder="1" applyAlignment="1">
      <alignment horizontal="lef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182" fontId="3" fillId="0" borderId="0" xfId="0" applyNumberFormat="1" applyFont="1" applyAlignment="1">
      <alignment horizontal="left" vertical="center"/>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1" xfId="0" applyFont="1" applyBorder="1" applyAlignment="1">
      <alignment horizontal="center" vertical="center"/>
    </xf>
    <xf numFmtId="0" fontId="3" fillId="0" borderId="40" xfId="0" applyFont="1" applyBorder="1" applyAlignment="1">
      <alignment horizontal="center" vertical="center"/>
    </xf>
    <xf numFmtId="0" fontId="3" fillId="0" borderId="30"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182" fontId="3" fillId="0" borderId="0" xfId="0" applyNumberFormat="1" applyFont="1" applyBorder="1" applyAlignment="1">
      <alignment horizontal="left"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7" xfId="0" applyFont="1" applyBorder="1" applyAlignment="1">
      <alignment horizontal="center" vertical="center"/>
    </xf>
    <xf numFmtId="0" fontId="2" fillId="0" borderId="42" xfId="0" applyFont="1" applyBorder="1" applyAlignment="1">
      <alignment horizontal="center" vertical="center"/>
    </xf>
    <xf numFmtId="0" fontId="2" fillId="0" borderId="80"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6"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182" fontId="2" fillId="0" borderId="0" xfId="0" applyNumberFormat="1" applyFont="1" applyBorder="1" applyAlignment="1">
      <alignment horizontal="left" vertical="center"/>
    </xf>
    <xf numFmtId="0" fontId="2" fillId="0" borderId="71"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122" xfId="0" applyBorder="1" applyAlignment="1">
      <alignment horizontal="center" vertical="center"/>
    </xf>
    <xf numFmtId="183" fontId="5" fillId="0" borderId="0" xfId="0" applyNumberFormat="1" applyFont="1" applyAlignment="1">
      <alignment horizontal="left" vertical="center" shrinkToFit="1"/>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78" t="s">
        <v>0</v>
      </c>
      <c r="F1" s="478"/>
      <c r="G1" s="478"/>
      <c r="H1" s="478"/>
      <c r="I1" s="2"/>
      <c r="J1" s="2"/>
      <c r="K1" s="2"/>
      <c r="L1" s="2"/>
    </row>
    <row r="2" spans="1:13" ht="24" customHeight="1" x14ac:dyDescent="0.2">
      <c r="A2" s="2"/>
      <c r="B2" s="2"/>
      <c r="C2" s="2"/>
      <c r="D2" s="2"/>
      <c r="E2" s="2"/>
      <c r="F2" s="340">
        <v>5</v>
      </c>
      <c r="G2" s="233">
        <v>10</v>
      </c>
      <c r="H2" s="2"/>
      <c r="I2" s="2"/>
      <c r="J2" s="2"/>
      <c r="K2" s="2"/>
      <c r="L2" s="2"/>
      <c r="M2" s="2"/>
    </row>
    <row r="3" spans="1:13" ht="24" customHeight="1" x14ac:dyDescent="0.2"/>
    <row r="4" spans="1:13" ht="20.25" customHeight="1" x14ac:dyDescent="0.2">
      <c r="D4" s="3"/>
      <c r="E4" s="4" t="s">
        <v>1</v>
      </c>
      <c r="F4" s="3"/>
      <c r="H4" s="240">
        <f>G2</f>
        <v>10</v>
      </c>
    </row>
    <row r="5" spans="1:13" ht="10.5" customHeight="1" thickBot="1" x14ac:dyDescent="0.25">
      <c r="E5" s="5"/>
    </row>
    <row r="6" spans="1:13" ht="21" customHeight="1" x14ac:dyDescent="0.2">
      <c r="E6" s="320"/>
      <c r="F6" s="479" t="s">
        <v>2</v>
      </c>
      <c r="G6" s="480"/>
      <c r="H6" s="480"/>
      <c r="I6" s="481"/>
    </row>
    <row r="7" spans="1:13" ht="21" customHeight="1" x14ac:dyDescent="0.2">
      <c r="E7" s="7"/>
      <c r="F7" s="8"/>
      <c r="G7" s="9" t="s">
        <v>3</v>
      </c>
      <c r="H7" s="322" t="s">
        <v>149</v>
      </c>
      <c r="I7" s="323" t="s">
        <v>148</v>
      </c>
    </row>
    <row r="8" spans="1:13" ht="21" customHeight="1" x14ac:dyDescent="0.2">
      <c r="E8" s="474" t="s">
        <v>4</v>
      </c>
      <c r="F8" s="347">
        <v>2348375</v>
      </c>
      <c r="G8" s="347">
        <v>1023310</v>
      </c>
      <c r="H8" s="347">
        <v>918630</v>
      </c>
      <c r="I8" s="348">
        <v>406435</v>
      </c>
    </row>
    <row r="9" spans="1:13" ht="21" customHeight="1" x14ac:dyDescent="0.2">
      <c r="E9" s="475" t="s">
        <v>5</v>
      </c>
      <c r="F9" s="349">
        <v>937495</v>
      </c>
      <c r="G9" s="349">
        <v>407382</v>
      </c>
      <c r="H9" s="349">
        <v>361844</v>
      </c>
      <c r="I9" s="350">
        <v>168269</v>
      </c>
    </row>
    <row r="10" spans="1:13" ht="21" customHeight="1" x14ac:dyDescent="0.2">
      <c r="E10" s="475" t="s">
        <v>6</v>
      </c>
      <c r="F10" s="349">
        <v>308856</v>
      </c>
      <c r="G10" s="349">
        <v>140795</v>
      </c>
      <c r="H10" s="349">
        <v>115049</v>
      </c>
      <c r="I10" s="350">
        <v>53012</v>
      </c>
    </row>
    <row r="11" spans="1:13" ht="21" customHeight="1" x14ac:dyDescent="0.2">
      <c r="E11" s="475" t="s">
        <v>14</v>
      </c>
      <c r="F11" s="349">
        <v>188841</v>
      </c>
      <c r="G11" s="349">
        <v>83244</v>
      </c>
      <c r="H11" s="349">
        <v>76250</v>
      </c>
      <c r="I11" s="350">
        <v>29347</v>
      </c>
    </row>
    <row r="12" spans="1:13" ht="21" customHeight="1" x14ac:dyDescent="0.2">
      <c r="E12" s="475" t="s">
        <v>7</v>
      </c>
      <c r="F12" s="349">
        <v>125126</v>
      </c>
      <c r="G12" s="349">
        <v>51595</v>
      </c>
      <c r="H12" s="349">
        <v>50876</v>
      </c>
      <c r="I12" s="350">
        <v>22655</v>
      </c>
    </row>
    <row r="13" spans="1:13" ht="21" customHeight="1" x14ac:dyDescent="0.2">
      <c r="E13" s="475" t="s">
        <v>8</v>
      </c>
      <c r="F13" s="349">
        <v>73615</v>
      </c>
      <c r="G13" s="349">
        <v>32689</v>
      </c>
      <c r="H13" s="349">
        <v>28987</v>
      </c>
      <c r="I13" s="350">
        <v>11939</v>
      </c>
    </row>
    <row r="14" spans="1:13" ht="21" customHeight="1" x14ac:dyDescent="0.2">
      <c r="E14" s="475" t="s">
        <v>9</v>
      </c>
      <c r="F14" s="349">
        <v>53500</v>
      </c>
      <c r="G14" s="349">
        <v>20252</v>
      </c>
      <c r="H14" s="349">
        <v>21424</v>
      </c>
      <c r="I14" s="350">
        <v>11824</v>
      </c>
    </row>
    <row r="15" spans="1:13" ht="21" customHeight="1" x14ac:dyDescent="0.2">
      <c r="E15" s="475" t="s">
        <v>10</v>
      </c>
      <c r="F15" s="349">
        <v>108692</v>
      </c>
      <c r="G15" s="349">
        <v>46251</v>
      </c>
      <c r="H15" s="349">
        <v>42822</v>
      </c>
      <c r="I15" s="350">
        <v>19619</v>
      </c>
    </row>
    <row r="16" spans="1:13" ht="21" customHeight="1" x14ac:dyDescent="0.2">
      <c r="E16" s="475" t="s">
        <v>11</v>
      </c>
      <c r="F16" s="349">
        <v>57462</v>
      </c>
      <c r="G16" s="349">
        <v>25205</v>
      </c>
      <c r="H16" s="349">
        <v>22091</v>
      </c>
      <c r="I16" s="350">
        <v>10166</v>
      </c>
    </row>
    <row r="17" spans="5:13" ht="21" customHeight="1" x14ac:dyDescent="0.2">
      <c r="E17" s="475" t="s">
        <v>12</v>
      </c>
      <c r="F17" s="349">
        <v>65935</v>
      </c>
      <c r="G17" s="349">
        <v>28043</v>
      </c>
      <c r="H17" s="349">
        <v>26028</v>
      </c>
      <c r="I17" s="350">
        <v>11864</v>
      </c>
    </row>
    <row r="18" spans="5:13" ht="21" customHeight="1" x14ac:dyDescent="0.2">
      <c r="E18" s="475" t="s">
        <v>13</v>
      </c>
      <c r="F18" s="349">
        <v>18496</v>
      </c>
      <c r="G18" s="349">
        <v>6973</v>
      </c>
      <c r="H18" s="349">
        <v>7442</v>
      </c>
      <c r="I18" s="350">
        <v>4081</v>
      </c>
      <c r="M18" s="1" t="s">
        <v>87</v>
      </c>
    </row>
    <row r="19" spans="5:13" ht="21" customHeight="1" x14ac:dyDescent="0.2">
      <c r="E19" s="475" t="s">
        <v>15</v>
      </c>
      <c r="F19" s="349">
        <v>16116</v>
      </c>
      <c r="G19" s="349">
        <v>6929</v>
      </c>
      <c r="H19" s="349">
        <v>6316</v>
      </c>
      <c r="I19" s="350">
        <v>2871</v>
      </c>
    </row>
    <row r="20" spans="5:13" ht="21" customHeight="1" x14ac:dyDescent="0.2">
      <c r="E20" s="475" t="s">
        <v>16</v>
      </c>
      <c r="F20" s="349">
        <v>49519</v>
      </c>
      <c r="G20" s="349">
        <v>22710</v>
      </c>
      <c r="H20" s="349">
        <v>19696</v>
      </c>
      <c r="I20" s="350">
        <v>7113</v>
      </c>
    </row>
    <row r="21" spans="5:13" ht="21" customHeight="1" x14ac:dyDescent="0.2">
      <c r="E21" s="475" t="s">
        <v>17</v>
      </c>
      <c r="F21" s="349">
        <v>58813</v>
      </c>
      <c r="G21" s="349">
        <v>26783</v>
      </c>
      <c r="H21" s="349">
        <v>23738</v>
      </c>
      <c r="I21" s="350">
        <v>8292</v>
      </c>
    </row>
    <row r="22" spans="5:13" ht="21" customHeight="1" x14ac:dyDescent="0.2">
      <c r="E22" s="475" t="s">
        <v>18</v>
      </c>
      <c r="F22" s="349">
        <v>58377</v>
      </c>
      <c r="G22" s="349">
        <v>25558</v>
      </c>
      <c r="H22" s="349">
        <v>23674</v>
      </c>
      <c r="I22" s="350">
        <v>9145</v>
      </c>
    </row>
    <row r="23" spans="5:13" ht="21" customHeight="1" x14ac:dyDescent="0.2">
      <c r="E23" s="475" t="s">
        <v>19</v>
      </c>
      <c r="F23" s="349">
        <v>26695</v>
      </c>
      <c r="G23" s="349">
        <v>11777</v>
      </c>
      <c r="H23" s="349">
        <v>10723</v>
      </c>
      <c r="I23" s="350">
        <v>4195</v>
      </c>
    </row>
    <row r="24" spans="5:13" ht="21" customHeight="1" x14ac:dyDescent="0.2">
      <c r="E24" s="475" t="s">
        <v>20</v>
      </c>
      <c r="F24" s="349">
        <v>34267</v>
      </c>
      <c r="G24" s="349">
        <v>15344</v>
      </c>
      <c r="H24" s="349">
        <v>13873</v>
      </c>
      <c r="I24" s="350">
        <v>5050</v>
      </c>
    </row>
    <row r="25" spans="5:13" ht="21" customHeight="1" x14ac:dyDescent="0.2">
      <c r="E25" s="475" t="s">
        <v>21</v>
      </c>
      <c r="F25" s="349">
        <v>34483</v>
      </c>
      <c r="G25" s="349">
        <v>15350</v>
      </c>
      <c r="H25" s="349">
        <v>13930</v>
      </c>
      <c r="I25" s="350">
        <v>5203</v>
      </c>
    </row>
    <row r="26" spans="5:13" ht="21" customHeight="1" x14ac:dyDescent="0.2">
      <c r="E26" s="475" t="s">
        <v>22</v>
      </c>
      <c r="F26" s="349">
        <v>13657</v>
      </c>
      <c r="G26" s="349">
        <v>5702</v>
      </c>
      <c r="H26" s="349">
        <v>5533</v>
      </c>
      <c r="I26" s="350">
        <v>2422</v>
      </c>
    </row>
    <row r="27" spans="5:13" ht="21" customHeight="1" x14ac:dyDescent="0.2">
      <c r="E27" s="475" t="s">
        <v>23</v>
      </c>
      <c r="F27" s="349">
        <v>22755</v>
      </c>
      <c r="G27" s="349">
        <v>9431</v>
      </c>
      <c r="H27" s="349">
        <v>10018</v>
      </c>
      <c r="I27" s="350">
        <v>3306</v>
      </c>
    </row>
    <row r="28" spans="5:13" ht="21" customHeight="1" x14ac:dyDescent="0.2">
      <c r="E28" s="475" t="s">
        <v>24</v>
      </c>
      <c r="F28" s="349">
        <v>10136</v>
      </c>
      <c r="G28" s="349">
        <v>3816</v>
      </c>
      <c r="H28" s="349">
        <v>4253</v>
      </c>
      <c r="I28" s="350">
        <v>2067</v>
      </c>
    </row>
    <row r="29" spans="5:13" ht="21" customHeight="1" x14ac:dyDescent="0.2">
      <c r="E29" s="475" t="s">
        <v>25</v>
      </c>
      <c r="F29" s="349">
        <v>13495</v>
      </c>
      <c r="G29" s="349">
        <v>6215</v>
      </c>
      <c r="H29" s="349">
        <v>5404</v>
      </c>
      <c r="I29" s="350">
        <v>1876</v>
      </c>
    </row>
    <row r="30" spans="5:13" ht="21" customHeight="1" x14ac:dyDescent="0.2">
      <c r="E30" s="475" t="s">
        <v>26</v>
      </c>
      <c r="F30" s="349">
        <v>11151</v>
      </c>
      <c r="G30" s="349">
        <v>4616</v>
      </c>
      <c r="H30" s="349">
        <v>4582</v>
      </c>
      <c r="I30" s="350">
        <v>1953</v>
      </c>
    </row>
    <row r="31" spans="5:13" ht="21" customHeight="1" x14ac:dyDescent="0.2">
      <c r="E31" s="475" t="s">
        <v>27</v>
      </c>
      <c r="F31" s="349">
        <v>9819</v>
      </c>
      <c r="G31" s="349">
        <v>3865</v>
      </c>
      <c r="H31" s="349">
        <v>4041</v>
      </c>
      <c r="I31" s="350">
        <v>1913</v>
      </c>
    </row>
    <row r="32" spans="5:13" ht="21" customHeight="1" x14ac:dyDescent="0.2">
      <c r="E32" s="475" t="s">
        <v>28</v>
      </c>
      <c r="F32" s="349">
        <v>3213</v>
      </c>
      <c r="G32" s="349">
        <v>1469</v>
      </c>
      <c r="H32" s="349">
        <v>1303</v>
      </c>
      <c r="I32" s="350">
        <v>441</v>
      </c>
    </row>
    <row r="33" spans="5:9" ht="21" customHeight="1" x14ac:dyDescent="0.2">
      <c r="E33" s="475" t="s">
        <v>29</v>
      </c>
      <c r="F33" s="349">
        <v>5009</v>
      </c>
      <c r="G33" s="349">
        <v>2200</v>
      </c>
      <c r="H33" s="349">
        <v>2049</v>
      </c>
      <c r="I33" s="350">
        <v>760</v>
      </c>
    </row>
    <row r="34" spans="5:9" ht="21" customHeight="1" x14ac:dyDescent="0.2">
      <c r="E34" s="475" t="s">
        <v>30</v>
      </c>
      <c r="F34" s="349">
        <v>3721</v>
      </c>
      <c r="G34" s="349">
        <v>1579</v>
      </c>
      <c r="H34" s="349">
        <v>1425</v>
      </c>
      <c r="I34" s="350">
        <v>717</v>
      </c>
    </row>
    <row r="35" spans="5:9" ht="21" customHeight="1" x14ac:dyDescent="0.2">
      <c r="E35" s="475" t="s">
        <v>31</v>
      </c>
      <c r="F35" s="349">
        <v>4028</v>
      </c>
      <c r="G35" s="349">
        <v>1861</v>
      </c>
      <c r="H35" s="349">
        <v>1406</v>
      </c>
      <c r="I35" s="350">
        <v>761</v>
      </c>
    </row>
    <row r="36" spans="5:9" ht="21" customHeight="1" x14ac:dyDescent="0.2">
      <c r="E36" s="475" t="s">
        <v>32</v>
      </c>
      <c r="F36" s="349">
        <v>4674</v>
      </c>
      <c r="G36" s="349">
        <v>2065</v>
      </c>
      <c r="H36" s="349">
        <v>1824</v>
      </c>
      <c r="I36" s="350">
        <v>785</v>
      </c>
    </row>
    <row r="37" spans="5:9" ht="21" customHeight="1" x14ac:dyDescent="0.2">
      <c r="E37" s="475" t="s">
        <v>33</v>
      </c>
      <c r="F37" s="349">
        <v>4135</v>
      </c>
      <c r="G37" s="349">
        <v>1801</v>
      </c>
      <c r="H37" s="349">
        <v>1623</v>
      </c>
      <c r="I37" s="350">
        <v>711</v>
      </c>
    </row>
    <row r="38" spans="5:9" ht="21" customHeight="1" x14ac:dyDescent="0.2">
      <c r="E38" s="475" t="s">
        <v>34</v>
      </c>
      <c r="F38" s="349">
        <v>3016</v>
      </c>
      <c r="G38" s="349">
        <v>1268</v>
      </c>
      <c r="H38" s="349">
        <v>1201</v>
      </c>
      <c r="I38" s="350">
        <v>547</v>
      </c>
    </row>
    <row r="39" spans="5:9" ht="21" customHeight="1" x14ac:dyDescent="0.2">
      <c r="E39" s="475" t="s">
        <v>35</v>
      </c>
      <c r="F39" s="349">
        <v>9793</v>
      </c>
      <c r="G39" s="349">
        <v>4058</v>
      </c>
      <c r="H39" s="349">
        <v>3954</v>
      </c>
      <c r="I39" s="350">
        <v>1781</v>
      </c>
    </row>
    <row r="40" spans="5:9" ht="21" customHeight="1" x14ac:dyDescent="0.2">
      <c r="E40" s="475" t="s">
        <v>36</v>
      </c>
      <c r="F40" s="349">
        <v>12416</v>
      </c>
      <c r="G40" s="349">
        <v>5955</v>
      </c>
      <c r="H40" s="349">
        <v>4867</v>
      </c>
      <c r="I40" s="350">
        <v>1594</v>
      </c>
    </row>
    <row r="41" spans="5:9" ht="21" customHeight="1" thickBot="1" x14ac:dyDescent="0.25">
      <c r="E41" s="476" t="s">
        <v>37</v>
      </c>
      <c r="F41" s="351">
        <v>1069</v>
      </c>
      <c r="G41" s="351">
        <v>529</v>
      </c>
      <c r="H41" s="351">
        <v>384</v>
      </c>
      <c r="I41" s="352">
        <v>156</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6.777343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3</v>
      </c>
      <c r="J1" s="501">
        <f>第１表!F2</f>
        <v>5</v>
      </c>
      <c r="K1" s="501"/>
      <c r="L1" s="235">
        <f>第１表!G2</f>
        <v>10</v>
      </c>
      <c r="M1" s="505">
        <f>IF(L1&lt;3,L1+12-2,L1-2)</f>
        <v>8</v>
      </c>
      <c r="N1" s="505"/>
    </row>
    <row r="2" spans="2:112" ht="24" customHeight="1" thickBot="1" x14ac:dyDescent="0.25">
      <c r="B2" s="271" t="s">
        <v>130</v>
      </c>
    </row>
    <row r="3" spans="2:112" ht="21" customHeight="1" thickBot="1" x14ac:dyDescent="0.25">
      <c r="B3" s="525"/>
      <c r="C3" s="528" t="s">
        <v>112</v>
      </c>
      <c r="D3" s="528"/>
      <c r="E3" s="528"/>
      <c r="F3" s="528"/>
      <c r="G3" s="528"/>
      <c r="H3" s="528"/>
      <c r="I3" s="528"/>
      <c r="J3" s="528"/>
      <c r="K3" s="528"/>
      <c r="L3" s="528"/>
      <c r="M3" s="529"/>
      <c r="N3" s="523" t="s">
        <v>111</v>
      </c>
      <c r="O3" s="523"/>
      <c r="P3" s="523"/>
      <c r="Q3" s="523"/>
      <c r="R3" s="523"/>
      <c r="S3" s="523"/>
      <c r="T3" s="523"/>
      <c r="U3" s="523"/>
      <c r="V3" s="523"/>
      <c r="W3" s="523"/>
      <c r="X3" s="524"/>
      <c r="Y3" s="522" t="s">
        <v>110</v>
      </c>
      <c r="Z3" s="523"/>
      <c r="AA3" s="523"/>
      <c r="AB3" s="523"/>
      <c r="AC3" s="523"/>
      <c r="AD3" s="523"/>
      <c r="AE3" s="523"/>
      <c r="AF3" s="523"/>
      <c r="AG3" s="523"/>
      <c r="AH3" s="523"/>
      <c r="AI3" s="524"/>
      <c r="AJ3" s="522" t="s">
        <v>109</v>
      </c>
      <c r="AK3" s="523"/>
      <c r="AL3" s="523"/>
      <c r="AM3" s="523"/>
      <c r="AN3" s="523"/>
      <c r="AO3" s="523"/>
      <c r="AP3" s="523"/>
      <c r="AQ3" s="523"/>
      <c r="AR3" s="523"/>
      <c r="AS3" s="523"/>
      <c r="AT3" s="524"/>
      <c r="AU3" s="522" t="s">
        <v>108</v>
      </c>
      <c r="AV3" s="523"/>
      <c r="AW3" s="523"/>
      <c r="AX3" s="523"/>
      <c r="AY3" s="523"/>
      <c r="AZ3" s="523"/>
      <c r="BA3" s="523"/>
      <c r="BB3" s="523"/>
      <c r="BC3" s="523"/>
      <c r="BD3" s="523"/>
      <c r="BE3" s="524"/>
      <c r="BF3" s="522" t="s">
        <v>107</v>
      </c>
      <c r="BG3" s="523"/>
      <c r="BH3" s="523"/>
      <c r="BI3" s="523"/>
      <c r="BJ3" s="523"/>
      <c r="BK3" s="523"/>
      <c r="BL3" s="523"/>
      <c r="BM3" s="523"/>
      <c r="BN3" s="523"/>
      <c r="BO3" s="523"/>
      <c r="BP3" s="524"/>
      <c r="BQ3" s="522" t="s">
        <v>106</v>
      </c>
      <c r="BR3" s="523"/>
      <c r="BS3" s="523"/>
      <c r="BT3" s="523"/>
      <c r="BU3" s="523"/>
      <c r="BV3" s="523"/>
      <c r="BW3" s="523"/>
      <c r="BX3" s="523"/>
      <c r="BY3" s="523"/>
      <c r="BZ3" s="523"/>
      <c r="CA3" s="524"/>
      <c r="CB3" s="522" t="s">
        <v>127</v>
      </c>
      <c r="CC3" s="523"/>
      <c r="CD3" s="523"/>
      <c r="CE3" s="523"/>
      <c r="CF3" s="523"/>
      <c r="CG3" s="523"/>
      <c r="CH3" s="523"/>
      <c r="CI3" s="523"/>
      <c r="CJ3" s="523"/>
      <c r="CK3" s="523"/>
      <c r="CL3" s="524"/>
      <c r="CM3" s="522" t="s">
        <v>160</v>
      </c>
      <c r="CN3" s="523"/>
      <c r="CO3" s="523"/>
      <c r="CP3" s="523"/>
      <c r="CQ3" s="523"/>
      <c r="CR3" s="523"/>
      <c r="CS3" s="523"/>
      <c r="CT3" s="523"/>
      <c r="CU3" s="523"/>
      <c r="CV3" s="523"/>
      <c r="CW3" s="524"/>
      <c r="CX3" s="522" t="s">
        <v>156</v>
      </c>
      <c r="CY3" s="523"/>
      <c r="CZ3" s="523"/>
      <c r="DA3" s="523"/>
      <c r="DB3" s="523"/>
      <c r="DC3" s="523"/>
      <c r="DD3" s="523"/>
      <c r="DE3" s="523"/>
      <c r="DF3" s="523"/>
      <c r="DG3" s="523"/>
      <c r="DH3" s="524"/>
    </row>
    <row r="4" spans="2:112" ht="21" customHeight="1" x14ac:dyDescent="0.2">
      <c r="B4" s="526"/>
      <c r="C4" s="530" t="s">
        <v>61</v>
      </c>
      <c r="D4" s="513"/>
      <c r="E4" s="514"/>
      <c r="F4" s="512" t="s">
        <v>62</v>
      </c>
      <c r="G4" s="513"/>
      <c r="H4" s="513"/>
      <c r="I4" s="513"/>
      <c r="J4" s="513"/>
      <c r="K4" s="513"/>
      <c r="L4" s="521"/>
      <c r="M4" s="515" t="s">
        <v>52</v>
      </c>
      <c r="N4" s="530" t="s">
        <v>61</v>
      </c>
      <c r="O4" s="513"/>
      <c r="P4" s="514"/>
      <c r="Q4" s="512" t="s">
        <v>62</v>
      </c>
      <c r="R4" s="513"/>
      <c r="S4" s="513"/>
      <c r="T4" s="513"/>
      <c r="U4" s="513"/>
      <c r="V4" s="513"/>
      <c r="W4" s="514"/>
      <c r="X4" s="515" t="s">
        <v>52</v>
      </c>
      <c r="Y4" s="517" t="s">
        <v>61</v>
      </c>
      <c r="Z4" s="513"/>
      <c r="AA4" s="521"/>
      <c r="AB4" s="512" t="s">
        <v>62</v>
      </c>
      <c r="AC4" s="513"/>
      <c r="AD4" s="513"/>
      <c r="AE4" s="513"/>
      <c r="AF4" s="513"/>
      <c r="AG4" s="513"/>
      <c r="AH4" s="514"/>
      <c r="AI4" s="515" t="s">
        <v>52</v>
      </c>
      <c r="AJ4" s="517" t="s">
        <v>61</v>
      </c>
      <c r="AK4" s="513"/>
      <c r="AL4" s="514"/>
      <c r="AM4" s="512" t="s">
        <v>62</v>
      </c>
      <c r="AN4" s="513"/>
      <c r="AO4" s="513"/>
      <c r="AP4" s="513"/>
      <c r="AQ4" s="513"/>
      <c r="AR4" s="513"/>
      <c r="AS4" s="514"/>
      <c r="AT4" s="515" t="s">
        <v>52</v>
      </c>
      <c r="AU4" s="517" t="s">
        <v>61</v>
      </c>
      <c r="AV4" s="513"/>
      <c r="AW4" s="521"/>
      <c r="AX4" s="512" t="s">
        <v>62</v>
      </c>
      <c r="AY4" s="513"/>
      <c r="AZ4" s="513"/>
      <c r="BA4" s="513"/>
      <c r="BB4" s="513"/>
      <c r="BC4" s="513"/>
      <c r="BD4" s="521"/>
      <c r="BE4" s="515" t="s">
        <v>52</v>
      </c>
      <c r="BF4" s="517" t="s">
        <v>61</v>
      </c>
      <c r="BG4" s="513"/>
      <c r="BH4" s="514"/>
      <c r="BI4" s="512" t="s">
        <v>62</v>
      </c>
      <c r="BJ4" s="513"/>
      <c r="BK4" s="513"/>
      <c r="BL4" s="513"/>
      <c r="BM4" s="513"/>
      <c r="BN4" s="513"/>
      <c r="BO4" s="514"/>
      <c r="BP4" s="515" t="s">
        <v>52</v>
      </c>
      <c r="BQ4" s="517" t="s">
        <v>61</v>
      </c>
      <c r="BR4" s="513"/>
      <c r="BS4" s="514"/>
      <c r="BT4" s="512" t="s">
        <v>62</v>
      </c>
      <c r="BU4" s="513"/>
      <c r="BV4" s="513"/>
      <c r="BW4" s="513"/>
      <c r="BX4" s="513"/>
      <c r="BY4" s="513"/>
      <c r="BZ4" s="514"/>
      <c r="CA4" s="515" t="s">
        <v>52</v>
      </c>
      <c r="CB4" s="517" t="s">
        <v>61</v>
      </c>
      <c r="CC4" s="513"/>
      <c r="CD4" s="514"/>
      <c r="CE4" s="512" t="s">
        <v>62</v>
      </c>
      <c r="CF4" s="513"/>
      <c r="CG4" s="513"/>
      <c r="CH4" s="513"/>
      <c r="CI4" s="513"/>
      <c r="CJ4" s="513"/>
      <c r="CK4" s="514"/>
      <c r="CL4" s="515" t="s">
        <v>52</v>
      </c>
      <c r="CM4" s="517" t="s">
        <v>61</v>
      </c>
      <c r="CN4" s="513"/>
      <c r="CO4" s="514"/>
      <c r="CP4" s="512" t="s">
        <v>62</v>
      </c>
      <c r="CQ4" s="513"/>
      <c r="CR4" s="513"/>
      <c r="CS4" s="513"/>
      <c r="CT4" s="513"/>
      <c r="CU4" s="513"/>
      <c r="CV4" s="514"/>
      <c r="CW4" s="515" t="s">
        <v>52</v>
      </c>
      <c r="CX4" s="517" t="s">
        <v>61</v>
      </c>
      <c r="CY4" s="513"/>
      <c r="CZ4" s="514"/>
      <c r="DA4" s="512" t="s">
        <v>62</v>
      </c>
      <c r="DB4" s="513"/>
      <c r="DC4" s="513"/>
      <c r="DD4" s="513"/>
      <c r="DE4" s="513"/>
      <c r="DF4" s="513"/>
      <c r="DG4" s="514"/>
      <c r="DH4" s="515" t="s">
        <v>52</v>
      </c>
    </row>
    <row r="5" spans="2:112" ht="30" customHeight="1" thickBot="1" x14ac:dyDescent="0.25">
      <c r="B5" s="527"/>
      <c r="C5" s="245" t="s">
        <v>43</v>
      </c>
      <c r="D5" s="243" t="s">
        <v>44</v>
      </c>
      <c r="E5" s="356" t="s">
        <v>45</v>
      </c>
      <c r="F5" s="248" t="s">
        <v>83</v>
      </c>
      <c r="G5" s="243" t="s">
        <v>47</v>
      </c>
      <c r="H5" s="243" t="s">
        <v>48</v>
      </c>
      <c r="I5" s="243" t="s">
        <v>49</v>
      </c>
      <c r="J5" s="243" t="s">
        <v>50</v>
      </c>
      <c r="K5" s="243" t="s">
        <v>51</v>
      </c>
      <c r="L5" s="249" t="s">
        <v>45</v>
      </c>
      <c r="M5" s="516"/>
      <c r="N5" s="245" t="s">
        <v>43</v>
      </c>
      <c r="O5" s="243" t="s">
        <v>44</v>
      </c>
      <c r="P5" s="246" t="s">
        <v>45</v>
      </c>
      <c r="Q5" s="248" t="s">
        <v>83</v>
      </c>
      <c r="R5" s="243" t="s">
        <v>47</v>
      </c>
      <c r="S5" s="243" t="s">
        <v>48</v>
      </c>
      <c r="T5" s="243" t="s">
        <v>49</v>
      </c>
      <c r="U5" s="243" t="s">
        <v>50</v>
      </c>
      <c r="V5" s="243" t="s">
        <v>51</v>
      </c>
      <c r="W5" s="246" t="s">
        <v>45</v>
      </c>
      <c r="X5" s="516"/>
      <c r="Y5" s="301" t="s">
        <v>43</v>
      </c>
      <c r="Z5" s="243" t="s">
        <v>44</v>
      </c>
      <c r="AA5" s="249" t="s">
        <v>45</v>
      </c>
      <c r="AB5" s="248" t="s">
        <v>83</v>
      </c>
      <c r="AC5" s="243" t="s">
        <v>47</v>
      </c>
      <c r="AD5" s="243" t="s">
        <v>48</v>
      </c>
      <c r="AE5" s="243" t="s">
        <v>49</v>
      </c>
      <c r="AF5" s="243" t="s">
        <v>50</v>
      </c>
      <c r="AG5" s="243" t="s">
        <v>51</v>
      </c>
      <c r="AH5" s="246" t="s">
        <v>45</v>
      </c>
      <c r="AI5" s="516"/>
      <c r="AJ5" s="301" t="s">
        <v>43</v>
      </c>
      <c r="AK5" s="243" t="s">
        <v>44</v>
      </c>
      <c r="AL5" s="246" t="s">
        <v>45</v>
      </c>
      <c r="AM5" s="248" t="s">
        <v>83</v>
      </c>
      <c r="AN5" s="243" t="s">
        <v>47</v>
      </c>
      <c r="AO5" s="243" t="s">
        <v>48</v>
      </c>
      <c r="AP5" s="243" t="s">
        <v>49</v>
      </c>
      <c r="AQ5" s="243" t="s">
        <v>50</v>
      </c>
      <c r="AR5" s="243" t="s">
        <v>51</v>
      </c>
      <c r="AS5" s="246" t="s">
        <v>45</v>
      </c>
      <c r="AT5" s="516"/>
      <c r="AU5" s="301" t="s">
        <v>43</v>
      </c>
      <c r="AV5" s="243" t="s">
        <v>44</v>
      </c>
      <c r="AW5" s="249" t="s">
        <v>45</v>
      </c>
      <c r="AX5" s="248" t="s">
        <v>83</v>
      </c>
      <c r="AY5" s="243" t="s">
        <v>47</v>
      </c>
      <c r="AZ5" s="243" t="s">
        <v>48</v>
      </c>
      <c r="BA5" s="243" t="s">
        <v>49</v>
      </c>
      <c r="BB5" s="243" t="s">
        <v>50</v>
      </c>
      <c r="BC5" s="243" t="s">
        <v>51</v>
      </c>
      <c r="BD5" s="249" t="s">
        <v>45</v>
      </c>
      <c r="BE5" s="516"/>
      <c r="BF5" s="301" t="s">
        <v>43</v>
      </c>
      <c r="BG5" s="243" t="s">
        <v>44</v>
      </c>
      <c r="BH5" s="246" t="s">
        <v>45</v>
      </c>
      <c r="BI5" s="248" t="s">
        <v>83</v>
      </c>
      <c r="BJ5" s="243" t="s">
        <v>47</v>
      </c>
      <c r="BK5" s="243" t="s">
        <v>48</v>
      </c>
      <c r="BL5" s="243" t="s">
        <v>49</v>
      </c>
      <c r="BM5" s="243" t="s">
        <v>50</v>
      </c>
      <c r="BN5" s="243" t="s">
        <v>51</v>
      </c>
      <c r="BO5" s="246" t="s">
        <v>45</v>
      </c>
      <c r="BP5" s="516"/>
      <c r="BQ5" s="301" t="s">
        <v>43</v>
      </c>
      <c r="BR5" s="243" t="s">
        <v>44</v>
      </c>
      <c r="BS5" s="246" t="s">
        <v>45</v>
      </c>
      <c r="BT5" s="248" t="s">
        <v>83</v>
      </c>
      <c r="BU5" s="243" t="s">
        <v>47</v>
      </c>
      <c r="BV5" s="243" t="s">
        <v>48</v>
      </c>
      <c r="BW5" s="243" t="s">
        <v>49</v>
      </c>
      <c r="BX5" s="243" t="s">
        <v>50</v>
      </c>
      <c r="BY5" s="243" t="s">
        <v>51</v>
      </c>
      <c r="BZ5" s="246" t="s">
        <v>45</v>
      </c>
      <c r="CA5" s="516"/>
      <c r="CB5" s="301" t="s">
        <v>43</v>
      </c>
      <c r="CC5" s="243" t="s">
        <v>44</v>
      </c>
      <c r="CD5" s="246" t="s">
        <v>45</v>
      </c>
      <c r="CE5" s="248" t="s">
        <v>83</v>
      </c>
      <c r="CF5" s="243" t="s">
        <v>47</v>
      </c>
      <c r="CG5" s="243" t="s">
        <v>48</v>
      </c>
      <c r="CH5" s="243" t="s">
        <v>49</v>
      </c>
      <c r="CI5" s="243" t="s">
        <v>50</v>
      </c>
      <c r="CJ5" s="243" t="s">
        <v>51</v>
      </c>
      <c r="CK5" s="246" t="s">
        <v>45</v>
      </c>
      <c r="CL5" s="516"/>
      <c r="CM5" s="301" t="s">
        <v>43</v>
      </c>
      <c r="CN5" s="243" t="s">
        <v>44</v>
      </c>
      <c r="CO5" s="246" t="s">
        <v>45</v>
      </c>
      <c r="CP5" s="248" t="s">
        <v>83</v>
      </c>
      <c r="CQ5" s="243" t="s">
        <v>47</v>
      </c>
      <c r="CR5" s="243" t="s">
        <v>48</v>
      </c>
      <c r="CS5" s="243" t="s">
        <v>49</v>
      </c>
      <c r="CT5" s="243" t="s">
        <v>50</v>
      </c>
      <c r="CU5" s="243" t="s">
        <v>51</v>
      </c>
      <c r="CV5" s="246" t="s">
        <v>45</v>
      </c>
      <c r="CW5" s="516"/>
      <c r="CX5" s="339" t="s">
        <v>43</v>
      </c>
      <c r="CY5" s="243" t="s">
        <v>44</v>
      </c>
      <c r="CZ5" s="246" t="s">
        <v>45</v>
      </c>
      <c r="DA5" s="248" t="s">
        <v>83</v>
      </c>
      <c r="DB5" s="243" t="s">
        <v>47</v>
      </c>
      <c r="DC5" s="243" t="s">
        <v>48</v>
      </c>
      <c r="DD5" s="243" t="s">
        <v>49</v>
      </c>
      <c r="DE5" s="243" t="s">
        <v>50</v>
      </c>
      <c r="DF5" s="243" t="s">
        <v>51</v>
      </c>
      <c r="DG5" s="246" t="s">
        <v>45</v>
      </c>
      <c r="DH5" s="516"/>
    </row>
    <row r="6" spans="2:112" ht="21" customHeight="1" x14ac:dyDescent="0.2">
      <c r="B6" s="470" t="s">
        <v>4</v>
      </c>
      <c r="C6" s="250">
        <v>0</v>
      </c>
      <c r="D6" s="254">
        <v>0</v>
      </c>
      <c r="E6" s="357">
        <v>0</v>
      </c>
      <c r="F6" s="253">
        <v>0</v>
      </c>
      <c r="G6" s="254">
        <v>13446</v>
      </c>
      <c r="H6" s="254">
        <v>18969</v>
      </c>
      <c r="I6" s="254">
        <v>19047</v>
      </c>
      <c r="J6" s="254">
        <v>22903</v>
      </c>
      <c r="K6" s="254">
        <v>21708</v>
      </c>
      <c r="L6" s="255">
        <v>96073</v>
      </c>
      <c r="M6" s="256">
        <v>96073</v>
      </c>
      <c r="N6" s="250">
        <v>0</v>
      </c>
      <c r="O6" s="254">
        <v>1</v>
      </c>
      <c r="P6" s="251">
        <v>1</v>
      </c>
      <c r="Q6" s="253">
        <v>0</v>
      </c>
      <c r="R6" s="254">
        <v>26</v>
      </c>
      <c r="S6" s="254">
        <v>122</v>
      </c>
      <c r="T6" s="254">
        <v>281</v>
      </c>
      <c r="U6" s="254">
        <v>624</v>
      </c>
      <c r="V6" s="254">
        <v>1030</v>
      </c>
      <c r="W6" s="251">
        <v>2083</v>
      </c>
      <c r="X6" s="256">
        <v>2084</v>
      </c>
      <c r="Y6" s="250">
        <v>1184</v>
      </c>
      <c r="Z6" s="254">
        <v>2613</v>
      </c>
      <c r="AA6" s="251">
        <v>3797</v>
      </c>
      <c r="AB6" s="253">
        <v>0</v>
      </c>
      <c r="AC6" s="254">
        <v>8761</v>
      </c>
      <c r="AD6" s="254">
        <v>13214</v>
      </c>
      <c r="AE6" s="254">
        <v>8665</v>
      </c>
      <c r="AF6" s="254">
        <v>6788</v>
      </c>
      <c r="AG6" s="254">
        <v>4982</v>
      </c>
      <c r="AH6" s="251">
        <v>42410</v>
      </c>
      <c r="AI6" s="256">
        <v>46207</v>
      </c>
      <c r="AJ6" s="250">
        <v>169</v>
      </c>
      <c r="AK6" s="254">
        <v>593</v>
      </c>
      <c r="AL6" s="251">
        <v>762</v>
      </c>
      <c r="AM6" s="253">
        <v>0</v>
      </c>
      <c r="AN6" s="254">
        <v>843</v>
      </c>
      <c r="AO6" s="254">
        <v>1448</v>
      </c>
      <c r="AP6" s="254">
        <v>1011</v>
      </c>
      <c r="AQ6" s="254">
        <v>1082</v>
      </c>
      <c r="AR6" s="254">
        <v>410</v>
      </c>
      <c r="AS6" s="251">
        <v>4794</v>
      </c>
      <c r="AT6" s="256">
        <v>5556</v>
      </c>
      <c r="AU6" s="250">
        <v>0</v>
      </c>
      <c r="AV6" s="254">
        <v>0</v>
      </c>
      <c r="AW6" s="251">
        <v>0</v>
      </c>
      <c r="AX6" s="253">
        <v>0</v>
      </c>
      <c r="AY6" s="254">
        <v>12273</v>
      </c>
      <c r="AZ6" s="254">
        <v>11750</v>
      </c>
      <c r="BA6" s="254">
        <v>6977</v>
      </c>
      <c r="BB6" s="254">
        <v>3560</v>
      </c>
      <c r="BC6" s="254">
        <v>1501</v>
      </c>
      <c r="BD6" s="255">
        <v>36061</v>
      </c>
      <c r="BE6" s="256">
        <v>36061</v>
      </c>
      <c r="BF6" s="250">
        <v>0</v>
      </c>
      <c r="BG6" s="254">
        <v>0</v>
      </c>
      <c r="BH6" s="251">
        <v>0</v>
      </c>
      <c r="BI6" s="253">
        <v>0</v>
      </c>
      <c r="BJ6" s="254">
        <v>2387</v>
      </c>
      <c r="BK6" s="254">
        <v>3759</v>
      </c>
      <c r="BL6" s="254">
        <v>2542</v>
      </c>
      <c r="BM6" s="254">
        <v>1302</v>
      </c>
      <c r="BN6" s="254">
        <v>407</v>
      </c>
      <c r="BO6" s="251">
        <v>10397</v>
      </c>
      <c r="BP6" s="256">
        <v>10397</v>
      </c>
      <c r="BQ6" s="250">
        <v>50</v>
      </c>
      <c r="BR6" s="254">
        <v>161</v>
      </c>
      <c r="BS6" s="251">
        <v>211</v>
      </c>
      <c r="BT6" s="253">
        <v>0</v>
      </c>
      <c r="BU6" s="254">
        <v>1219</v>
      </c>
      <c r="BV6" s="254">
        <v>2168</v>
      </c>
      <c r="BW6" s="254">
        <v>3105</v>
      </c>
      <c r="BX6" s="254">
        <v>2421</v>
      </c>
      <c r="BY6" s="254">
        <v>943</v>
      </c>
      <c r="BZ6" s="251">
        <v>9856</v>
      </c>
      <c r="CA6" s="256">
        <v>10067</v>
      </c>
      <c r="CB6" s="250">
        <v>3</v>
      </c>
      <c r="CC6" s="254">
        <v>14</v>
      </c>
      <c r="CD6" s="251">
        <v>17</v>
      </c>
      <c r="CE6" s="253">
        <v>0</v>
      </c>
      <c r="CF6" s="254">
        <v>111</v>
      </c>
      <c r="CG6" s="254">
        <v>246</v>
      </c>
      <c r="CH6" s="254">
        <v>417</v>
      </c>
      <c r="CI6" s="254">
        <v>251</v>
      </c>
      <c r="CJ6" s="254">
        <v>141</v>
      </c>
      <c r="CK6" s="251">
        <v>1166</v>
      </c>
      <c r="CL6" s="256">
        <v>1183</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5235</v>
      </c>
      <c r="H7" s="261">
        <v>8178</v>
      </c>
      <c r="I7" s="261">
        <v>8614</v>
      </c>
      <c r="J7" s="261">
        <v>8222</v>
      </c>
      <c r="K7" s="261">
        <v>9084</v>
      </c>
      <c r="L7" s="262">
        <v>39333</v>
      </c>
      <c r="M7" s="263">
        <v>39333</v>
      </c>
      <c r="N7" s="257">
        <v>0</v>
      </c>
      <c r="O7" s="261">
        <v>1</v>
      </c>
      <c r="P7" s="258">
        <v>1</v>
      </c>
      <c r="Q7" s="260">
        <v>0</v>
      </c>
      <c r="R7" s="261">
        <v>0</v>
      </c>
      <c r="S7" s="261">
        <v>42</v>
      </c>
      <c r="T7" s="261">
        <v>93</v>
      </c>
      <c r="U7" s="261">
        <v>299</v>
      </c>
      <c r="V7" s="261">
        <v>524</v>
      </c>
      <c r="W7" s="258">
        <v>958</v>
      </c>
      <c r="X7" s="263">
        <v>959</v>
      </c>
      <c r="Y7" s="257">
        <v>658</v>
      </c>
      <c r="Z7" s="261">
        <v>1479</v>
      </c>
      <c r="AA7" s="258">
        <v>2137</v>
      </c>
      <c r="AB7" s="260">
        <v>0</v>
      </c>
      <c r="AC7" s="261">
        <v>3604</v>
      </c>
      <c r="AD7" s="261">
        <v>7369</v>
      </c>
      <c r="AE7" s="261">
        <v>4633</v>
      </c>
      <c r="AF7" s="261">
        <v>3680</v>
      </c>
      <c r="AG7" s="261">
        <v>2229</v>
      </c>
      <c r="AH7" s="258">
        <v>21515</v>
      </c>
      <c r="AI7" s="263">
        <v>23652</v>
      </c>
      <c r="AJ7" s="257">
        <v>47</v>
      </c>
      <c r="AK7" s="261">
        <v>282</v>
      </c>
      <c r="AL7" s="258">
        <v>329</v>
      </c>
      <c r="AM7" s="260">
        <v>0</v>
      </c>
      <c r="AN7" s="261">
        <v>295</v>
      </c>
      <c r="AO7" s="261">
        <v>515</v>
      </c>
      <c r="AP7" s="261">
        <v>372</v>
      </c>
      <c r="AQ7" s="261">
        <v>383</v>
      </c>
      <c r="AR7" s="261">
        <v>202</v>
      </c>
      <c r="AS7" s="258">
        <v>1767</v>
      </c>
      <c r="AT7" s="263">
        <v>2096</v>
      </c>
      <c r="AU7" s="257">
        <v>0</v>
      </c>
      <c r="AV7" s="261">
        <v>0</v>
      </c>
      <c r="AW7" s="258">
        <v>0</v>
      </c>
      <c r="AX7" s="260">
        <v>0</v>
      </c>
      <c r="AY7" s="261">
        <v>4172</v>
      </c>
      <c r="AZ7" s="261">
        <v>5018</v>
      </c>
      <c r="BA7" s="261">
        <v>2835</v>
      </c>
      <c r="BB7" s="261">
        <v>1218</v>
      </c>
      <c r="BC7" s="261">
        <v>562</v>
      </c>
      <c r="BD7" s="262">
        <v>13805</v>
      </c>
      <c r="BE7" s="263">
        <v>13805</v>
      </c>
      <c r="BF7" s="257">
        <v>0</v>
      </c>
      <c r="BG7" s="261">
        <v>0</v>
      </c>
      <c r="BH7" s="258">
        <v>0</v>
      </c>
      <c r="BI7" s="260">
        <v>0</v>
      </c>
      <c r="BJ7" s="261">
        <v>820</v>
      </c>
      <c r="BK7" s="261">
        <v>1642</v>
      </c>
      <c r="BL7" s="261">
        <v>1123</v>
      </c>
      <c r="BM7" s="261">
        <v>699</v>
      </c>
      <c r="BN7" s="261">
        <v>189</v>
      </c>
      <c r="BO7" s="258">
        <v>4473</v>
      </c>
      <c r="BP7" s="263">
        <v>4473</v>
      </c>
      <c r="BQ7" s="257">
        <v>11</v>
      </c>
      <c r="BR7" s="261">
        <v>64</v>
      </c>
      <c r="BS7" s="258">
        <v>75</v>
      </c>
      <c r="BT7" s="260">
        <v>0</v>
      </c>
      <c r="BU7" s="261">
        <v>436</v>
      </c>
      <c r="BV7" s="261">
        <v>719</v>
      </c>
      <c r="BW7" s="261">
        <v>1368</v>
      </c>
      <c r="BX7" s="261">
        <v>873</v>
      </c>
      <c r="BY7" s="261">
        <v>447</v>
      </c>
      <c r="BZ7" s="258">
        <v>3843</v>
      </c>
      <c r="CA7" s="263">
        <v>3918</v>
      </c>
      <c r="CB7" s="257">
        <v>0</v>
      </c>
      <c r="CC7" s="261">
        <v>14</v>
      </c>
      <c r="CD7" s="258">
        <v>14</v>
      </c>
      <c r="CE7" s="260">
        <v>0</v>
      </c>
      <c r="CF7" s="261">
        <v>82</v>
      </c>
      <c r="CG7" s="261">
        <v>180</v>
      </c>
      <c r="CH7" s="261">
        <v>270</v>
      </c>
      <c r="CI7" s="261">
        <v>131</v>
      </c>
      <c r="CJ7" s="261">
        <v>80</v>
      </c>
      <c r="CK7" s="258">
        <v>743</v>
      </c>
      <c r="CL7" s="263">
        <v>757</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1747</v>
      </c>
      <c r="H8" s="261">
        <v>1907</v>
      </c>
      <c r="I8" s="261">
        <v>2045</v>
      </c>
      <c r="J8" s="261">
        <v>2525</v>
      </c>
      <c r="K8" s="261">
        <v>2349</v>
      </c>
      <c r="L8" s="262">
        <v>10573</v>
      </c>
      <c r="M8" s="263">
        <v>10573</v>
      </c>
      <c r="N8" s="257">
        <v>0</v>
      </c>
      <c r="O8" s="261">
        <v>0</v>
      </c>
      <c r="P8" s="258">
        <v>0</v>
      </c>
      <c r="Q8" s="260">
        <v>0</v>
      </c>
      <c r="R8" s="261">
        <v>14</v>
      </c>
      <c r="S8" s="261">
        <v>13</v>
      </c>
      <c r="T8" s="261">
        <v>44</v>
      </c>
      <c r="U8" s="261">
        <v>47</v>
      </c>
      <c r="V8" s="261">
        <v>112</v>
      </c>
      <c r="W8" s="258">
        <v>230</v>
      </c>
      <c r="X8" s="263">
        <v>230</v>
      </c>
      <c r="Y8" s="257">
        <v>132</v>
      </c>
      <c r="Z8" s="261">
        <v>332</v>
      </c>
      <c r="AA8" s="258">
        <v>464</v>
      </c>
      <c r="AB8" s="260">
        <v>0</v>
      </c>
      <c r="AC8" s="261">
        <v>1571</v>
      </c>
      <c r="AD8" s="261">
        <v>1725</v>
      </c>
      <c r="AE8" s="261">
        <v>846</v>
      </c>
      <c r="AF8" s="261">
        <v>904</v>
      </c>
      <c r="AG8" s="261">
        <v>744</v>
      </c>
      <c r="AH8" s="258">
        <v>5790</v>
      </c>
      <c r="AI8" s="263">
        <v>6254</v>
      </c>
      <c r="AJ8" s="257">
        <v>18</v>
      </c>
      <c r="AK8" s="261">
        <v>67</v>
      </c>
      <c r="AL8" s="258">
        <v>85</v>
      </c>
      <c r="AM8" s="260">
        <v>0</v>
      </c>
      <c r="AN8" s="261">
        <v>130</v>
      </c>
      <c r="AO8" s="261">
        <v>196</v>
      </c>
      <c r="AP8" s="261">
        <v>114</v>
      </c>
      <c r="AQ8" s="261">
        <v>129</v>
      </c>
      <c r="AR8" s="261">
        <v>47</v>
      </c>
      <c r="AS8" s="258">
        <v>616</v>
      </c>
      <c r="AT8" s="263">
        <v>701</v>
      </c>
      <c r="AU8" s="257">
        <v>0</v>
      </c>
      <c r="AV8" s="261">
        <v>0</v>
      </c>
      <c r="AW8" s="258">
        <v>0</v>
      </c>
      <c r="AX8" s="260">
        <v>0</v>
      </c>
      <c r="AY8" s="261">
        <v>1691</v>
      </c>
      <c r="AZ8" s="261">
        <v>1541</v>
      </c>
      <c r="BA8" s="261">
        <v>716</v>
      </c>
      <c r="BB8" s="261">
        <v>482</v>
      </c>
      <c r="BC8" s="261">
        <v>301</v>
      </c>
      <c r="BD8" s="262">
        <v>4731</v>
      </c>
      <c r="BE8" s="263">
        <v>4731</v>
      </c>
      <c r="BF8" s="257">
        <v>0</v>
      </c>
      <c r="BG8" s="261">
        <v>0</v>
      </c>
      <c r="BH8" s="258">
        <v>0</v>
      </c>
      <c r="BI8" s="260">
        <v>0</v>
      </c>
      <c r="BJ8" s="261">
        <v>243</v>
      </c>
      <c r="BK8" s="261">
        <v>407</v>
      </c>
      <c r="BL8" s="261">
        <v>280</v>
      </c>
      <c r="BM8" s="261">
        <v>122</v>
      </c>
      <c r="BN8" s="261">
        <v>78</v>
      </c>
      <c r="BO8" s="258">
        <v>1130</v>
      </c>
      <c r="BP8" s="263">
        <v>1130</v>
      </c>
      <c r="BQ8" s="257">
        <v>8</v>
      </c>
      <c r="BR8" s="261">
        <v>8</v>
      </c>
      <c r="BS8" s="258">
        <v>16</v>
      </c>
      <c r="BT8" s="260">
        <v>0</v>
      </c>
      <c r="BU8" s="261">
        <v>163</v>
      </c>
      <c r="BV8" s="261">
        <v>210</v>
      </c>
      <c r="BW8" s="261">
        <v>328</v>
      </c>
      <c r="BX8" s="261">
        <v>188</v>
      </c>
      <c r="BY8" s="261">
        <v>88</v>
      </c>
      <c r="BZ8" s="258">
        <v>977</v>
      </c>
      <c r="CA8" s="263">
        <v>993</v>
      </c>
      <c r="CB8" s="257">
        <v>0</v>
      </c>
      <c r="CC8" s="261">
        <v>0</v>
      </c>
      <c r="CD8" s="258">
        <v>0</v>
      </c>
      <c r="CE8" s="260">
        <v>0</v>
      </c>
      <c r="CF8" s="261">
        <v>6</v>
      </c>
      <c r="CG8" s="261">
        <v>0</v>
      </c>
      <c r="CH8" s="261">
        <v>27</v>
      </c>
      <c r="CI8" s="261">
        <v>45</v>
      </c>
      <c r="CJ8" s="261">
        <v>34</v>
      </c>
      <c r="CK8" s="258">
        <v>112</v>
      </c>
      <c r="CL8" s="263">
        <v>112</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615</v>
      </c>
      <c r="H9" s="261">
        <v>1358</v>
      </c>
      <c r="I9" s="261">
        <v>1470</v>
      </c>
      <c r="J9" s="261">
        <v>1907</v>
      </c>
      <c r="K9" s="261">
        <v>1412</v>
      </c>
      <c r="L9" s="262">
        <v>6762</v>
      </c>
      <c r="M9" s="263">
        <v>6762</v>
      </c>
      <c r="N9" s="257">
        <v>0</v>
      </c>
      <c r="O9" s="261">
        <v>0</v>
      </c>
      <c r="P9" s="258">
        <v>0</v>
      </c>
      <c r="Q9" s="260">
        <v>0</v>
      </c>
      <c r="R9" s="261">
        <v>0</v>
      </c>
      <c r="S9" s="261">
        <v>6</v>
      </c>
      <c r="T9" s="261">
        <v>27</v>
      </c>
      <c r="U9" s="261">
        <v>40</v>
      </c>
      <c r="V9" s="261">
        <v>42</v>
      </c>
      <c r="W9" s="258">
        <v>115</v>
      </c>
      <c r="X9" s="263">
        <v>115</v>
      </c>
      <c r="Y9" s="257">
        <v>42</v>
      </c>
      <c r="Z9" s="261">
        <v>174</v>
      </c>
      <c r="AA9" s="258">
        <v>216</v>
      </c>
      <c r="AB9" s="260">
        <v>0</v>
      </c>
      <c r="AC9" s="261">
        <v>450</v>
      </c>
      <c r="AD9" s="261">
        <v>838</v>
      </c>
      <c r="AE9" s="261">
        <v>653</v>
      </c>
      <c r="AF9" s="261">
        <v>380</v>
      </c>
      <c r="AG9" s="261">
        <v>341</v>
      </c>
      <c r="AH9" s="258">
        <v>2662</v>
      </c>
      <c r="AI9" s="263">
        <v>2878</v>
      </c>
      <c r="AJ9" s="257">
        <v>12</v>
      </c>
      <c r="AK9" s="261">
        <v>35</v>
      </c>
      <c r="AL9" s="258">
        <v>47</v>
      </c>
      <c r="AM9" s="260">
        <v>0</v>
      </c>
      <c r="AN9" s="261">
        <v>10</v>
      </c>
      <c r="AO9" s="261">
        <v>24</v>
      </c>
      <c r="AP9" s="261">
        <v>64</v>
      </c>
      <c r="AQ9" s="261">
        <v>67</v>
      </c>
      <c r="AR9" s="261">
        <v>0</v>
      </c>
      <c r="AS9" s="258">
        <v>165</v>
      </c>
      <c r="AT9" s="263">
        <v>212</v>
      </c>
      <c r="AU9" s="257">
        <v>0</v>
      </c>
      <c r="AV9" s="261">
        <v>0</v>
      </c>
      <c r="AW9" s="258">
        <v>0</v>
      </c>
      <c r="AX9" s="260">
        <v>0</v>
      </c>
      <c r="AY9" s="261">
        <v>965</v>
      </c>
      <c r="AZ9" s="261">
        <v>904</v>
      </c>
      <c r="BA9" s="261">
        <v>743</v>
      </c>
      <c r="BB9" s="261">
        <v>339</v>
      </c>
      <c r="BC9" s="261">
        <v>102</v>
      </c>
      <c r="BD9" s="262">
        <v>3053</v>
      </c>
      <c r="BE9" s="263">
        <v>3053</v>
      </c>
      <c r="BF9" s="257">
        <v>0</v>
      </c>
      <c r="BG9" s="261">
        <v>0</v>
      </c>
      <c r="BH9" s="258">
        <v>0</v>
      </c>
      <c r="BI9" s="260">
        <v>0</v>
      </c>
      <c r="BJ9" s="261">
        <v>86</v>
      </c>
      <c r="BK9" s="261">
        <v>247</v>
      </c>
      <c r="BL9" s="261">
        <v>134</v>
      </c>
      <c r="BM9" s="261">
        <v>56</v>
      </c>
      <c r="BN9" s="261">
        <v>2</v>
      </c>
      <c r="BO9" s="258">
        <v>525</v>
      </c>
      <c r="BP9" s="263">
        <v>525</v>
      </c>
      <c r="BQ9" s="257">
        <v>6</v>
      </c>
      <c r="BR9" s="261">
        <v>0</v>
      </c>
      <c r="BS9" s="258">
        <v>6</v>
      </c>
      <c r="BT9" s="260">
        <v>0</v>
      </c>
      <c r="BU9" s="261">
        <v>71</v>
      </c>
      <c r="BV9" s="261">
        <v>249</v>
      </c>
      <c r="BW9" s="261">
        <v>194</v>
      </c>
      <c r="BX9" s="261">
        <v>192</v>
      </c>
      <c r="BY9" s="261">
        <v>80</v>
      </c>
      <c r="BZ9" s="258">
        <v>786</v>
      </c>
      <c r="CA9" s="263">
        <v>792</v>
      </c>
      <c r="CB9" s="257">
        <v>0</v>
      </c>
      <c r="CC9" s="261">
        <v>0</v>
      </c>
      <c r="CD9" s="258">
        <v>0</v>
      </c>
      <c r="CE9" s="260">
        <v>0</v>
      </c>
      <c r="CF9" s="261">
        <v>0</v>
      </c>
      <c r="CG9" s="261">
        <v>5</v>
      </c>
      <c r="CH9" s="261">
        <v>0</v>
      </c>
      <c r="CI9" s="261">
        <v>2</v>
      </c>
      <c r="CJ9" s="261">
        <v>4</v>
      </c>
      <c r="CK9" s="258">
        <v>11</v>
      </c>
      <c r="CL9" s="263">
        <v>11</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529</v>
      </c>
      <c r="H10" s="261">
        <v>1614</v>
      </c>
      <c r="I10" s="261">
        <v>1548</v>
      </c>
      <c r="J10" s="261">
        <v>1716</v>
      </c>
      <c r="K10" s="261">
        <v>1500</v>
      </c>
      <c r="L10" s="262">
        <v>7907</v>
      </c>
      <c r="M10" s="263">
        <v>7907</v>
      </c>
      <c r="N10" s="257">
        <v>0</v>
      </c>
      <c r="O10" s="261">
        <v>0</v>
      </c>
      <c r="P10" s="258">
        <v>0</v>
      </c>
      <c r="Q10" s="260">
        <v>0</v>
      </c>
      <c r="R10" s="261">
        <v>0</v>
      </c>
      <c r="S10" s="261">
        <v>19</v>
      </c>
      <c r="T10" s="261">
        <v>34</v>
      </c>
      <c r="U10" s="261">
        <v>62</v>
      </c>
      <c r="V10" s="261">
        <v>55</v>
      </c>
      <c r="W10" s="258">
        <v>170</v>
      </c>
      <c r="X10" s="263">
        <v>170</v>
      </c>
      <c r="Y10" s="257">
        <v>23</v>
      </c>
      <c r="Z10" s="261">
        <v>21</v>
      </c>
      <c r="AA10" s="258">
        <v>44</v>
      </c>
      <c r="AB10" s="260">
        <v>0</v>
      </c>
      <c r="AC10" s="261">
        <v>447</v>
      </c>
      <c r="AD10" s="261">
        <v>455</v>
      </c>
      <c r="AE10" s="261">
        <v>394</v>
      </c>
      <c r="AF10" s="261">
        <v>238</v>
      </c>
      <c r="AG10" s="261">
        <v>223</v>
      </c>
      <c r="AH10" s="258">
        <v>1757</v>
      </c>
      <c r="AI10" s="263">
        <v>1801</v>
      </c>
      <c r="AJ10" s="257">
        <v>2</v>
      </c>
      <c r="AK10" s="261">
        <v>0</v>
      </c>
      <c r="AL10" s="258">
        <v>2</v>
      </c>
      <c r="AM10" s="260">
        <v>0</v>
      </c>
      <c r="AN10" s="261">
        <v>64</v>
      </c>
      <c r="AO10" s="261">
        <v>46</v>
      </c>
      <c r="AP10" s="261">
        <v>140</v>
      </c>
      <c r="AQ10" s="261">
        <v>73</v>
      </c>
      <c r="AR10" s="261">
        <v>12</v>
      </c>
      <c r="AS10" s="258">
        <v>335</v>
      </c>
      <c r="AT10" s="263">
        <v>337</v>
      </c>
      <c r="AU10" s="257">
        <v>0</v>
      </c>
      <c r="AV10" s="261">
        <v>0</v>
      </c>
      <c r="AW10" s="258">
        <v>0</v>
      </c>
      <c r="AX10" s="260">
        <v>0</v>
      </c>
      <c r="AY10" s="261">
        <v>1146</v>
      </c>
      <c r="AZ10" s="261">
        <v>691</v>
      </c>
      <c r="BA10" s="261">
        <v>395</v>
      </c>
      <c r="BB10" s="261">
        <v>175</v>
      </c>
      <c r="BC10" s="261">
        <v>97</v>
      </c>
      <c r="BD10" s="262">
        <v>2504</v>
      </c>
      <c r="BE10" s="263">
        <v>2504</v>
      </c>
      <c r="BF10" s="257">
        <v>0</v>
      </c>
      <c r="BG10" s="261">
        <v>0</v>
      </c>
      <c r="BH10" s="258">
        <v>0</v>
      </c>
      <c r="BI10" s="260">
        <v>0</v>
      </c>
      <c r="BJ10" s="261">
        <v>138</v>
      </c>
      <c r="BK10" s="261">
        <v>180</v>
      </c>
      <c r="BL10" s="261">
        <v>90</v>
      </c>
      <c r="BM10" s="261">
        <v>40</v>
      </c>
      <c r="BN10" s="261">
        <v>6</v>
      </c>
      <c r="BO10" s="258">
        <v>454</v>
      </c>
      <c r="BP10" s="263">
        <v>454</v>
      </c>
      <c r="BQ10" s="257">
        <v>0</v>
      </c>
      <c r="BR10" s="261">
        <v>0</v>
      </c>
      <c r="BS10" s="258">
        <v>0</v>
      </c>
      <c r="BT10" s="260">
        <v>0</v>
      </c>
      <c r="BU10" s="261">
        <v>121</v>
      </c>
      <c r="BV10" s="261">
        <v>294</v>
      </c>
      <c r="BW10" s="261">
        <v>274</v>
      </c>
      <c r="BX10" s="261">
        <v>124</v>
      </c>
      <c r="BY10" s="261">
        <v>49</v>
      </c>
      <c r="BZ10" s="258">
        <v>862</v>
      </c>
      <c r="CA10" s="263">
        <v>862</v>
      </c>
      <c r="CB10" s="257">
        <v>0</v>
      </c>
      <c r="CC10" s="261">
        <v>0</v>
      </c>
      <c r="CD10" s="258">
        <v>0</v>
      </c>
      <c r="CE10" s="260">
        <v>0</v>
      </c>
      <c r="CF10" s="261">
        <v>0</v>
      </c>
      <c r="CG10" s="261">
        <v>0</v>
      </c>
      <c r="CH10" s="261">
        <v>0</v>
      </c>
      <c r="CI10" s="261">
        <v>13</v>
      </c>
      <c r="CJ10" s="261">
        <v>4</v>
      </c>
      <c r="CK10" s="258">
        <v>17</v>
      </c>
      <c r="CL10" s="263">
        <v>17</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249</v>
      </c>
      <c r="H11" s="261">
        <v>838</v>
      </c>
      <c r="I11" s="261">
        <v>931</v>
      </c>
      <c r="J11" s="261">
        <v>443</v>
      </c>
      <c r="K11" s="261">
        <v>652</v>
      </c>
      <c r="L11" s="262">
        <v>3113</v>
      </c>
      <c r="M11" s="263">
        <v>3113</v>
      </c>
      <c r="N11" s="257">
        <v>0</v>
      </c>
      <c r="O11" s="261">
        <v>0</v>
      </c>
      <c r="P11" s="258">
        <v>0</v>
      </c>
      <c r="Q11" s="260">
        <v>0</v>
      </c>
      <c r="R11" s="261">
        <v>0</v>
      </c>
      <c r="S11" s="261">
        <v>0</v>
      </c>
      <c r="T11" s="261">
        <v>0</v>
      </c>
      <c r="U11" s="261">
        <v>0</v>
      </c>
      <c r="V11" s="261">
        <v>33</v>
      </c>
      <c r="W11" s="258">
        <v>33</v>
      </c>
      <c r="X11" s="263">
        <v>33</v>
      </c>
      <c r="Y11" s="257">
        <v>2</v>
      </c>
      <c r="Z11" s="261">
        <v>6</v>
      </c>
      <c r="AA11" s="258">
        <v>8</v>
      </c>
      <c r="AB11" s="260">
        <v>0</v>
      </c>
      <c r="AC11" s="261">
        <v>119</v>
      </c>
      <c r="AD11" s="261">
        <v>245</v>
      </c>
      <c r="AE11" s="261">
        <v>219</v>
      </c>
      <c r="AF11" s="261">
        <v>89</v>
      </c>
      <c r="AG11" s="261">
        <v>144</v>
      </c>
      <c r="AH11" s="258">
        <v>816</v>
      </c>
      <c r="AI11" s="263">
        <v>824</v>
      </c>
      <c r="AJ11" s="257">
        <v>0</v>
      </c>
      <c r="AK11" s="261">
        <v>8</v>
      </c>
      <c r="AL11" s="258">
        <v>8</v>
      </c>
      <c r="AM11" s="260">
        <v>0</v>
      </c>
      <c r="AN11" s="261">
        <v>8</v>
      </c>
      <c r="AO11" s="261">
        <v>24</v>
      </c>
      <c r="AP11" s="261">
        <v>53</v>
      </c>
      <c r="AQ11" s="261">
        <v>42</v>
      </c>
      <c r="AR11" s="261">
        <v>0</v>
      </c>
      <c r="AS11" s="258">
        <v>127</v>
      </c>
      <c r="AT11" s="263">
        <v>135</v>
      </c>
      <c r="AU11" s="257">
        <v>0</v>
      </c>
      <c r="AV11" s="261">
        <v>0</v>
      </c>
      <c r="AW11" s="258">
        <v>0</v>
      </c>
      <c r="AX11" s="260">
        <v>0</v>
      </c>
      <c r="AY11" s="261">
        <v>327</v>
      </c>
      <c r="AZ11" s="261">
        <v>293</v>
      </c>
      <c r="BA11" s="261">
        <v>236</v>
      </c>
      <c r="BB11" s="261">
        <v>112</v>
      </c>
      <c r="BC11" s="261">
        <v>153</v>
      </c>
      <c r="BD11" s="262">
        <v>1121</v>
      </c>
      <c r="BE11" s="263">
        <v>1121</v>
      </c>
      <c r="BF11" s="257">
        <v>0</v>
      </c>
      <c r="BG11" s="261">
        <v>0</v>
      </c>
      <c r="BH11" s="258">
        <v>0</v>
      </c>
      <c r="BI11" s="260">
        <v>0</v>
      </c>
      <c r="BJ11" s="261">
        <v>59</v>
      </c>
      <c r="BK11" s="261">
        <v>52</v>
      </c>
      <c r="BL11" s="261">
        <v>66</v>
      </c>
      <c r="BM11" s="261">
        <v>17</v>
      </c>
      <c r="BN11" s="261">
        <v>0</v>
      </c>
      <c r="BO11" s="258">
        <v>194</v>
      </c>
      <c r="BP11" s="263">
        <v>194</v>
      </c>
      <c r="BQ11" s="257">
        <v>6</v>
      </c>
      <c r="BR11" s="261">
        <v>0</v>
      </c>
      <c r="BS11" s="258">
        <v>6</v>
      </c>
      <c r="BT11" s="260">
        <v>0</v>
      </c>
      <c r="BU11" s="261">
        <v>52</v>
      </c>
      <c r="BV11" s="261">
        <v>73</v>
      </c>
      <c r="BW11" s="261">
        <v>156</v>
      </c>
      <c r="BX11" s="261">
        <v>69</v>
      </c>
      <c r="BY11" s="261">
        <v>30</v>
      </c>
      <c r="BZ11" s="258">
        <v>380</v>
      </c>
      <c r="CA11" s="263">
        <v>386</v>
      </c>
      <c r="CB11" s="257">
        <v>0</v>
      </c>
      <c r="CC11" s="261">
        <v>0</v>
      </c>
      <c r="CD11" s="258">
        <v>0</v>
      </c>
      <c r="CE11" s="260">
        <v>0</v>
      </c>
      <c r="CF11" s="261">
        <v>0</v>
      </c>
      <c r="CG11" s="261">
        <v>0</v>
      </c>
      <c r="CH11" s="261">
        <v>11</v>
      </c>
      <c r="CI11" s="261">
        <v>0</v>
      </c>
      <c r="CJ11" s="261">
        <v>0</v>
      </c>
      <c r="CK11" s="258">
        <v>11</v>
      </c>
      <c r="CL11" s="263">
        <v>11</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584</v>
      </c>
      <c r="H12" s="261">
        <v>591</v>
      </c>
      <c r="I12" s="261">
        <v>958</v>
      </c>
      <c r="J12" s="261">
        <v>1123</v>
      </c>
      <c r="K12" s="261">
        <v>984</v>
      </c>
      <c r="L12" s="262">
        <v>4240</v>
      </c>
      <c r="M12" s="263">
        <v>4240</v>
      </c>
      <c r="N12" s="257">
        <v>0</v>
      </c>
      <c r="O12" s="261">
        <v>0</v>
      </c>
      <c r="P12" s="258">
        <v>0</v>
      </c>
      <c r="Q12" s="260">
        <v>0</v>
      </c>
      <c r="R12" s="261">
        <v>0</v>
      </c>
      <c r="S12" s="261">
        <v>4</v>
      </c>
      <c r="T12" s="261">
        <v>15</v>
      </c>
      <c r="U12" s="261">
        <v>9</v>
      </c>
      <c r="V12" s="261">
        <v>23</v>
      </c>
      <c r="W12" s="258">
        <v>51</v>
      </c>
      <c r="X12" s="263">
        <v>51</v>
      </c>
      <c r="Y12" s="257">
        <v>36</v>
      </c>
      <c r="Z12" s="261">
        <v>75</v>
      </c>
      <c r="AA12" s="258">
        <v>111</v>
      </c>
      <c r="AB12" s="260">
        <v>0</v>
      </c>
      <c r="AC12" s="261">
        <v>430</v>
      </c>
      <c r="AD12" s="261">
        <v>354</v>
      </c>
      <c r="AE12" s="261">
        <v>352</v>
      </c>
      <c r="AF12" s="261">
        <v>235</v>
      </c>
      <c r="AG12" s="261">
        <v>204</v>
      </c>
      <c r="AH12" s="258">
        <v>1575</v>
      </c>
      <c r="AI12" s="263">
        <v>1686</v>
      </c>
      <c r="AJ12" s="257">
        <v>0</v>
      </c>
      <c r="AK12" s="261">
        <v>0</v>
      </c>
      <c r="AL12" s="258">
        <v>0</v>
      </c>
      <c r="AM12" s="260">
        <v>0</v>
      </c>
      <c r="AN12" s="261">
        <v>27</v>
      </c>
      <c r="AO12" s="261">
        <v>82</v>
      </c>
      <c r="AP12" s="261">
        <v>26</v>
      </c>
      <c r="AQ12" s="261">
        <v>57</v>
      </c>
      <c r="AR12" s="261">
        <v>16</v>
      </c>
      <c r="AS12" s="258">
        <v>208</v>
      </c>
      <c r="AT12" s="263">
        <v>208</v>
      </c>
      <c r="AU12" s="257">
        <v>0</v>
      </c>
      <c r="AV12" s="261">
        <v>0</v>
      </c>
      <c r="AW12" s="258">
        <v>0</v>
      </c>
      <c r="AX12" s="260">
        <v>0</v>
      </c>
      <c r="AY12" s="261">
        <v>326</v>
      </c>
      <c r="AZ12" s="261">
        <v>245</v>
      </c>
      <c r="BA12" s="261">
        <v>242</v>
      </c>
      <c r="BB12" s="261">
        <v>173</v>
      </c>
      <c r="BC12" s="261">
        <v>11</v>
      </c>
      <c r="BD12" s="262">
        <v>997</v>
      </c>
      <c r="BE12" s="263">
        <v>997</v>
      </c>
      <c r="BF12" s="257">
        <v>0</v>
      </c>
      <c r="BG12" s="261">
        <v>0</v>
      </c>
      <c r="BH12" s="258">
        <v>0</v>
      </c>
      <c r="BI12" s="260">
        <v>0</v>
      </c>
      <c r="BJ12" s="261">
        <v>134</v>
      </c>
      <c r="BK12" s="261">
        <v>111</v>
      </c>
      <c r="BL12" s="261">
        <v>118</v>
      </c>
      <c r="BM12" s="261">
        <v>47</v>
      </c>
      <c r="BN12" s="261">
        <v>16</v>
      </c>
      <c r="BO12" s="258">
        <v>426</v>
      </c>
      <c r="BP12" s="263">
        <v>426</v>
      </c>
      <c r="BQ12" s="257">
        <v>0</v>
      </c>
      <c r="BR12" s="261">
        <v>2</v>
      </c>
      <c r="BS12" s="258">
        <v>2</v>
      </c>
      <c r="BT12" s="260">
        <v>0</v>
      </c>
      <c r="BU12" s="261">
        <v>80</v>
      </c>
      <c r="BV12" s="261">
        <v>80</v>
      </c>
      <c r="BW12" s="261">
        <v>78</v>
      </c>
      <c r="BX12" s="261">
        <v>110</v>
      </c>
      <c r="BY12" s="261">
        <v>37</v>
      </c>
      <c r="BZ12" s="258">
        <v>385</v>
      </c>
      <c r="CA12" s="263">
        <v>387</v>
      </c>
      <c r="CB12" s="257">
        <v>0</v>
      </c>
      <c r="CC12" s="261">
        <v>0</v>
      </c>
      <c r="CD12" s="258">
        <v>0</v>
      </c>
      <c r="CE12" s="260">
        <v>0</v>
      </c>
      <c r="CF12" s="261">
        <v>0</v>
      </c>
      <c r="CG12" s="261">
        <v>10</v>
      </c>
      <c r="CH12" s="261">
        <v>0</v>
      </c>
      <c r="CI12" s="261">
        <v>2</v>
      </c>
      <c r="CJ12" s="261">
        <v>0</v>
      </c>
      <c r="CK12" s="258">
        <v>12</v>
      </c>
      <c r="CL12" s="263">
        <v>12</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016</v>
      </c>
      <c r="H13" s="261">
        <v>1079</v>
      </c>
      <c r="I13" s="261">
        <v>491</v>
      </c>
      <c r="J13" s="261">
        <v>1620</v>
      </c>
      <c r="K13" s="261">
        <v>1491</v>
      </c>
      <c r="L13" s="262">
        <v>5697</v>
      </c>
      <c r="M13" s="263">
        <v>5697</v>
      </c>
      <c r="N13" s="257">
        <v>0</v>
      </c>
      <c r="O13" s="261">
        <v>0</v>
      </c>
      <c r="P13" s="258">
        <v>0</v>
      </c>
      <c r="Q13" s="260">
        <v>0</v>
      </c>
      <c r="R13" s="261">
        <v>5</v>
      </c>
      <c r="S13" s="261">
        <v>5</v>
      </c>
      <c r="T13" s="261">
        <v>15</v>
      </c>
      <c r="U13" s="261">
        <v>29</v>
      </c>
      <c r="V13" s="261">
        <v>63</v>
      </c>
      <c r="W13" s="258">
        <v>117</v>
      </c>
      <c r="X13" s="263">
        <v>117</v>
      </c>
      <c r="Y13" s="257">
        <v>58</v>
      </c>
      <c r="Z13" s="261">
        <v>118</v>
      </c>
      <c r="AA13" s="258">
        <v>176</v>
      </c>
      <c r="AB13" s="260">
        <v>0</v>
      </c>
      <c r="AC13" s="261">
        <v>689</v>
      </c>
      <c r="AD13" s="261">
        <v>359</v>
      </c>
      <c r="AE13" s="261">
        <v>270</v>
      </c>
      <c r="AF13" s="261">
        <v>256</v>
      </c>
      <c r="AG13" s="261">
        <v>329</v>
      </c>
      <c r="AH13" s="258">
        <v>1903</v>
      </c>
      <c r="AI13" s="263">
        <v>2079</v>
      </c>
      <c r="AJ13" s="257">
        <v>16</v>
      </c>
      <c r="AK13" s="261">
        <v>33</v>
      </c>
      <c r="AL13" s="258">
        <v>49</v>
      </c>
      <c r="AM13" s="260">
        <v>0</v>
      </c>
      <c r="AN13" s="261">
        <v>95</v>
      </c>
      <c r="AO13" s="261">
        <v>60</v>
      </c>
      <c r="AP13" s="261">
        <v>41</v>
      </c>
      <c r="AQ13" s="261">
        <v>58</v>
      </c>
      <c r="AR13" s="261">
        <v>63</v>
      </c>
      <c r="AS13" s="258">
        <v>317</v>
      </c>
      <c r="AT13" s="263">
        <v>366</v>
      </c>
      <c r="AU13" s="257">
        <v>0</v>
      </c>
      <c r="AV13" s="261">
        <v>0</v>
      </c>
      <c r="AW13" s="258">
        <v>0</v>
      </c>
      <c r="AX13" s="260">
        <v>0</v>
      </c>
      <c r="AY13" s="261">
        <v>854</v>
      </c>
      <c r="AZ13" s="261">
        <v>597</v>
      </c>
      <c r="BA13" s="261">
        <v>324</v>
      </c>
      <c r="BB13" s="261">
        <v>233</v>
      </c>
      <c r="BC13" s="261">
        <v>64</v>
      </c>
      <c r="BD13" s="262">
        <v>2072</v>
      </c>
      <c r="BE13" s="263">
        <v>2072</v>
      </c>
      <c r="BF13" s="257">
        <v>0</v>
      </c>
      <c r="BG13" s="261">
        <v>0</v>
      </c>
      <c r="BH13" s="258">
        <v>0</v>
      </c>
      <c r="BI13" s="260">
        <v>0</v>
      </c>
      <c r="BJ13" s="261">
        <v>201</v>
      </c>
      <c r="BK13" s="261">
        <v>79</v>
      </c>
      <c r="BL13" s="261">
        <v>50</v>
      </c>
      <c r="BM13" s="261">
        <v>48</v>
      </c>
      <c r="BN13" s="261">
        <v>24</v>
      </c>
      <c r="BO13" s="258">
        <v>402</v>
      </c>
      <c r="BP13" s="263">
        <v>402</v>
      </c>
      <c r="BQ13" s="257">
        <v>0</v>
      </c>
      <c r="BR13" s="261">
        <v>0</v>
      </c>
      <c r="BS13" s="258">
        <v>0</v>
      </c>
      <c r="BT13" s="260">
        <v>0</v>
      </c>
      <c r="BU13" s="261">
        <v>62</v>
      </c>
      <c r="BV13" s="261">
        <v>119</v>
      </c>
      <c r="BW13" s="261">
        <v>90</v>
      </c>
      <c r="BX13" s="261">
        <v>148</v>
      </c>
      <c r="BY13" s="261">
        <v>17</v>
      </c>
      <c r="BZ13" s="258">
        <v>436</v>
      </c>
      <c r="CA13" s="263">
        <v>436</v>
      </c>
      <c r="CB13" s="257">
        <v>0</v>
      </c>
      <c r="CC13" s="261">
        <v>0</v>
      </c>
      <c r="CD13" s="258">
        <v>0</v>
      </c>
      <c r="CE13" s="260">
        <v>0</v>
      </c>
      <c r="CF13" s="261">
        <v>0</v>
      </c>
      <c r="CG13" s="261">
        <v>7</v>
      </c>
      <c r="CH13" s="261">
        <v>39</v>
      </c>
      <c r="CI13" s="261">
        <v>7</v>
      </c>
      <c r="CJ13" s="261">
        <v>5</v>
      </c>
      <c r="CK13" s="258">
        <v>58</v>
      </c>
      <c r="CL13" s="263">
        <v>58</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106</v>
      </c>
      <c r="H14" s="261">
        <v>311</v>
      </c>
      <c r="I14" s="261">
        <v>347</v>
      </c>
      <c r="J14" s="261">
        <v>488</v>
      </c>
      <c r="K14" s="261">
        <v>714</v>
      </c>
      <c r="L14" s="262">
        <v>1966</v>
      </c>
      <c r="M14" s="263">
        <v>1966</v>
      </c>
      <c r="N14" s="257">
        <v>0</v>
      </c>
      <c r="O14" s="261">
        <v>0</v>
      </c>
      <c r="P14" s="258">
        <v>0</v>
      </c>
      <c r="Q14" s="260">
        <v>0</v>
      </c>
      <c r="R14" s="261">
        <v>0</v>
      </c>
      <c r="S14" s="261">
        <v>14</v>
      </c>
      <c r="T14" s="261">
        <v>7</v>
      </c>
      <c r="U14" s="261">
        <v>23</v>
      </c>
      <c r="V14" s="261">
        <v>20</v>
      </c>
      <c r="W14" s="258">
        <v>64</v>
      </c>
      <c r="X14" s="263">
        <v>64</v>
      </c>
      <c r="Y14" s="257">
        <v>25</v>
      </c>
      <c r="Z14" s="261">
        <v>26</v>
      </c>
      <c r="AA14" s="258">
        <v>51</v>
      </c>
      <c r="AB14" s="260">
        <v>0</v>
      </c>
      <c r="AC14" s="261">
        <v>159</v>
      </c>
      <c r="AD14" s="261">
        <v>103</v>
      </c>
      <c r="AE14" s="261">
        <v>150</v>
      </c>
      <c r="AF14" s="261">
        <v>80</v>
      </c>
      <c r="AG14" s="261">
        <v>35</v>
      </c>
      <c r="AH14" s="258">
        <v>527</v>
      </c>
      <c r="AI14" s="263">
        <v>578</v>
      </c>
      <c r="AJ14" s="257">
        <v>0</v>
      </c>
      <c r="AK14" s="261">
        <v>23</v>
      </c>
      <c r="AL14" s="258">
        <v>23</v>
      </c>
      <c r="AM14" s="260">
        <v>0</v>
      </c>
      <c r="AN14" s="261">
        <v>18</v>
      </c>
      <c r="AO14" s="261">
        <v>0</v>
      </c>
      <c r="AP14" s="261">
        <v>12</v>
      </c>
      <c r="AQ14" s="261">
        <v>60</v>
      </c>
      <c r="AR14" s="261">
        <v>18</v>
      </c>
      <c r="AS14" s="258">
        <v>108</v>
      </c>
      <c r="AT14" s="263">
        <v>131</v>
      </c>
      <c r="AU14" s="257">
        <v>0</v>
      </c>
      <c r="AV14" s="261">
        <v>0</v>
      </c>
      <c r="AW14" s="258">
        <v>0</v>
      </c>
      <c r="AX14" s="260">
        <v>0</v>
      </c>
      <c r="AY14" s="261">
        <v>353</v>
      </c>
      <c r="AZ14" s="261">
        <v>216</v>
      </c>
      <c r="BA14" s="261">
        <v>136</v>
      </c>
      <c r="BB14" s="261">
        <v>119</v>
      </c>
      <c r="BC14" s="261">
        <v>14</v>
      </c>
      <c r="BD14" s="262">
        <v>838</v>
      </c>
      <c r="BE14" s="263">
        <v>838</v>
      </c>
      <c r="BF14" s="257">
        <v>0</v>
      </c>
      <c r="BG14" s="261">
        <v>0</v>
      </c>
      <c r="BH14" s="258">
        <v>0</v>
      </c>
      <c r="BI14" s="260">
        <v>0</v>
      </c>
      <c r="BJ14" s="261">
        <v>104</v>
      </c>
      <c r="BK14" s="261">
        <v>61</v>
      </c>
      <c r="BL14" s="261">
        <v>64</v>
      </c>
      <c r="BM14" s="261">
        <v>81</v>
      </c>
      <c r="BN14" s="261">
        <v>3</v>
      </c>
      <c r="BO14" s="258">
        <v>313</v>
      </c>
      <c r="BP14" s="263">
        <v>313</v>
      </c>
      <c r="BQ14" s="257">
        <v>5</v>
      </c>
      <c r="BR14" s="261">
        <v>21</v>
      </c>
      <c r="BS14" s="258">
        <v>26</v>
      </c>
      <c r="BT14" s="260">
        <v>0</v>
      </c>
      <c r="BU14" s="261">
        <v>38</v>
      </c>
      <c r="BV14" s="261">
        <v>85</v>
      </c>
      <c r="BW14" s="261">
        <v>22</v>
      </c>
      <c r="BX14" s="261">
        <v>43</v>
      </c>
      <c r="BY14" s="261">
        <v>41</v>
      </c>
      <c r="BZ14" s="258">
        <v>229</v>
      </c>
      <c r="CA14" s="263">
        <v>255</v>
      </c>
      <c r="CB14" s="257">
        <v>0</v>
      </c>
      <c r="CC14" s="261">
        <v>0</v>
      </c>
      <c r="CD14" s="258">
        <v>0</v>
      </c>
      <c r="CE14" s="260">
        <v>0</v>
      </c>
      <c r="CF14" s="261">
        <v>0</v>
      </c>
      <c r="CG14" s="261">
        <v>0</v>
      </c>
      <c r="CH14" s="261">
        <v>0</v>
      </c>
      <c r="CI14" s="261">
        <v>6</v>
      </c>
      <c r="CJ14" s="261">
        <v>0</v>
      </c>
      <c r="CK14" s="258">
        <v>6</v>
      </c>
      <c r="CL14" s="263">
        <v>6</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422</v>
      </c>
      <c r="H15" s="261">
        <v>1018</v>
      </c>
      <c r="I15" s="261">
        <v>430</v>
      </c>
      <c r="J15" s="261">
        <v>1568</v>
      </c>
      <c r="K15" s="261">
        <v>227</v>
      </c>
      <c r="L15" s="262">
        <v>3665</v>
      </c>
      <c r="M15" s="263">
        <v>3665</v>
      </c>
      <c r="N15" s="257">
        <v>0</v>
      </c>
      <c r="O15" s="261">
        <v>0</v>
      </c>
      <c r="P15" s="258">
        <v>0</v>
      </c>
      <c r="Q15" s="260">
        <v>0</v>
      </c>
      <c r="R15" s="261">
        <v>0</v>
      </c>
      <c r="S15" s="261">
        <v>4</v>
      </c>
      <c r="T15" s="261">
        <v>0</v>
      </c>
      <c r="U15" s="261">
        <v>24</v>
      </c>
      <c r="V15" s="261">
        <v>15</v>
      </c>
      <c r="W15" s="258">
        <v>43</v>
      </c>
      <c r="X15" s="263">
        <v>43</v>
      </c>
      <c r="Y15" s="257">
        <v>72</v>
      </c>
      <c r="Z15" s="261">
        <v>89</v>
      </c>
      <c r="AA15" s="258">
        <v>161</v>
      </c>
      <c r="AB15" s="260">
        <v>0</v>
      </c>
      <c r="AC15" s="261">
        <v>113</v>
      </c>
      <c r="AD15" s="261">
        <v>276</v>
      </c>
      <c r="AE15" s="261">
        <v>145</v>
      </c>
      <c r="AF15" s="261">
        <v>110</v>
      </c>
      <c r="AG15" s="261">
        <v>116</v>
      </c>
      <c r="AH15" s="258">
        <v>760</v>
      </c>
      <c r="AI15" s="263">
        <v>921</v>
      </c>
      <c r="AJ15" s="257">
        <v>0</v>
      </c>
      <c r="AK15" s="261">
        <v>14</v>
      </c>
      <c r="AL15" s="258">
        <v>14</v>
      </c>
      <c r="AM15" s="260">
        <v>0</v>
      </c>
      <c r="AN15" s="261">
        <v>6</v>
      </c>
      <c r="AO15" s="261">
        <v>58</v>
      </c>
      <c r="AP15" s="261">
        <v>0</v>
      </c>
      <c r="AQ15" s="261">
        <v>18</v>
      </c>
      <c r="AR15" s="261">
        <v>0</v>
      </c>
      <c r="AS15" s="258">
        <v>82</v>
      </c>
      <c r="AT15" s="263">
        <v>96</v>
      </c>
      <c r="AU15" s="257">
        <v>0</v>
      </c>
      <c r="AV15" s="261">
        <v>0</v>
      </c>
      <c r="AW15" s="258">
        <v>0</v>
      </c>
      <c r="AX15" s="260">
        <v>0</v>
      </c>
      <c r="AY15" s="261">
        <v>435</v>
      </c>
      <c r="AZ15" s="261">
        <v>235</v>
      </c>
      <c r="BA15" s="261">
        <v>270</v>
      </c>
      <c r="BB15" s="261">
        <v>153</v>
      </c>
      <c r="BC15" s="261">
        <v>20</v>
      </c>
      <c r="BD15" s="262">
        <v>1113</v>
      </c>
      <c r="BE15" s="263">
        <v>1113</v>
      </c>
      <c r="BF15" s="257">
        <v>0</v>
      </c>
      <c r="BG15" s="261">
        <v>0</v>
      </c>
      <c r="BH15" s="258">
        <v>0</v>
      </c>
      <c r="BI15" s="260">
        <v>0</v>
      </c>
      <c r="BJ15" s="261">
        <v>68</v>
      </c>
      <c r="BK15" s="261">
        <v>103</v>
      </c>
      <c r="BL15" s="261">
        <v>123</v>
      </c>
      <c r="BM15" s="261">
        <v>41</v>
      </c>
      <c r="BN15" s="261">
        <v>0</v>
      </c>
      <c r="BO15" s="258">
        <v>335</v>
      </c>
      <c r="BP15" s="263">
        <v>335</v>
      </c>
      <c r="BQ15" s="257">
        <v>3</v>
      </c>
      <c r="BR15" s="261">
        <v>12</v>
      </c>
      <c r="BS15" s="258">
        <v>15</v>
      </c>
      <c r="BT15" s="260">
        <v>0</v>
      </c>
      <c r="BU15" s="261">
        <v>70</v>
      </c>
      <c r="BV15" s="261">
        <v>67</v>
      </c>
      <c r="BW15" s="261">
        <v>70</v>
      </c>
      <c r="BX15" s="261">
        <v>83</v>
      </c>
      <c r="BY15" s="261">
        <v>0</v>
      </c>
      <c r="BZ15" s="258">
        <v>290</v>
      </c>
      <c r="CA15" s="263">
        <v>305</v>
      </c>
      <c r="CB15" s="257">
        <v>0</v>
      </c>
      <c r="CC15" s="261">
        <v>0</v>
      </c>
      <c r="CD15" s="258">
        <v>0</v>
      </c>
      <c r="CE15" s="260">
        <v>0</v>
      </c>
      <c r="CF15" s="261">
        <v>6</v>
      </c>
      <c r="CG15" s="261">
        <v>0</v>
      </c>
      <c r="CH15" s="261">
        <v>11</v>
      </c>
      <c r="CI15" s="261">
        <v>0</v>
      </c>
      <c r="CJ15" s="261">
        <v>0</v>
      </c>
      <c r="CK15" s="258">
        <v>17</v>
      </c>
      <c r="CL15" s="263">
        <v>17</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0</v>
      </c>
      <c r="E16" s="358">
        <v>0</v>
      </c>
      <c r="F16" s="260">
        <v>0</v>
      </c>
      <c r="G16" s="261">
        <v>184</v>
      </c>
      <c r="H16" s="261">
        <v>157</v>
      </c>
      <c r="I16" s="261">
        <v>171</v>
      </c>
      <c r="J16" s="261">
        <v>617</v>
      </c>
      <c r="K16" s="261">
        <v>237</v>
      </c>
      <c r="L16" s="262">
        <v>1366</v>
      </c>
      <c r="M16" s="263">
        <v>1366</v>
      </c>
      <c r="N16" s="257">
        <v>0</v>
      </c>
      <c r="O16" s="261">
        <v>0</v>
      </c>
      <c r="P16" s="258">
        <v>0</v>
      </c>
      <c r="Q16" s="260">
        <v>0</v>
      </c>
      <c r="R16" s="261">
        <v>0</v>
      </c>
      <c r="S16" s="261">
        <v>0</v>
      </c>
      <c r="T16" s="261">
        <v>0</v>
      </c>
      <c r="U16" s="261">
        <v>14</v>
      </c>
      <c r="V16" s="261">
        <v>25</v>
      </c>
      <c r="W16" s="258">
        <v>39</v>
      </c>
      <c r="X16" s="263">
        <v>39</v>
      </c>
      <c r="Y16" s="257">
        <v>6</v>
      </c>
      <c r="Z16" s="261">
        <v>22</v>
      </c>
      <c r="AA16" s="258">
        <v>28</v>
      </c>
      <c r="AB16" s="260">
        <v>0</v>
      </c>
      <c r="AC16" s="261">
        <v>91</v>
      </c>
      <c r="AD16" s="261">
        <v>133</v>
      </c>
      <c r="AE16" s="261">
        <v>114</v>
      </c>
      <c r="AF16" s="261">
        <v>101</v>
      </c>
      <c r="AG16" s="261">
        <v>127</v>
      </c>
      <c r="AH16" s="258">
        <v>566</v>
      </c>
      <c r="AI16" s="263">
        <v>594</v>
      </c>
      <c r="AJ16" s="257">
        <v>0</v>
      </c>
      <c r="AK16" s="261">
        <v>0</v>
      </c>
      <c r="AL16" s="258">
        <v>0</v>
      </c>
      <c r="AM16" s="260">
        <v>0</v>
      </c>
      <c r="AN16" s="261">
        <v>23</v>
      </c>
      <c r="AO16" s="261">
        <v>6</v>
      </c>
      <c r="AP16" s="261">
        <v>0</v>
      </c>
      <c r="AQ16" s="261">
        <v>34</v>
      </c>
      <c r="AR16" s="261">
        <v>8</v>
      </c>
      <c r="AS16" s="258">
        <v>71</v>
      </c>
      <c r="AT16" s="263">
        <v>71</v>
      </c>
      <c r="AU16" s="257">
        <v>0</v>
      </c>
      <c r="AV16" s="261">
        <v>0</v>
      </c>
      <c r="AW16" s="258">
        <v>0</v>
      </c>
      <c r="AX16" s="260">
        <v>0</v>
      </c>
      <c r="AY16" s="261">
        <v>99</v>
      </c>
      <c r="AZ16" s="261">
        <v>107</v>
      </c>
      <c r="BA16" s="261">
        <v>145</v>
      </c>
      <c r="BB16" s="261">
        <v>58</v>
      </c>
      <c r="BC16" s="261">
        <v>26</v>
      </c>
      <c r="BD16" s="262">
        <v>435</v>
      </c>
      <c r="BE16" s="263">
        <v>435</v>
      </c>
      <c r="BF16" s="257">
        <v>0</v>
      </c>
      <c r="BG16" s="261">
        <v>0</v>
      </c>
      <c r="BH16" s="258">
        <v>0</v>
      </c>
      <c r="BI16" s="260">
        <v>0</v>
      </c>
      <c r="BJ16" s="261">
        <v>18</v>
      </c>
      <c r="BK16" s="261">
        <v>23</v>
      </c>
      <c r="BL16" s="261">
        <v>16</v>
      </c>
      <c r="BM16" s="261">
        <v>11</v>
      </c>
      <c r="BN16" s="261">
        <v>29</v>
      </c>
      <c r="BO16" s="258">
        <v>97</v>
      </c>
      <c r="BP16" s="263">
        <v>97</v>
      </c>
      <c r="BQ16" s="257">
        <v>0</v>
      </c>
      <c r="BR16" s="261">
        <v>0</v>
      </c>
      <c r="BS16" s="258">
        <v>0</v>
      </c>
      <c r="BT16" s="260">
        <v>0</v>
      </c>
      <c r="BU16" s="261">
        <v>0</v>
      </c>
      <c r="BV16" s="261">
        <v>10</v>
      </c>
      <c r="BW16" s="261">
        <v>15</v>
      </c>
      <c r="BX16" s="261">
        <v>59</v>
      </c>
      <c r="BY16" s="261">
        <v>0</v>
      </c>
      <c r="BZ16" s="258">
        <v>84</v>
      </c>
      <c r="CA16" s="263">
        <v>84</v>
      </c>
      <c r="CB16" s="257">
        <v>0</v>
      </c>
      <c r="CC16" s="261">
        <v>0</v>
      </c>
      <c r="CD16" s="258">
        <v>0</v>
      </c>
      <c r="CE16" s="260">
        <v>0</v>
      </c>
      <c r="CF16" s="261">
        <v>0</v>
      </c>
      <c r="CG16" s="261">
        <v>6</v>
      </c>
      <c r="CH16" s="261">
        <v>0</v>
      </c>
      <c r="CI16" s="261">
        <v>0</v>
      </c>
      <c r="CJ16" s="261">
        <v>0</v>
      </c>
      <c r="CK16" s="258">
        <v>6</v>
      </c>
      <c r="CL16" s="263">
        <v>6</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82</v>
      </c>
      <c r="H17" s="261">
        <v>115</v>
      </c>
      <c r="I17" s="261">
        <v>140</v>
      </c>
      <c r="J17" s="261">
        <v>200</v>
      </c>
      <c r="K17" s="261">
        <v>105</v>
      </c>
      <c r="L17" s="262">
        <v>642</v>
      </c>
      <c r="M17" s="263">
        <v>642</v>
      </c>
      <c r="N17" s="257">
        <v>0</v>
      </c>
      <c r="O17" s="261">
        <v>0</v>
      </c>
      <c r="P17" s="258">
        <v>0</v>
      </c>
      <c r="Q17" s="260">
        <v>0</v>
      </c>
      <c r="R17" s="261">
        <v>0</v>
      </c>
      <c r="S17" s="261">
        <v>9</v>
      </c>
      <c r="T17" s="261">
        <v>0</v>
      </c>
      <c r="U17" s="261">
        <v>0</v>
      </c>
      <c r="V17" s="261">
        <v>0</v>
      </c>
      <c r="W17" s="258">
        <v>9</v>
      </c>
      <c r="X17" s="263">
        <v>9</v>
      </c>
      <c r="Y17" s="257">
        <v>0</v>
      </c>
      <c r="Z17" s="261">
        <v>10</v>
      </c>
      <c r="AA17" s="258">
        <v>10</v>
      </c>
      <c r="AB17" s="260">
        <v>0</v>
      </c>
      <c r="AC17" s="261">
        <v>22</v>
      </c>
      <c r="AD17" s="261">
        <v>35</v>
      </c>
      <c r="AE17" s="261">
        <v>42</v>
      </c>
      <c r="AF17" s="261">
        <v>18</v>
      </c>
      <c r="AG17" s="261">
        <v>0</v>
      </c>
      <c r="AH17" s="258">
        <v>117</v>
      </c>
      <c r="AI17" s="263">
        <v>127</v>
      </c>
      <c r="AJ17" s="257">
        <v>0</v>
      </c>
      <c r="AK17" s="261">
        <v>0</v>
      </c>
      <c r="AL17" s="258">
        <v>0</v>
      </c>
      <c r="AM17" s="260">
        <v>0</v>
      </c>
      <c r="AN17" s="261">
        <v>14</v>
      </c>
      <c r="AO17" s="261">
        <v>21</v>
      </c>
      <c r="AP17" s="261">
        <v>0</v>
      </c>
      <c r="AQ17" s="261">
        <v>0</v>
      </c>
      <c r="AR17" s="261">
        <v>0</v>
      </c>
      <c r="AS17" s="258">
        <v>35</v>
      </c>
      <c r="AT17" s="263">
        <v>35</v>
      </c>
      <c r="AU17" s="257">
        <v>0</v>
      </c>
      <c r="AV17" s="261">
        <v>0</v>
      </c>
      <c r="AW17" s="258">
        <v>0</v>
      </c>
      <c r="AX17" s="260">
        <v>0</v>
      </c>
      <c r="AY17" s="261">
        <v>36</v>
      </c>
      <c r="AZ17" s="261">
        <v>38</v>
      </c>
      <c r="BA17" s="261">
        <v>49</v>
      </c>
      <c r="BB17" s="261">
        <v>13</v>
      </c>
      <c r="BC17" s="261">
        <v>0</v>
      </c>
      <c r="BD17" s="262">
        <v>136</v>
      </c>
      <c r="BE17" s="263">
        <v>136</v>
      </c>
      <c r="BF17" s="257">
        <v>0</v>
      </c>
      <c r="BG17" s="261">
        <v>0</v>
      </c>
      <c r="BH17" s="258">
        <v>0</v>
      </c>
      <c r="BI17" s="260">
        <v>0</v>
      </c>
      <c r="BJ17" s="261">
        <v>8</v>
      </c>
      <c r="BK17" s="261">
        <v>31</v>
      </c>
      <c r="BL17" s="261">
        <v>29</v>
      </c>
      <c r="BM17" s="261">
        <v>0</v>
      </c>
      <c r="BN17" s="261">
        <v>0</v>
      </c>
      <c r="BO17" s="258">
        <v>68</v>
      </c>
      <c r="BP17" s="263">
        <v>68</v>
      </c>
      <c r="BQ17" s="257">
        <v>0</v>
      </c>
      <c r="BR17" s="261">
        <v>0</v>
      </c>
      <c r="BS17" s="258">
        <v>0</v>
      </c>
      <c r="BT17" s="260">
        <v>0</v>
      </c>
      <c r="BU17" s="261">
        <v>3</v>
      </c>
      <c r="BV17" s="261">
        <v>9</v>
      </c>
      <c r="BW17" s="261">
        <v>30</v>
      </c>
      <c r="BX17" s="261">
        <v>8</v>
      </c>
      <c r="BY17" s="261">
        <v>0</v>
      </c>
      <c r="BZ17" s="258">
        <v>50</v>
      </c>
      <c r="CA17" s="263">
        <v>50</v>
      </c>
      <c r="CB17" s="257">
        <v>0</v>
      </c>
      <c r="CC17" s="261">
        <v>0</v>
      </c>
      <c r="CD17" s="258">
        <v>0</v>
      </c>
      <c r="CE17" s="260">
        <v>0</v>
      </c>
      <c r="CF17" s="261">
        <v>0</v>
      </c>
      <c r="CG17" s="261">
        <v>0</v>
      </c>
      <c r="CH17" s="261">
        <v>4</v>
      </c>
      <c r="CI17" s="261">
        <v>0</v>
      </c>
      <c r="CJ17" s="261">
        <v>0</v>
      </c>
      <c r="CK17" s="258">
        <v>4</v>
      </c>
      <c r="CL17" s="263">
        <v>4</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132</v>
      </c>
      <c r="H18" s="261">
        <v>48</v>
      </c>
      <c r="I18" s="261">
        <v>136</v>
      </c>
      <c r="J18" s="261">
        <v>86</v>
      </c>
      <c r="K18" s="261">
        <v>0</v>
      </c>
      <c r="L18" s="262">
        <v>402</v>
      </c>
      <c r="M18" s="263">
        <v>402</v>
      </c>
      <c r="N18" s="257">
        <v>0</v>
      </c>
      <c r="O18" s="261">
        <v>0</v>
      </c>
      <c r="P18" s="258">
        <v>0</v>
      </c>
      <c r="Q18" s="260">
        <v>0</v>
      </c>
      <c r="R18" s="261">
        <v>0</v>
      </c>
      <c r="S18" s="261">
        <v>0</v>
      </c>
      <c r="T18" s="261">
        <v>0</v>
      </c>
      <c r="U18" s="261">
        <v>5</v>
      </c>
      <c r="V18" s="261">
        <v>26</v>
      </c>
      <c r="W18" s="258">
        <v>31</v>
      </c>
      <c r="X18" s="263">
        <v>31</v>
      </c>
      <c r="Y18" s="257">
        <v>9</v>
      </c>
      <c r="Z18" s="261">
        <v>14</v>
      </c>
      <c r="AA18" s="258">
        <v>23</v>
      </c>
      <c r="AB18" s="260">
        <v>0</v>
      </c>
      <c r="AC18" s="261">
        <v>152</v>
      </c>
      <c r="AD18" s="261">
        <v>127</v>
      </c>
      <c r="AE18" s="261">
        <v>74</v>
      </c>
      <c r="AF18" s="261">
        <v>128</v>
      </c>
      <c r="AG18" s="261">
        <v>20</v>
      </c>
      <c r="AH18" s="258">
        <v>501</v>
      </c>
      <c r="AI18" s="263">
        <v>524</v>
      </c>
      <c r="AJ18" s="257">
        <v>0</v>
      </c>
      <c r="AK18" s="261">
        <v>0</v>
      </c>
      <c r="AL18" s="258">
        <v>0</v>
      </c>
      <c r="AM18" s="260">
        <v>0</v>
      </c>
      <c r="AN18" s="261">
        <v>12</v>
      </c>
      <c r="AO18" s="261">
        <v>20</v>
      </c>
      <c r="AP18" s="261">
        <v>0</v>
      </c>
      <c r="AQ18" s="261">
        <v>0</v>
      </c>
      <c r="AR18" s="261">
        <v>0</v>
      </c>
      <c r="AS18" s="258">
        <v>32</v>
      </c>
      <c r="AT18" s="263">
        <v>32</v>
      </c>
      <c r="AU18" s="257">
        <v>0</v>
      </c>
      <c r="AV18" s="261">
        <v>0</v>
      </c>
      <c r="AW18" s="258">
        <v>0</v>
      </c>
      <c r="AX18" s="260">
        <v>0</v>
      </c>
      <c r="AY18" s="261">
        <v>106</v>
      </c>
      <c r="AZ18" s="261">
        <v>245</v>
      </c>
      <c r="BA18" s="261">
        <v>61</v>
      </c>
      <c r="BB18" s="261">
        <v>79</v>
      </c>
      <c r="BC18" s="261">
        <v>19</v>
      </c>
      <c r="BD18" s="262">
        <v>510</v>
      </c>
      <c r="BE18" s="263">
        <v>510</v>
      </c>
      <c r="BF18" s="257">
        <v>0</v>
      </c>
      <c r="BG18" s="261">
        <v>0</v>
      </c>
      <c r="BH18" s="258">
        <v>0</v>
      </c>
      <c r="BI18" s="260">
        <v>0</v>
      </c>
      <c r="BJ18" s="261">
        <v>105</v>
      </c>
      <c r="BK18" s="261">
        <v>209</v>
      </c>
      <c r="BL18" s="261">
        <v>108</v>
      </c>
      <c r="BM18" s="261">
        <v>20</v>
      </c>
      <c r="BN18" s="261">
        <v>7</v>
      </c>
      <c r="BO18" s="258">
        <v>449</v>
      </c>
      <c r="BP18" s="263">
        <v>449</v>
      </c>
      <c r="BQ18" s="257">
        <v>0</v>
      </c>
      <c r="BR18" s="261">
        <v>0</v>
      </c>
      <c r="BS18" s="258">
        <v>0</v>
      </c>
      <c r="BT18" s="260">
        <v>0</v>
      </c>
      <c r="BU18" s="261">
        <v>22</v>
      </c>
      <c r="BV18" s="261">
        <v>7</v>
      </c>
      <c r="BW18" s="261">
        <v>22</v>
      </c>
      <c r="BX18" s="261">
        <v>62</v>
      </c>
      <c r="BY18" s="261">
        <v>0</v>
      </c>
      <c r="BZ18" s="258">
        <v>113</v>
      </c>
      <c r="CA18" s="263">
        <v>113</v>
      </c>
      <c r="CB18" s="257">
        <v>0</v>
      </c>
      <c r="CC18" s="261">
        <v>0</v>
      </c>
      <c r="CD18" s="258">
        <v>0</v>
      </c>
      <c r="CE18" s="260">
        <v>0</v>
      </c>
      <c r="CF18" s="261">
        <v>4</v>
      </c>
      <c r="CG18" s="261">
        <v>21</v>
      </c>
      <c r="CH18" s="261">
        <v>4</v>
      </c>
      <c r="CI18" s="261">
        <v>16</v>
      </c>
      <c r="CJ18" s="261">
        <v>2</v>
      </c>
      <c r="CK18" s="258">
        <v>47</v>
      </c>
      <c r="CL18" s="263">
        <v>47</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148</v>
      </c>
      <c r="H19" s="261">
        <v>270</v>
      </c>
      <c r="I19" s="261">
        <v>370</v>
      </c>
      <c r="J19" s="261">
        <v>56</v>
      </c>
      <c r="K19" s="261">
        <v>258</v>
      </c>
      <c r="L19" s="262">
        <v>1102</v>
      </c>
      <c r="M19" s="263">
        <v>1102</v>
      </c>
      <c r="N19" s="257">
        <v>0</v>
      </c>
      <c r="O19" s="261">
        <v>0</v>
      </c>
      <c r="P19" s="258">
        <v>0</v>
      </c>
      <c r="Q19" s="260">
        <v>0</v>
      </c>
      <c r="R19" s="261">
        <v>0</v>
      </c>
      <c r="S19" s="261">
        <v>0</v>
      </c>
      <c r="T19" s="261">
        <v>4</v>
      </c>
      <c r="U19" s="261">
        <v>0</v>
      </c>
      <c r="V19" s="261">
        <v>12</v>
      </c>
      <c r="W19" s="258">
        <v>16</v>
      </c>
      <c r="X19" s="263">
        <v>16</v>
      </c>
      <c r="Y19" s="257">
        <v>0</v>
      </c>
      <c r="Z19" s="261">
        <v>26</v>
      </c>
      <c r="AA19" s="258">
        <v>26</v>
      </c>
      <c r="AB19" s="260">
        <v>0</v>
      </c>
      <c r="AC19" s="261">
        <v>79</v>
      </c>
      <c r="AD19" s="261">
        <v>71</v>
      </c>
      <c r="AE19" s="261">
        <v>115</v>
      </c>
      <c r="AF19" s="261">
        <v>10</v>
      </c>
      <c r="AG19" s="261">
        <v>26</v>
      </c>
      <c r="AH19" s="258">
        <v>301</v>
      </c>
      <c r="AI19" s="263">
        <v>327</v>
      </c>
      <c r="AJ19" s="257">
        <v>0</v>
      </c>
      <c r="AK19" s="261">
        <v>14</v>
      </c>
      <c r="AL19" s="258">
        <v>14</v>
      </c>
      <c r="AM19" s="260">
        <v>0</v>
      </c>
      <c r="AN19" s="261">
        <v>0</v>
      </c>
      <c r="AO19" s="261">
        <v>21</v>
      </c>
      <c r="AP19" s="261">
        <v>24</v>
      </c>
      <c r="AQ19" s="261">
        <v>24</v>
      </c>
      <c r="AR19" s="261">
        <v>0</v>
      </c>
      <c r="AS19" s="258">
        <v>69</v>
      </c>
      <c r="AT19" s="263">
        <v>83</v>
      </c>
      <c r="AU19" s="257">
        <v>0</v>
      </c>
      <c r="AV19" s="261">
        <v>0</v>
      </c>
      <c r="AW19" s="258">
        <v>0</v>
      </c>
      <c r="AX19" s="260">
        <v>0</v>
      </c>
      <c r="AY19" s="261">
        <v>220</v>
      </c>
      <c r="AZ19" s="261">
        <v>242</v>
      </c>
      <c r="BA19" s="261">
        <v>72</v>
      </c>
      <c r="BB19" s="261">
        <v>35</v>
      </c>
      <c r="BC19" s="261">
        <v>13</v>
      </c>
      <c r="BD19" s="262">
        <v>582</v>
      </c>
      <c r="BE19" s="263">
        <v>582</v>
      </c>
      <c r="BF19" s="257">
        <v>0</v>
      </c>
      <c r="BG19" s="261">
        <v>0</v>
      </c>
      <c r="BH19" s="258">
        <v>0</v>
      </c>
      <c r="BI19" s="260">
        <v>0</v>
      </c>
      <c r="BJ19" s="261">
        <v>0</v>
      </c>
      <c r="BK19" s="261">
        <v>98</v>
      </c>
      <c r="BL19" s="261">
        <v>28</v>
      </c>
      <c r="BM19" s="261">
        <v>9</v>
      </c>
      <c r="BN19" s="261">
        <v>3</v>
      </c>
      <c r="BO19" s="258">
        <v>138</v>
      </c>
      <c r="BP19" s="263">
        <v>138</v>
      </c>
      <c r="BQ19" s="257">
        <v>0</v>
      </c>
      <c r="BR19" s="261">
        <v>0</v>
      </c>
      <c r="BS19" s="258">
        <v>0</v>
      </c>
      <c r="BT19" s="260">
        <v>0</v>
      </c>
      <c r="BU19" s="261">
        <v>28</v>
      </c>
      <c r="BV19" s="261">
        <v>55</v>
      </c>
      <c r="BW19" s="261">
        <v>30</v>
      </c>
      <c r="BX19" s="261">
        <v>80</v>
      </c>
      <c r="BY19" s="261">
        <v>30</v>
      </c>
      <c r="BZ19" s="258">
        <v>223</v>
      </c>
      <c r="CA19" s="263">
        <v>223</v>
      </c>
      <c r="CB19" s="257">
        <v>0</v>
      </c>
      <c r="CC19" s="261">
        <v>0</v>
      </c>
      <c r="CD19" s="258">
        <v>0</v>
      </c>
      <c r="CE19" s="260">
        <v>0</v>
      </c>
      <c r="CF19" s="261">
        <v>6</v>
      </c>
      <c r="CG19" s="261">
        <v>0</v>
      </c>
      <c r="CH19" s="261">
        <v>10</v>
      </c>
      <c r="CI19" s="261">
        <v>0</v>
      </c>
      <c r="CJ19" s="261">
        <v>0</v>
      </c>
      <c r="CK19" s="258">
        <v>16</v>
      </c>
      <c r="CL19" s="263">
        <v>16</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334</v>
      </c>
      <c r="H20" s="261">
        <v>277</v>
      </c>
      <c r="I20" s="261">
        <v>408</v>
      </c>
      <c r="J20" s="261">
        <v>596</v>
      </c>
      <c r="K20" s="261">
        <v>134</v>
      </c>
      <c r="L20" s="262">
        <v>1749</v>
      </c>
      <c r="M20" s="263">
        <v>1749</v>
      </c>
      <c r="N20" s="257">
        <v>0</v>
      </c>
      <c r="O20" s="261">
        <v>0</v>
      </c>
      <c r="P20" s="258">
        <v>0</v>
      </c>
      <c r="Q20" s="260">
        <v>0</v>
      </c>
      <c r="R20" s="261">
        <v>0</v>
      </c>
      <c r="S20" s="261">
        <v>0</v>
      </c>
      <c r="T20" s="261">
        <v>10</v>
      </c>
      <c r="U20" s="261">
        <v>9</v>
      </c>
      <c r="V20" s="261">
        <v>11</v>
      </c>
      <c r="W20" s="258">
        <v>30</v>
      </c>
      <c r="X20" s="263">
        <v>30</v>
      </c>
      <c r="Y20" s="257">
        <v>28</v>
      </c>
      <c r="Z20" s="261">
        <v>57</v>
      </c>
      <c r="AA20" s="258">
        <v>85</v>
      </c>
      <c r="AB20" s="260">
        <v>0</v>
      </c>
      <c r="AC20" s="261">
        <v>142</v>
      </c>
      <c r="AD20" s="261">
        <v>261</v>
      </c>
      <c r="AE20" s="261">
        <v>170</v>
      </c>
      <c r="AF20" s="261">
        <v>140</v>
      </c>
      <c r="AG20" s="261">
        <v>50</v>
      </c>
      <c r="AH20" s="258">
        <v>763</v>
      </c>
      <c r="AI20" s="263">
        <v>848</v>
      </c>
      <c r="AJ20" s="257">
        <v>0</v>
      </c>
      <c r="AK20" s="261">
        <v>0</v>
      </c>
      <c r="AL20" s="258">
        <v>0</v>
      </c>
      <c r="AM20" s="260">
        <v>0</v>
      </c>
      <c r="AN20" s="261">
        <v>51</v>
      </c>
      <c r="AO20" s="261">
        <v>36</v>
      </c>
      <c r="AP20" s="261">
        <v>1</v>
      </c>
      <c r="AQ20" s="261">
        <v>104</v>
      </c>
      <c r="AR20" s="261">
        <v>0</v>
      </c>
      <c r="AS20" s="258">
        <v>192</v>
      </c>
      <c r="AT20" s="263">
        <v>192</v>
      </c>
      <c r="AU20" s="257">
        <v>0</v>
      </c>
      <c r="AV20" s="261">
        <v>0</v>
      </c>
      <c r="AW20" s="258">
        <v>0</v>
      </c>
      <c r="AX20" s="260">
        <v>0</v>
      </c>
      <c r="AY20" s="261">
        <v>379</v>
      </c>
      <c r="AZ20" s="261">
        <v>446</v>
      </c>
      <c r="BA20" s="261">
        <v>219</v>
      </c>
      <c r="BB20" s="261">
        <v>127</v>
      </c>
      <c r="BC20" s="261">
        <v>37</v>
      </c>
      <c r="BD20" s="262">
        <v>1208</v>
      </c>
      <c r="BE20" s="263">
        <v>1208</v>
      </c>
      <c r="BF20" s="257">
        <v>0</v>
      </c>
      <c r="BG20" s="261">
        <v>0</v>
      </c>
      <c r="BH20" s="258">
        <v>0</v>
      </c>
      <c r="BI20" s="260">
        <v>0</v>
      </c>
      <c r="BJ20" s="261">
        <v>88</v>
      </c>
      <c r="BK20" s="261">
        <v>114</v>
      </c>
      <c r="BL20" s="261">
        <v>67</v>
      </c>
      <c r="BM20" s="261">
        <v>9</v>
      </c>
      <c r="BN20" s="261">
        <v>9</v>
      </c>
      <c r="BO20" s="258">
        <v>287</v>
      </c>
      <c r="BP20" s="263">
        <v>287</v>
      </c>
      <c r="BQ20" s="257">
        <v>1</v>
      </c>
      <c r="BR20" s="261">
        <v>0</v>
      </c>
      <c r="BS20" s="258">
        <v>1</v>
      </c>
      <c r="BT20" s="260">
        <v>0</v>
      </c>
      <c r="BU20" s="261">
        <v>6</v>
      </c>
      <c r="BV20" s="261">
        <v>60</v>
      </c>
      <c r="BW20" s="261">
        <v>143</v>
      </c>
      <c r="BX20" s="261">
        <v>75</v>
      </c>
      <c r="BY20" s="261">
        <v>26</v>
      </c>
      <c r="BZ20" s="258">
        <v>310</v>
      </c>
      <c r="CA20" s="263">
        <v>311</v>
      </c>
      <c r="CB20" s="257">
        <v>0</v>
      </c>
      <c r="CC20" s="261">
        <v>0</v>
      </c>
      <c r="CD20" s="258">
        <v>0</v>
      </c>
      <c r="CE20" s="260">
        <v>0</v>
      </c>
      <c r="CF20" s="261">
        <v>0</v>
      </c>
      <c r="CG20" s="261">
        <v>0</v>
      </c>
      <c r="CH20" s="261">
        <v>0</v>
      </c>
      <c r="CI20" s="261">
        <v>0</v>
      </c>
      <c r="CJ20" s="261">
        <v>0</v>
      </c>
      <c r="CK20" s="258">
        <v>0</v>
      </c>
      <c r="CL20" s="263">
        <v>0</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49</v>
      </c>
      <c r="H21" s="261">
        <v>82</v>
      </c>
      <c r="I21" s="261">
        <v>83</v>
      </c>
      <c r="J21" s="261">
        <v>131</v>
      </c>
      <c r="K21" s="261">
        <v>289</v>
      </c>
      <c r="L21" s="262">
        <v>634</v>
      </c>
      <c r="M21" s="263">
        <v>634</v>
      </c>
      <c r="N21" s="257">
        <v>0</v>
      </c>
      <c r="O21" s="261">
        <v>0</v>
      </c>
      <c r="P21" s="258">
        <v>0</v>
      </c>
      <c r="Q21" s="260">
        <v>0</v>
      </c>
      <c r="R21" s="261">
        <v>0</v>
      </c>
      <c r="S21" s="261">
        <v>0</v>
      </c>
      <c r="T21" s="261">
        <v>5</v>
      </c>
      <c r="U21" s="261">
        <v>5</v>
      </c>
      <c r="V21" s="261">
        <v>0</v>
      </c>
      <c r="W21" s="258">
        <v>10</v>
      </c>
      <c r="X21" s="263">
        <v>10</v>
      </c>
      <c r="Y21" s="257">
        <v>9</v>
      </c>
      <c r="Z21" s="261">
        <v>3</v>
      </c>
      <c r="AA21" s="258">
        <v>12</v>
      </c>
      <c r="AB21" s="260">
        <v>0</v>
      </c>
      <c r="AC21" s="261">
        <v>69</v>
      </c>
      <c r="AD21" s="261">
        <v>61</v>
      </c>
      <c r="AE21" s="261">
        <v>93</v>
      </c>
      <c r="AF21" s="261">
        <v>68</v>
      </c>
      <c r="AG21" s="261">
        <v>71</v>
      </c>
      <c r="AH21" s="258">
        <v>362</v>
      </c>
      <c r="AI21" s="263">
        <v>374</v>
      </c>
      <c r="AJ21" s="257">
        <v>0</v>
      </c>
      <c r="AK21" s="261">
        <v>0</v>
      </c>
      <c r="AL21" s="258">
        <v>0</v>
      </c>
      <c r="AM21" s="260">
        <v>0</v>
      </c>
      <c r="AN21" s="261">
        <v>12</v>
      </c>
      <c r="AO21" s="261">
        <v>26</v>
      </c>
      <c r="AP21" s="261">
        <v>30</v>
      </c>
      <c r="AQ21" s="261">
        <v>0</v>
      </c>
      <c r="AR21" s="261">
        <v>0</v>
      </c>
      <c r="AS21" s="258">
        <v>68</v>
      </c>
      <c r="AT21" s="263">
        <v>68</v>
      </c>
      <c r="AU21" s="257">
        <v>0</v>
      </c>
      <c r="AV21" s="261">
        <v>0</v>
      </c>
      <c r="AW21" s="258">
        <v>0</v>
      </c>
      <c r="AX21" s="260">
        <v>0</v>
      </c>
      <c r="AY21" s="261">
        <v>218</v>
      </c>
      <c r="AZ21" s="261">
        <v>103</v>
      </c>
      <c r="BA21" s="261">
        <v>50</v>
      </c>
      <c r="BB21" s="261">
        <v>13</v>
      </c>
      <c r="BC21" s="261">
        <v>0</v>
      </c>
      <c r="BD21" s="262">
        <v>384</v>
      </c>
      <c r="BE21" s="263">
        <v>384</v>
      </c>
      <c r="BF21" s="257">
        <v>0</v>
      </c>
      <c r="BG21" s="261">
        <v>0</v>
      </c>
      <c r="BH21" s="258">
        <v>0</v>
      </c>
      <c r="BI21" s="260">
        <v>0</v>
      </c>
      <c r="BJ21" s="261">
        <v>70</v>
      </c>
      <c r="BK21" s="261">
        <v>57</v>
      </c>
      <c r="BL21" s="261">
        <v>47</v>
      </c>
      <c r="BM21" s="261">
        <v>0</v>
      </c>
      <c r="BN21" s="261">
        <v>0</v>
      </c>
      <c r="BO21" s="258">
        <v>174</v>
      </c>
      <c r="BP21" s="263">
        <v>174</v>
      </c>
      <c r="BQ21" s="257">
        <v>7</v>
      </c>
      <c r="BR21" s="261">
        <v>0</v>
      </c>
      <c r="BS21" s="258">
        <v>7</v>
      </c>
      <c r="BT21" s="260">
        <v>0</v>
      </c>
      <c r="BU21" s="261">
        <v>7</v>
      </c>
      <c r="BV21" s="261">
        <v>0</v>
      </c>
      <c r="BW21" s="261">
        <v>14</v>
      </c>
      <c r="BX21" s="261">
        <v>14</v>
      </c>
      <c r="BY21" s="261">
        <v>29</v>
      </c>
      <c r="BZ21" s="258">
        <v>64</v>
      </c>
      <c r="CA21" s="263">
        <v>71</v>
      </c>
      <c r="CB21" s="257">
        <v>0</v>
      </c>
      <c r="CC21" s="261">
        <v>0</v>
      </c>
      <c r="CD21" s="258">
        <v>0</v>
      </c>
      <c r="CE21" s="260">
        <v>0</v>
      </c>
      <c r="CF21" s="261">
        <v>0</v>
      </c>
      <c r="CG21" s="261">
        <v>0</v>
      </c>
      <c r="CH21" s="261">
        <v>0</v>
      </c>
      <c r="CI21" s="261">
        <v>3</v>
      </c>
      <c r="CJ21" s="261">
        <v>0</v>
      </c>
      <c r="CK21" s="258">
        <v>3</v>
      </c>
      <c r="CL21" s="263">
        <v>3</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316</v>
      </c>
      <c r="H22" s="261">
        <v>333</v>
      </c>
      <c r="I22" s="261">
        <v>86</v>
      </c>
      <c r="J22" s="261">
        <v>196</v>
      </c>
      <c r="K22" s="261">
        <v>596</v>
      </c>
      <c r="L22" s="262">
        <v>1527</v>
      </c>
      <c r="M22" s="263">
        <v>1527</v>
      </c>
      <c r="N22" s="257">
        <v>0</v>
      </c>
      <c r="O22" s="261">
        <v>0</v>
      </c>
      <c r="P22" s="258">
        <v>0</v>
      </c>
      <c r="Q22" s="260">
        <v>0</v>
      </c>
      <c r="R22" s="261">
        <v>0</v>
      </c>
      <c r="S22" s="261">
        <v>0</v>
      </c>
      <c r="T22" s="261">
        <v>8</v>
      </c>
      <c r="U22" s="261">
        <v>0</v>
      </c>
      <c r="V22" s="261">
        <v>17</v>
      </c>
      <c r="W22" s="258">
        <v>25</v>
      </c>
      <c r="X22" s="263">
        <v>25</v>
      </c>
      <c r="Y22" s="257">
        <v>26</v>
      </c>
      <c r="Z22" s="261">
        <v>4</v>
      </c>
      <c r="AA22" s="258">
        <v>30</v>
      </c>
      <c r="AB22" s="260">
        <v>0</v>
      </c>
      <c r="AC22" s="261">
        <v>240</v>
      </c>
      <c r="AD22" s="261">
        <v>205</v>
      </c>
      <c r="AE22" s="261">
        <v>100</v>
      </c>
      <c r="AF22" s="261">
        <v>98</v>
      </c>
      <c r="AG22" s="261">
        <v>131</v>
      </c>
      <c r="AH22" s="258">
        <v>774</v>
      </c>
      <c r="AI22" s="263">
        <v>804</v>
      </c>
      <c r="AJ22" s="257">
        <v>6</v>
      </c>
      <c r="AK22" s="261">
        <v>40</v>
      </c>
      <c r="AL22" s="258">
        <v>46</v>
      </c>
      <c r="AM22" s="260">
        <v>0</v>
      </c>
      <c r="AN22" s="261">
        <v>32</v>
      </c>
      <c r="AO22" s="261">
        <v>126</v>
      </c>
      <c r="AP22" s="261">
        <v>57</v>
      </c>
      <c r="AQ22" s="261">
        <v>31</v>
      </c>
      <c r="AR22" s="261">
        <v>25</v>
      </c>
      <c r="AS22" s="258">
        <v>271</v>
      </c>
      <c r="AT22" s="263">
        <v>317</v>
      </c>
      <c r="AU22" s="257">
        <v>0</v>
      </c>
      <c r="AV22" s="261">
        <v>0</v>
      </c>
      <c r="AW22" s="258">
        <v>0</v>
      </c>
      <c r="AX22" s="260">
        <v>0</v>
      </c>
      <c r="AY22" s="261">
        <v>201</v>
      </c>
      <c r="AZ22" s="261">
        <v>148</v>
      </c>
      <c r="BA22" s="261">
        <v>92</v>
      </c>
      <c r="BB22" s="261">
        <v>73</v>
      </c>
      <c r="BC22" s="261">
        <v>42</v>
      </c>
      <c r="BD22" s="262">
        <v>556</v>
      </c>
      <c r="BE22" s="263">
        <v>556</v>
      </c>
      <c r="BF22" s="257">
        <v>0</v>
      </c>
      <c r="BG22" s="261">
        <v>0</v>
      </c>
      <c r="BH22" s="258">
        <v>0</v>
      </c>
      <c r="BI22" s="260">
        <v>0</v>
      </c>
      <c r="BJ22" s="261">
        <v>62</v>
      </c>
      <c r="BK22" s="261">
        <v>103</v>
      </c>
      <c r="BL22" s="261">
        <v>38</v>
      </c>
      <c r="BM22" s="261">
        <v>31</v>
      </c>
      <c r="BN22" s="261">
        <v>5</v>
      </c>
      <c r="BO22" s="258">
        <v>239</v>
      </c>
      <c r="BP22" s="263">
        <v>239</v>
      </c>
      <c r="BQ22" s="257">
        <v>0</v>
      </c>
      <c r="BR22" s="261">
        <v>41</v>
      </c>
      <c r="BS22" s="258">
        <v>41</v>
      </c>
      <c r="BT22" s="260">
        <v>0</v>
      </c>
      <c r="BU22" s="261">
        <v>0</v>
      </c>
      <c r="BV22" s="261">
        <v>8</v>
      </c>
      <c r="BW22" s="261">
        <v>84</v>
      </c>
      <c r="BX22" s="261">
        <v>143</v>
      </c>
      <c r="BY22" s="261">
        <v>6</v>
      </c>
      <c r="BZ22" s="258">
        <v>241</v>
      </c>
      <c r="CA22" s="263">
        <v>282</v>
      </c>
      <c r="CB22" s="257">
        <v>0</v>
      </c>
      <c r="CC22" s="261">
        <v>0</v>
      </c>
      <c r="CD22" s="258">
        <v>0</v>
      </c>
      <c r="CE22" s="260">
        <v>0</v>
      </c>
      <c r="CF22" s="261">
        <v>0</v>
      </c>
      <c r="CG22" s="261">
        <v>0</v>
      </c>
      <c r="CH22" s="261">
        <v>6</v>
      </c>
      <c r="CI22" s="261">
        <v>13</v>
      </c>
      <c r="CJ22" s="261">
        <v>0</v>
      </c>
      <c r="CK22" s="258">
        <v>19</v>
      </c>
      <c r="CL22" s="263">
        <v>19</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109</v>
      </c>
      <c r="H23" s="261">
        <v>201</v>
      </c>
      <c r="I23" s="261">
        <v>74</v>
      </c>
      <c r="J23" s="261">
        <v>499</v>
      </c>
      <c r="K23" s="261">
        <v>513</v>
      </c>
      <c r="L23" s="262">
        <v>1396</v>
      </c>
      <c r="M23" s="263">
        <v>1396</v>
      </c>
      <c r="N23" s="257">
        <v>0</v>
      </c>
      <c r="O23" s="261">
        <v>0</v>
      </c>
      <c r="P23" s="258">
        <v>0</v>
      </c>
      <c r="Q23" s="260">
        <v>0</v>
      </c>
      <c r="R23" s="261">
        <v>0</v>
      </c>
      <c r="S23" s="261">
        <v>0</v>
      </c>
      <c r="T23" s="261">
        <v>0</v>
      </c>
      <c r="U23" s="261">
        <v>1</v>
      </c>
      <c r="V23" s="261">
        <v>15</v>
      </c>
      <c r="W23" s="258">
        <v>16</v>
      </c>
      <c r="X23" s="263">
        <v>16</v>
      </c>
      <c r="Y23" s="257">
        <v>27</v>
      </c>
      <c r="Z23" s="261">
        <v>15</v>
      </c>
      <c r="AA23" s="258">
        <v>42</v>
      </c>
      <c r="AB23" s="260">
        <v>0</v>
      </c>
      <c r="AC23" s="261">
        <v>133</v>
      </c>
      <c r="AD23" s="261">
        <v>220</v>
      </c>
      <c r="AE23" s="261">
        <v>95</v>
      </c>
      <c r="AF23" s="261">
        <v>96</v>
      </c>
      <c r="AG23" s="261">
        <v>49</v>
      </c>
      <c r="AH23" s="258">
        <v>593</v>
      </c>
      <c r="AI23" s="263">
        <v>635</v>
      </c>
      <c r="AJ23" s="257">
        <v>32</v>
      </c>
      <c r="AK23" s="261">
        <v>0</v>
      </c>
      <c r="AL23" s="258">
        <v>32</v>
      </c>
      <c r="AM23" s="260">
        <v>0</v>
      </c>
      <c r="AN23" s="261">
        <v>16</v>
      </c>
      <c r="AO23" s="261">
        <v>20</v>
      </c>
      <c r="AP23" s="261">
        <v>0</v>
      </c>
      <c r="AQ23" s="261">
        <v>0</v>
      </c>
      <c r="AR23" s="261">
        <v>16</v>
      </c>
      <c r="AS23" s="258">
        <v>52</v>
      </c>
      <c r="AT23" s="263">
        <v>84</v>
      </c>
      <c r="AU23" s="257">
        <v>0</v>
      </c>
      <c r="AV23" s="261">
        <v>0</v>
      </c>
      <c r="AW23" s="258">
        <v>0</v>
      </c>
      <c r="AX23" s="260">
        <v>0</v>
      </c>
      <c r="AY23" s="261">
        <v>133</v>
      </c>
      <c r="AZ23" s="261">
        <v>117</v>
      </c>
      <c r="BA23" s="261">
        <v>67</v>
      </c>
      <c r="BB23" s="261">
        <v>29</v>
      </c>
      <c r="BC23" s="261">
        <v>19</v>
      </c>
      <c r="BD23" s="262">
        <v>365</v>
      </c>
      <c r="BE23" s="263">
        <v>365</v>
      </c>
      <c r="BF23" s="257">
        <v>0</v>
      </c>
      <c r="BG23" s="261">
        <v>0</v>
      </c>
      <c r="BH23" s="258">
        <v>0</v>
      </c>
      <c r="BI23" s="260">
        <v>0</v>
      </c>
      <c r="BJ23" s="261">
        <v>51</v>
      </c>
      <c r="BK23" s="261">
        <v>51</v>
      </c>
      <c r="BL23" s="261">
        <v>18</v>
      </c>
      <c r="BM23" s="261">
        <v>0</v>
      </c>
      <c r="BN23" s="261">
        <v>4</v>
      </c>
      <c r="BO23" s="258">
        <v>124</v>
      </c>
      <c r="BP23" s="263">
        <v>124</v>
      </c>
      <c r="BQ23" s="257">
        <v>3</v>
      </c>
      <c r="BR23" s="261">
        <v>0</v>
      </c>
      <c r="BS23" s="258">
        <v>3</v>
      </c>
      <c r="BT23" s="260">
        <v>0</v>
      </c>
      <c r="BU23" s="261">
        <v>12</v>
      </c>
      <c r="BV23" s="261">
        <v>22</v>
      </c>
      <c r="BW23" s="261">
        <v>52</v>
      </c>
      <c r="BX23" s="261">
        <v>90</v>
      </c>
      <c r="BY23" s="261">
        <v>25</v>
      </c>
      <c r="BZ23" s="258">
        <v>201</v>
      </c>
      <c r="CA23" s="263">
        <v>204</v>
      </c>
      <c r="CB23" s="257">
        <v>0</v>
      </c>
      <c r="CC23" s="261">
        <v>0</v>
      </c>
      <c r="CD23" s="258">
        <v>0</v>
      </c>
      <c r="CE23" s="260">
        <v>0</v>
      </c>
      <c r="CF23" s="261">
        <v>0</v>
      </c>
      <c r="CG23" s="261">
        <v>17</v>
      </c>
      <c r="CH23" s="261">
        <v>11</v>
      </c>
      <c r="CI23" s="261">
        <v>0</v>
      </c>
      <c r="CJ23" s="261">
        <v>0</v>
      </c>
      <c r="CK23" s="258">
        <v>28</v>
      </c>
      <c r="CL23" s="263">
        <v>28</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44</v>
      </c>
      <c r="H24" s="261">
        <v>100</v>
      </c>
      <c r="I24" s="261">
        <v>12</v>
      </c>
      <c r="J24" s="261">
        <v>176</v>
      </c>
      <c r="K24" s="261">
        <v>63</v>
      </c>
      <c r="L24" s="262">
        <v>395</v>
      </c>
      <c r="M24" s="263">
        <v>395</v>
      </c>
      <c r="N24" s="257">
        <v>0</v>
      </c>
      <c r="O24" s="261">
        <v>0</v>
      </c>
      <c r="P24" s="258">
        <v>0</v>
      </c>
      <c r="Q24" s="260">
        <v>0</v>
      </c>
      <c r="R24" s="261">
        <v>7</v>
      </c>
      <c r="S24" s="261">
        <v>0</v>
      </c>
      <c r="T24" s="261">
        <v>0</v>
      </c>
      <c r="U24" s="261">
        <v>8</v>
      </c>
      <c r="V24" s="261">
        <v>1</v>
      </c>
      <c r="W24" s="258">
        <v>16</v>
      </c>
      <c r="X24" s="263">
        <v>16</v>
      </c>
      <c r="Y24" s="257">
        <v>0</v>
      </c>
      <c r="Z24" s="261">
        <v>1</v>
      </c>
      <c r="AA24" s="258">
        <v>1</v>
      </c>
      <c r="AB24" s="260">
        <v>0</v>
      </c>
      <c r="AC24" s="261">
        <v>14</v>
      </c>
      <c r="AD24" s="261">
        <v>43</v>
      </c>
      <c r="AE24" s="261">
        <v>25</v>
      </c>
      <c r="AF24" s="261">
        <v>9</v>
      </c>
      <c r="AG24" s="261">
        <v>18</v>
      </c>
      <c r="AH24" s="258">
        <v>109</v>
      </c>
      <c r="AI24" s="263">
        <v>110</v>
      </c>
      <c r="AJ24" s="257">
        <v>0</v>
      </c>
      <c r="AK24" s="261">
        <v>0</v>
      </c>
      <c r="AL24" s="258">
        <v>0</v>
      </c>
      <c r="AM24" s="260">
        <v>0</v>
      </c>
      <c r="AN24" s="261">
        <v>0</v>
      </c>
      <c r="AO24" s="261">
        <v>27</v>
      </c>
      <c r="AP24" s="261">
        <v>0</v>
      </c>
      <c r="AQ24" s="261">
        <v>0</v>
      </c>
      <c r="AR24" s="261">
        <v>0</v>
      </c>
      <c r="AS24" s="258">
        <v>27</v>
      </c>
      <c r="AT24" s="263">
        <v>27</v>
      </c>
      <c r="AU24" s="257">
        <v>0</v>
      </c>
      <c r="AV24" s="261">
        <v>0</v>
      </c>
      <c r="AW24" s="258">
        <v>0</v>
      </c>
      <c r="AX24" s="260">
        <v>0</v>
      </c>
      <c r="AY24" s="261">
        <v>105</v>
      </c>
      <c r="AZ24" s="261">
        <v>42</v>
      </c>
      <c r="BA24" s="261">
        <v>57</v>
      </c>
      <c r="BB24" s="261">
        <v>12</v>
      </c>
      <c r="BC24" s="261">
        <v>19</v>
      </c>
      <c r="BD24" s="262">
        <v>235</v>
      </c>
      <c r="BE24" s="263">
        <v>235</v>
      </c>
      <c r="BF24" s="257">
        <v>0</v>
      </c>
      <c r="BG24" s="261">
        <v>0</v>
      </c>
      <c r="BH24" s="258">
        <v>0</v>
      </c>
      <c r="BI24" s="260">
        <v>0</v>
      </c>
      <c r="BJ24" s="261">
        <v>20</v>
      </c>
      <c r="BK24" s="261">
        <v>21</v>
      </c>
      <c r="BL24" s="261">
        <v>9</v>
      </c>
      <c r="BM24" s="261">
        <v>1</v>
      </c>
      <c r="BN24" s="261">
        <v>10</v>
      </c>
      <c r="BO24" s="258">
        <v>61</v>
      </c>
      <c r="BP24" s="263">
        <v>61</v>
      </c>
      <c r="BQ24" s="257">
        <v>0</v>
      </c>
      <c r="BR24" s="261">
        <v>0</v>
      </c>
      <c r="BS24" s="258">
        <v>0</v>
      </c>
      <c r="BT24" s="260">
        <v>0</v>
      </c>
      <c r="BU24" s="261">
        <v>0</v>
      </c>
      <c r="BV24" s="261">
        <v>0</v>
      </c>
      <c r="BW24" s="261">
        <v>4</v>
      </c>
      <c r="BX24" s="261">
        <v>26</v>
      </c>
      <c r="BY24" s="261">
        <v>12</v>
      </c>
      <c r="BZ24" s="258">
        <v>42</v>
      </c>
      <c r="CA24" s="263">
        <v>42</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42</v>
      </c>
      <c r="H25" s="261">
        <v>184</v>
      </c>
      <c r="I25" s="261">
        <v>108</v>
      </c>
      <c r="J25" s="261">
        <v>105</v>
      </c>
      <c r="K25" s="261">
        <v>0</v>
      </c>
      <c r="L25" s="262">
        <v>439</v>
      </c>
      <c r="M25" s="263">
        <v>439</v>
      </c>
      <c r="N25" s="257">
        <v>0</v>
      </c>
      <c r="O25" s="261">
        <v>0</v>
      </c>
      <c r="P25" s="258">
        <v>0</v>
      </c>
      <c r="Q25" s="260">
        <v>0</v>
      </c>
      <c r="R25" s="261">
        <v>0</v>
      </c>
      <c r="S25" s="261">
        <v>0</v>
      </c>
      <c r="T25" s="261">
        <v>0</v>
      </c>
      <c r="U25" s="261">
        <v>13</v>
      </c>
      <c r="V25" s="261">
        <v>0</v>
      </c>
      <c r="W25" s="258">
        <v>13</v>
      </c>
      <c r="X25" s="263">
        <v>13</v>
      </c>
      <c r="Y25" s="257">
        <v>14</v>
      </c>
      <c r="Z25" s="261">
        <v>22</v>
      </c>
      <c r="AA25" s="258">
        <v>36</v>
      </c>
      <c r="AB25" s="260">
        <v>0</v>
      </c>
      <c r="AC25" s="261">
        <v>55</v>
      </c>
      <c r="AD25" s="261">
        <v>120</v>
      </c>
      <c r="AE25" s="261">
        <v>30</v>
      </c>
      <c r="AF25" s="261">
        <v>32</v>
      </c>
      <c r="AG25" s="261">
        <v>15</v>
      </c>
      <c r="AH25" s="258">
        <v>252</v>
      </c>
      <c r="AI25" s="263">
        <v>288</v>
      </c>
      <c r="AJ25" s="257">
        <v>0</v>
      </c>
      <c r="AK25" s="261">
        <v>10</v>
      </c>
      <c r="AL25" s="258">
        <v>10</v>
      </c>
      <c r="AM25" s="260">
        <v>0</v>
      </c>
      <c r="AN25" s="261">
        <v>0</v>
      </c>
      <c r="AO25" s="261">
        <v>12</v>
      </c>
      <c r="AP25" s="261">
        <v>0</v>
      </c>
      <c r="AQ25" s="261">
        <v>0</v>
      </c>
      <c r="AR25" s="261">
        <v>0</v>
      </c>
      <c r="AS25" s="258">
        <v>12</v>
      </c>
      <c r="AT25" s="263">
        <v>22</v>
      </c>
      <c r="AU25" s="257">
        <v>0</v>
      </c>
      <c r="AV25" s="261">
        <v>0</v>
      </c>
      <c r="AW25" s="258">
        <v>0</v>
      </c>
      <c r="AX25" s="260">
        <v>0</v>
      </c>
      <c r="AY25" s="261">
        <v>106</v>
      </c>
      <c r="AZ25" s="261">
        <v>112</v>
      </c>
      <c r="BA25" s="261">
        <v>83</v>
      </c>
      <c r="BB25" s="261">
        <v>52</v>
      </c>
      <c r="BC25" s="261">
        <v>2</v>
      </c>
      <c r="BD25" s="262">
        <v>355</v>
      </c>
      <c r="BE25" s="263">
        <v>355</v>
      </c>
      <c r="BF25" s="257">
        <v>0</v>
      </c>
      <c r="BG25" s="261">
        <v>0</v>
      </c>
      <c r="BH25" s="258">
        <v>0</v>
      </c>
      <c r="BI25" s="260">
        <v>0</v>
      </c>
      <c r="BJ25" s="261">
        <v>25</v>
      </c>
      <c r="BK25" s="261">
        <v>13</v>
      </c>
      <c r="BL25" s="261">
        <v>29</v>
      </c>
      <c r="BM25" s="261">
        <v>13</v>
      </c>
      <c r="BN25" s="261">
        <v>5</v>
      </c>
      <c r="BO25" s="258">
        <v>85</v>
      </c>
      <c r="BP25" s="263">
        <v>85</v>
      </c>
      <c r="BQ25" s="257">
        <v>0</v>
      </c>
      <c r="BR25" s="261">
        <v>0</v>
      </c>
      <c r="BS25" s="258">
        <v>0</v>
      </c>
      <c r="BT25" s="260">
        <v>0</v>
      </c>
      <c r="BU25" s="261">
        <v>20</v>
      </c>
      <c r="BV25" s="261">
        <v>30</v>
      </c>
      <c r="BW25" s="261">
        <v>50</v>
      </c>
      <c r="BX25" s="261">
        <v>10</v>
      </c>
      <c r="BY25" s="261">
        <v>12</v>
      </c>
      <c r="BZ25" s="258">
        <v>122</v>
      </c>
      <c r="CA25" s="263">
        <v>122</v>
      </c>
      <c r="CB25" s="257">
        <v>3</v>
      </c>
      <c r="CC25" s="261">
        <v>0</v>
      </c>
      <c r="CD25" s="258">
        <v>3</v>
      </c>
      <c r="CE25" s="260">
        <v>0</v>
      </c>
      <c r="CF25" s="261">
        <v>3</v>
      </c>
      <c r="CG25" s="261">
        <v>0</v>
      </c>
      <c r="CH25" s="261">
        <v>0</v>
      </c>
      <c r="CI25" s="261">
        <v>0</v>
      </c>
      <c r="CJ25" s="261">
        <v>8</v>
      </c>
      <c r="CK25" s="258">
        <v>11</v>
      </c>
      <c r="CL25" s="263">
        <v>14</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167</v>
      </c>
      <c r="H26" s="261">
        <v>81</v>
      </c>
      <c r="I26" s="261">
        <v>125</v>
      </c>
      <c r="J26" s="261">
        <v>115</v>
      </c>
      <c r="K26" s="261">
        <v>458</v>
      </c>
      <c r="L26" s="262">
        <v>946</v>
      </c>
      <c r="M26" s="263">
        <v>946</v>
      </c>
      <c r="N26" s="257">
        <v>0</v>
      </c>
      <c r="O26" s="261">
        <v>0</v>
      </c>
      <c r="P26" s="258">
        <v>0</v>
      </c>
      <c r="Q26" s="260">
        <v>0</v>
      </c>
      <c r="R26" s="261">
        <v>0</v>
      </c>
      <c r="S26" s="261">
        <v>0</v>
      </c>
      <c r="T26" s="261">
        <v>0</v>
      </c>
      <c r="U26" s="261">
        <v>13</v>
      </c>
      <c r="V26" s="261">
        <v>16</v>
      </c>
      <c r="W26" s="258">
        <v>29</v>
      </c>
      <c r="X26" s="263">
        <v>29</v>
      </c>
      <c r="Y26" s="257">
        <v>2</v>
      </c>
      <c r="Z26" s="261">
        <v>31</v>
      </c>
      <c r="AA26" s="258">
        <v>33</v>
      </c>
      <c r="AB26" s="260">
        <v>0</v>
      </c>
      <c r="AC26" s="261">
        <v>70</v>
      </c>
      <c r="AD26" s="261">
        <v>23</v>
      </c>
      <c r="AE26" s="261">
        <v>4</v>
      </c>
      <c r="AF26" s="261">
        <v>38</v>
      </c>
      <c r="AG26" s="261">
        <v>30</v>
      </c>
      <c r="AH26" s="258">
        <v>165</v>
      </c>
      <c r="AI26" s="263">
        <v>198</v>
      </c>
      <c r="AJ26" s="257">
        <v>0</v>
      </c>
      <c r="AK26" s="261">
        <v>0</v>
      </c>
      <c r="AL26" s="258">
        <v>0</v>
      </c>
      <c r="AM26" s="260">
        <v>0</v>
      </c>
      <c r="AN26" s="261">
        <v>15</v>
      </c>
      <c r="AO26" s="261">
        <v>30</v>
      </c>
      <c r="AP26" s="261">
        <v>14</v>
      </c>
      <c r="AQ26" s="261">
        <v>0</v>
      </c>
      <c r="AR26" s="261">
        <v>0</v>
      </c>
      <c r="AS26" s="258">
        <v>59</v>
      </c>
      <c r="AT26" s="263">
        <v>59</v>
      </c>
      <c r="AU26" s="257">
        <v>0</v>
      </c>
      <c r="AV26" s="261">
        <v>0</v>
      </c>
      <c r="AW26" s="258">
        <v>0</v>
      </c>
      <c r="AX26" s="260">
        <v>0</v>
      </c>
      <c r="AY26" s="261">
        <v>100</v>
      </c>
      <c r="AZ26" s="261">
        <v>91</v>
      </c>
      <c r="BA26" s="261">
        <v>32</v>
      </c>
      <c r="BB26" s="261">
        <v>5</v>
      </c>
      <c r="BC26" s="261">
        <v>0</v>
      </c>
      <c r="BD26" s="262">
        <v>228</v>
      </c>
      <c r="BE26" s="263">
        <v>228</v>
      </c>
      <c r="BF26" s="257">
        <v>0</v>
      </c>
      <c r="BG26" s="261">
        <v>0</v>
      </c>
      <c r="BH26" s="258">
        <v>0</v>
      </c>
      <c r="BI26" s="260">
        <v>0</v>
      </c>
      <c r="BJ26" s="261">
        <v>17</v>
      </c>
      <c r="BK26" s="261">
        <v>40</v>
      </c>
      <c r="BL26" s="261">
        <v>24</v>
      </c>
      <c r="BM26" s="261">
        <v>18</v>
      </c>
      <c r="BN26" s="261">
        <v>0</v>
      </c>
      <c r="BO26" s="258">
        <v>99</v>
      </c>
      <c r="BP26" s="263">
        <v>99</v>
      </c>
      <c r="BQ26" s="257">
        <v>0</v>
      </c>
      <c r="BR26" s="261">
        <v>0</v>
      </c>
      <c r="BS26" s="258">
        <v>0</v>
      </c>
      <c r="BT26" s="260">
        <v>0</v>
      </c>
      <c r="BU26" s="261">
        <v>0</v>
      </c>
      <c r="BV26" s="261">
        <v>22</v>
      </c>
      <c r="BW26" s="261">
        <v>2</v>
      </c>
      <c r="BX26" s="261">
        <v>0</v>
      </c>
      <c r="BY26" s="261">
        <v>0</v>
      </c>
      <c r="BZ26" s="258">
        <v>24</v>
      </c>
      <c r="CA26" s="263">
        <v>24</v>
      </c>
      <c r="CB26" s="257">
        <v>0</v>
      </c>
      <c r="CC26" s="261">
        <v>0</v>
      </c>
      <c r="CD26" s="258">
        <v>0</v>
      </c>
      <c r="CE26" s="260">
        <v>0</v>
      </c>
      <c r="CF26" s="261">
        <v>4</v>
      </c>
      <c r="CG26" s="261">
        <v>0</v>
      </c>
      <c r="CH26" s="261">
        <v>0</v>
      </c>
      <c r="CI26" s="261">
        <v>0</v>
      </c>
      <c r="CJ26" s="261">
        <v>0</v>
      </c>
      <c r="CK26" s="258">
        <v>4</v>
      </c>
      <c r="CL26" s="263">
        <v>4</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58</v>
      </c>
      <c r="H27" s="261">
        <v>1</v>
      </c>
      <c r="I27" s="261">
        <v>132</v>
      </c>
      <c r="J27" s="261">
        <v>133</v>
      </c>
      <c r="K27" s="261">
        <v>2</v>
      </c>
      <c r="L27" s="262">
        <v>326</v>
      </c>
      <c r="M27" s="263">
        <v>326</v>
      </c>
      <c r="N27" s="257">
        <v>0</v>
      </c>
      <c r="O27" s="261">
        <v>0</v>
      </c>
      <c r="P27" s="258">
        <v>0</v>
      </c>
      <c r="Q27" s="260">
        <v>0</v>
      </c>
      <c r="R27" s="261">
        <v>0</v>
      </c>
      <c r="S27" s="261">
        <v>0</v>
      </c>
      <c r="T27" s="261">
        <v>5</v>
      </c>
      <c r="U27" s="261">
        <v>0</v>
      </c>
      <c r="V27" s="261">
        <v>3</v>
      </c>
      <c r="W27" s="258">
        <v>8</v>
      </c>
      <c r="X27" s="263">
        <v>8</v>
      </c>
      <c r="Y27" s="257">
        <v>5</v>
      </c>
      <c r="Z27" s="261">
        <v>8</v>
      </c>
      <c r="AA27" s="258">
        <v>13</v>
      </c>
      <c r="AB27" s="260">
        <v>0</v>
      </c>
      <c r="AC27" s="261">
        <v>6</v>
      </c>
      <c r="AD27" s="261">
        <v>18</v>
      </c>
      <c r="AE27" s="261">
        <v>62</v>
      </c>
      <c r="AF27" s="261">
        <v>16</v>
      </c>
      <c r="AG27" s="261">
        <v>23</v>
      </c>
      <c r="AH27" s="258">
        <v>125</v>
      </c>
      <c r="AI27" s="263">
        <v>138</v>
      </c>
      <c r="AJ27" s="257">
        <v>0</v>
      </c>
      <c r="AK27" s="261">
        <v>22</v>
      </c>
      <c r="AL27" s="258">
        <v>22</v>
      </c>
      <c r="AM27" s="260">
        <v>0</v>
      </c>
      <c r="AN27" s="261">
        <v>0</v>
      </c>
      <c r="AO27" s="261">
        <v>0</v>
      </c>
      <c r="AP27" s="261">
        <v>30</v>
      </c>
      <c r="AQ27" s="261">
        <v>2</v>
      </c>
      <c r="AR27" s="261">
        <v>0</v>
      </c>
      <c r="AS27" s="258">
        <v>32</v>
      </c>
      <c r="AT27" s="263">
        <v>54</v>
      </c>
      <c r="AU27" s="257">
        <v>0</v>
      </c>
      <c r="AV27" s="261">
        <v>0</v>
      </c>
      <c r="AW27" s="258">
        <v>0</v>
      </c>
      <c r="AX27" s="260">
        <v>0</v>
      </c>
      <c r="AY27" s="261">
        <v>60</v>
      </c>
      <c r="AZ27" s="261">
        <v>13</v>
      </c>
      <c r="BA27" s="261">
        <v>11</v>
      </c>
      <c r="BB27" s="261">
        <v>28</v>
      </c>
      <c r="BC27" s="261">
        <v>0</v>
      </c>
      <c r="BD27" s="262">
        <v>112</v>
      </c>
      <c r="BE27" s="263">
        <v>112</v>
      </c>
      <c r="BF27" s="257">
        <v>0</v>
      </c>
      <c r="BG27" s="261">
        <v>0</v>
      </c>
      <c r="BH27" s="258">
        <v>0</v>
      </c>
      <c r="BI27" s="260">
        <v>0</v>
      </c>
      <c r="BJ27" s="261">
        <v>25</v>
      </c>
      <c r="BK27" s="261">
        <v>47</v>
      </c>
      <c r="BL27" s="261">
        <v>26</v>
      </c>
      <c r="BM27" s="261">
        <v>13</v>
      </c>
      <c r="BN27" s="261">
        <v>17</v>
      </c>
      <c r="BO27" s="258">
        <v>128</v>
      </c>
      <c r="BP27" s="263">
        <v>128</v>
      </c>
      <c r="BQ27" s="257">
        <v>0</v>
      </c>
      <c r="BR27" s="261">
        <v>0</v>
      </c>
      <c r="BS27" s="258">
        <v>0</v>
      </c>
      <c r="BT27" s="260">
        <v>0</v>
      </c>
      <c r="BU27" s="261">
        <v>8</v>
      </c>
      <c r="BV27" s="261">
        <v>7</v>
      </c>
      <c r="BW27" s="261">
        <v>0</v>
      </c>
      <c r="BX27" s="261">
        <v>6</v>
      </c>
      <c r="BY27" s="261">
        <v>0</v>
      </c>
      <c r="BZ27" s="258">
        <v>21</v>
      </c>
      <c r="CA27" s="263">
        <v>21</v>
      </c>
      <c r="CB27" s="257">
        <v>0</v>
      </c>
      <c r="CC27" s="261">
        <v>0</v>
      </c>
      <c r="CD27" s="258">
        <v>0</v>
      </c>
      <c r="CE27" s="260">
        <v>0</v>
      </c>
      <c r="CF27" s="261">
        <v>0</v>
      </c>
      <c r="CG27" s="261">
        <v>0</v>
      </c>
      <c r="CH27" s="261">
        <v>0</v>
      </c>
      <c r="CI27" s="261">
        <v>4</v>
      </c>
      <c r="CJ27" s="261">
        <v>0</v>
      </c>
      <c r="CK27" s="258">
        <v>4</v>
      </c>
      <c r="CL27" s="263">
        <v>4</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82</v>
      </c>
      <c r="H28" s="261">
        <v>93</v>
      </c>
      <c r="I28" s="261">
        <v>132</v>
      </c>
      <c r="J28" s="261">
        <v>36</v>
      </c>
      <c r="K28" s="261">
        <v>171</v>
      </c>
      <c r="L28" s="262">
        <v>514</v>
      </c>
      <c r="M28" s="263">
        <v>514</v>
      </c>
      <c r="N28" s="257">
        <v>0</v>
      </c>
      <c r="O28" s="261">
        <v>0</v>
      </c>
      <c r="P28" s="258">
        <v>0</v>
      </c>
      <c r="Q28" s="260">
        <v>0</v>
      </c>
      <c r="R28" s="261">
        <v>0</v>
      </c>
      <c r="S28" s="261">
        <v>0</v>
      </c>
      <c r="T28" s="261">
        <v>0</v>
      </c>
      <c r="U28" s="261">
        <v>9</v>
      </c>
      <c r="V28" s="261">
        <v>0</v>
      </c>
      <c r="W28" s="258">
        <v>9</v>
      </c>
      <c r="X28" s="263">
        <v>9</v>
      </c>
      <c r="Y28" s="257">
        <v>0</v>
      </c>
      <c r="Z28" s="261">
        <v>5</v>
      </c>
      <c r="AA28" s="258">
        <v>5</v>
      </c>
      <c r="AB28" s="260">
        <v>0</v>
      </c>
      <c r="AC28" s="261">
        <v>13</v>
      </c>
      <c r="AD28" s="261">
        <v>29</v>
      </c>
      <c r="AE28" s="261">
        <v>26</v>
      </c>
      <c r="AF28" s="261">
        <v>0</v>
      </c>
      <c r="AG28" s="261">
        <v>17</v>
      </c>
      <c r="AH28" s="258">
        <v>85</v>
      </c>
      <c r="AI28" s="263">
        <v>90</v>
      </c>
      <c r="AJ28" s="257">
        <v>0</v>
      </c>
      <c r="AK28" s="261">
        <v>0</v>
      </c>
      <c r="AL28" s="258">
        <v>0</v>
      </c>
      <c r="AM28" s="260">
        <v>0</v>
      </c>
      <c r="AN28" s="261">
        <v>0</v>
      </c>
      <c r="AO28" s="261">
        <v>30</v>
      </c>
      <c r="AP28" s="261">
        <v>0</v>
      </c>
      <c r="AQ28" s="261">
        <v>0</v>
      </c>
      <c r="AR28" s="261">
        <v>3</v>
      </c>
      <c r="AS28" s="258">
        <v>33</v>
      </c>
      <c r="AT28" s="263">
        <v>33</v>
      </c>
      <c r="AU28" s="257">
        <v>0</v>
      </c>
      <c r="AV28" s="261">
        <v>0</v>
      </c>
      <c r="AW28" s="258">
        <v>0</v>
      </c>
      <c r="AX28" s="260">
        <v>0</v>
      </c>
      <c r="AY28" s="261">
        <v>58</v>
      </c>
      <c r="AZ28" s="261">
        <v>60</v>
      </c>
      <c r="BA28" s="261">
        <v>36</v>
      </c>
      <c r="BB28" s="261">
        <v>0</v>
      </c>
      <c r="BC28" s="261">
        <v>0</v>
      </c>
      <c r="BD28" s="262">
        <v>154</v>
      </c>
      <c r="BE28" s="263">
        <v>154</v>
      </c>
      <c r="BF28" s="257">
        <v>0</v>
      </c>
      <c r="BG28" s="261">
        <v>0</v>
      </c>
      <c r="BH28" s="258">
        <v>0</v>
      </c>
      <c r="BI28" s="260">
        <v>0</v>
      </c>
      <c r="BJ28" s="261">
        <v>28</v>
      </c>
      <c r="BK28" s="261">
        <v>22</v>
      </c>
      <c r="BL28" s="261">
        <v>9</v>
      </c>
      <c r="BM28" s="261">
        <v>9</v>
      </c>
      <c r="BN28" s="261">
        <v>0</v>
      </c>
      <c r="BO28" s="258">
        <v>68</v>
      </c>
      <c r="BP28" s="263">
        <v>68</v>
      </c>
      <c r="BQ28" s="257">
        <v>0</v>
      </c>
      <c r="BR28" s="261">
        <v>0</v>
      </c>
      <c r="BS28" s="258">
        <v>0</v>
      </c>
      <c r="BT28" s="260">
        <v>0</v>
      </c>
      <c r="BU28" s="261">
        <v>14</v>
      </c>
      <c r="BV28" s="261">
        <v>20</v>
      </c>
      <c r="BW28" s="261">
        <v>0</v>
      </c>
      <c r="BX28" s="261">
        <v>0</v>
      </c>
      <c r="BY28" s="261">
        <v>7</v>
      </c>
      <c r="BZ28" s="258">
        <v>41</v>
      </c>
      <c r="CA28" s="263">
        <v>41</v>
      </c>
      <c r="CB28" s="257">
        <v>0</v>
      </c>
      <c r="CC28" s="261">
        <v>0</v>
      </c>
      <c r="CD28" s="258">
        <v>0</v>
      </c>
      <c r="CE28" s="260">
        <v>0</v>
      </c>
      <c r="CF28" s="261">
        <v>0</v>
      </c>
      <c r="CG28" s="261">
        <v>0</v>
      </c>
      <c r="CH28" s="261">
        <v>8</v>
      </c>
      <c r="CI28" s="261">
        <v>9</v>
      </c>
      <c r="CJ28" s="261">
        <v>0</v>
      </c>
      <c r="CK28" s="258">
        <v>17</v>
      </c>
      <c r="CL28" s="263">
        <v>17</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50</v>
      </c>
      <c r="H29" s="261">
        <v>57</v>
      </c>
      <c r="I29" s="261">
        <v>148</v>
      </c>
      <c r="J29" s="261">
        <v>62</v>
      </c>
      <c r="K29" s="261">
        <v>144</v>
      </c>
      <c r="L29" s="262">
        <v>461</v>
      </c>
      <c r="M29" s="263">
        <v>461</v>
      </c>
      <c r="N29" s="257">
        <v>0</v>
      </c>
      <c r="O29" s="261">
        <v>0</v>
      </c>
      <c r="P29" s="258">
        <v>0</v>
      </c>
      <c r="Q29" s="260">
        <v>0</v>
      </c>
      <c r="R29" s="261">
        <v>0</v>
      </c>
      <c r="S29" s="261">
        <v>1</v>
      </c>
      <c r="T29" s="261">
        <v>5</v>
      </c>
      <c r="U29" s="261">
        <v>5</v>
      </c>
      <c r="V29" s="261">
        <v>0</v>
      </c>
      <c r="W29" s="258">
        <v>11</v>
      </c>
      <c r="X29" s="263">
        <v>11</v>
      </c>
      <c r="Y29" s="257">
        <v>0</v>
      </c>
      <c r="Z29" s="261">
        <v>59</v>
      </c>
      <c r="AA29" s="258">
        <v>59</v>
      </c>
      <c r="AB29" s="260">
        <v>0</v>
      </c>
      <c r="AC29" s="261">
        <v>41</v>
      </c>
      <c r="AD29" s="261">
        <v>67</v>
      </c>
      <c r="AE29" s="261">
        <v>19</v>
      </c>
      <c r="AF29" s="261">
        <v>32</v>
      </c>
      <c r="AG29" s="261">
        <v>20</v>
      </c>
      <c r="AH29" s="258">
        <v>179</v>
      </c>
      <c r="AI29" s="263">
        <v>238</v>
      </c>
      <c r="AJ29" s="257">
        <v>0</v>
      </c>
      <c r="AK29" s="261">
        <v>0</v>
      </c>
      <c r="AL29" s="258">
        <v>0</v>
      </c>
      <c r="AM29" s="260">
        <v>0</v>
      </c>
      <c r="AN29" s="261">
        <v>0</v>
      </c>
      <c r="AO29" s="261">
        <v>15</v>
      </c>
      <c r="AP29" s="261">
        <v>0</v>
      </c>
      <c r="AQ29" s="261">
        <v>0</v>
      </c>
      <c r="AR29" s="261">
        <v>0</v>
      </c>
      <c r="AS29" s="258">
        <v>15</v>
      </c>
      <c r="AT29" s="263">
        <v>15</v>
      </c>
      <c r="AU29" s="257">
        <v>0</v>
      </c>
      <c r="AV29" s="261">
        <v>0</v>
      </c>
      <c r="AW29" s="258">
        <v>0</v>
      </c>
      <c r="AX29" s="260">
        <v>0</v>
      </c>
      <c r="AY29" s="261">
        <v>88</v>
      </c>
      <c r="AZ29" s="261">
        <v>96</v>
      </c>
      <c r="BA29" s="261">
        <v>38</v>
      </c>
      <c r="BB29" s="261">
        <v>9</v>
      </c>
      <c r="BC29" s="261">
        <v>0</v>
      </c>
      <c r="BD29" s="262">
        <v>231</v>
      </c>
      <c r="BE29" s="263">
        <v>231</v>
      </c>
      <c r="BF29" s="257">
        <v>0</v>
      </c>
      <c r="BG29" s="261">
        <v>0</v>
      </c>
      <c r="BH29" s="258">
        <v>0</v>
      </c>
      <c r="BI29" s="260">
        <v>0</v>
      </c>
      <c r="BJ29" s="261">
        <v>8</v>
      </c>
      <c r="BK29" s="261">
        <v>23</v>
      </c>
      <c r="BL29" s="261">
        <v>18</v>
      </c>
      <c r="BM29" s="261">
        <v>0</v>
      </c>
      <c r="BN29" s="261">
        <v>0</v>
      </c>
      <c r="BO29" s="258">
        <v>49</v>
      </c>
      <c r="BP29" s="263">
        <v>49</v>
      </c>
      <c r="BQ29" s="257">
        <v>0</v>
      </c>
      <c r="BR29" s="261">
        <v>13</v>
      </c>
      <c r="BS29" s="258">
        <v>13</v>
      </c>
      <c r="BT29" s="260">
        <v>0</v>
      </c>
      <c r="BU29" s="261">
        <v>5</v>
      </c>
      <c r="BV29" s="261">
        <v>9</v>
      </c>
      <c r="BW29" s="261">
        <v>31</v>
      </c>
      <c r="BX29" s="261">
        <v>0</v>
      </c>
      <c r="BY29" s="261">
        <v>0</v>
      </c>
      <c r="BZ29" s="258">
        <v>45</v>
      </c>
      <c r="CA29" s="263">
        <v>58</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0</v>
      </c>
      <c r="H30" s="261">
        <v>0</v>
      </c>
      <c r="I30" s="261">
        <v>32</v>
      </c>
      <c r="J30" s="261">
        <v>0</v>
      </c>
      <c r="K30" s="261">
        <v>0</v>
      </c>
      <c r="L30" s="262">
        <v>32</v>
      </c>
      <c r="M30" s="263">
        <v>32</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3</v>
      </c>
      <c r="AE30" s="261">
        <v>9</v>
      </c>
      <c r="AF30" s="261">
        <v>0</v>
      </c>
      <c r="AG30" s="261">
        <v>15</v>
      </c>
      <c r="AH30" s="258">
        <v>37</v>
      </c>
      <c r="AI30" s="263">
        <v>37</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12</v>
      </c>
      <c r="AZ30" s="261">
        <v>30</v>
      </c>
      <c r="BA30" s="261">
        <v>0</v>
      </c>
      <c r="BB30" s="261">
        <v>0</v>
      </c>
      <c r="BC30" s="261">
        <v>0</v>
      </c>
      <c r="BD30" s="262">
        <v>42</v>
      </c>
      <c r="BE30" s="263">
        <v>42</v>
      </c>
      <c r="BF30" s="257">
        <v>0</v>
      </c>
      <c r="BG30" s="261">
        <v>0</v>
      </c>
      <c r="BH30" s="258">
        <v>0</v>
      </c>
      <c r="BI30" s="260">
        <v>0</v>
      </c>
      <c r="BJ30" s="261">
        <v>0</v>
      </c>
      <c r="BK30" s="261">
        <v>0</v>
      </c>
      <c r="BL30" s="261">
        <v>10</v>
      </c>
      <c r="BM30" s="261">
        <v>0</v>
      </c>
      <c r="BN30" s="261">
        <v>0</v>
      </c>
      <c r="BO30" s="258">
        <v>10</v>
      </c>
      <c r="BP30" s="263">
        <v>10</v>
      </c>
      <c r="BQ30" s="257">
        <v>0</v>
      </c>
      <c r="BR30" s="261">
        <v>0</v>
      </c>
      <c r="BS30" s="258">
        <v>0</v>
      </c>
      <c r="BT30" s="260">
        <v>0</v>
      </c>
      <c r="BU30" s="261">
        <v>0</v>
      </c>
      <c r="BV30" s="261">
        <v>3</v>
      </c>
      <c r="BW30" s="261">
        <v>0</v>
      </c>
      <c r="BX30" s="261">
        <v>0</v>
      </c>
      <c r="BY30" s="261">
        <v>0</v>
      </c>
      <c r="BZ30" s="258">
        <v>3</v>
      </c>
      <c r="CA30" s="263">
        <v>3</v>
      </c>
      <c r="CB30" s="257">
        <v>0</v>
      </c>
      <c r="CC30" s="261">
        <v>0</v>
      </c>
      <c r="CD30" s="258">
        <v>0</v>
      </c>
      <c r="CE30" s="260">
        <v>0</v>
      </c>
      <c r="CF30" s="261">
        <v>0</v>
      </c>
      <c r="CG30" s="261">
        <v>0</v>
      </c>
      <c r="CH30" s="261">
        <v>6</v>
      </c>
      <c r="CI30" s="261">
        <v>0</v>
      </c>
      <c r="CJ30" s="261">
        <v>0</v>
      </c>
      <c r="CK30" s="258">
        <v>6</v>
      </c>
      <c r="CL30" s="263">
        <v>6</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0</v>
      </c>
      <c r="H31" s="261">
        <v>39</v>
      </c>
      <c r="I31" s="261">
        <v>0</v>
      </c>
      <c r="J31" s="261">
        <v>0</v>
      </c>
      <c r="K31" s="261">
        <v>0</v>
      </c>
      <c r="L31" s="262">
        <v>39</v>
      </c>
      <c r="M31" s="263">
        <v>39</v>
      </c>
      <c r="N31" s="257">
        <v>0</v>
      </c>
      <c r="O31" s="261">
        <v>0</v>
      </c>
      <c r="P31" s="258">
        <v>0</v>
      </c>
      <c r="Q31" s="260">
        <v>0</v>
      </c>
      <c r="R31" s="261">
        <v>0</v>
      </c>
      <c r="S31" s="261">
        <v>0</v>
      </c>
      <c r="T31" s="261">
        <v>0</v>
      </c>
      <c r="U31" s="261">
        <v>0</v>
      </c>
      <c r="V31" s="261">
        <v>5</v>
      </c>
      <c r="W31" s="258">
        <v>5</v>
      </c>
      <c r="X31" s="263">
        <v>5</v>
      </c>
      <c r="Y31" s="257">
        <v>0</v>
      </c>
      <c r="Z31" s="261">
        <v>2</v>
      </c>
      <c r="AA31" s="258">
        <v>2</v>
      </c>
      <c r="AB31" s="260">
        <v>0</v>
      </c>
      <c r="AC31" s="261">
        <v>4</v>
      </c>
      <c r="AD31" s="261">
        <v>12</v>
      </c>
      <c r="AE31" s="261">
        <v>0</v>
      </c>
      <c r="AF31" s="261">
        <v>0</v>
      </c>
      <c r="AG31" s="261">
        <v>0</v>
      </c>
      <c r="AH31" s="258">
        <v>16</v>
      </c>
      <c r="AI31" s="263">
        <v>18</v>
      </c>
      <c r="AJ31" s="257">
        <v>0</v>
      </c>
      <c r="AK31" s="261">
        <v>0</v>
      </c>
      <c r="AL31" s="258">
        <v>0</v>
      </c>
      <c r="AM31" s="260">
        <v>0</v>
      </c>
      <c r="AN31" s="261">
        <v>0</v>
      </c>
      <c r="AO31" s="261">
        <v>12</v>
      </c>
      <c r="AP31" s="261">
        <v>0</v>
      </c>
      <c r="AQ31" s="261">
        <v>0</v>
      </c>
      <c r="AR31" s="261">
        <v>0</v>
      </c>
      <c r="AS31" s="258">
        <v>12</v>
      </c>
      <c r="AT31" s="263">
        <v>12</v>
      </c>
      <c r="AU31" s="257">
        <v>0</v>
      </c>
      <c r="AV31" s="261">
        <v>0</v>
      </c>
      <c r="AW31" s="258">
        <v>0</v>
      </c>
      <c r="AX31" s="260">
        <v>0</v>
      </c>
      <c r="AY31" s="261">
        <v>8</v>
      </c>
      <c r="AZ31" s="261">
        <v>28</v>
      </c>
      <c r="BA31" s="261">
        <v>12</v>
      </c>
      <c r="BB31" s="261">
        <v>0</v>
      </c>
      <c r="BC31" s="261">
        <v>0</v>
      </c>
      <c r="BD31" s="262">
        <v>48</v>
      </c>
      <c r="BE31" s="263">
        <v>48</v>
      </c>
      <c r="BF31" s="257">
        <v>0</v>
      </c>
      <c r="BG31" s="261">
        <v>0</v>
      </c>
      <c r="BH31" s="258">
        <v>0</v>
      </c>
      <c r="BI31" s="260">
        <v>0</v>
      </c>
      <c r="BJ31" s="261">
        <v>0</v>
      </c>
      <c r="BK31" s="261">
        <v>0</v>
      </c>
      <c r="BL31" s="261">
        <v>0</v>
      </c>
      <c r="BM31" s="261">
        <v>0</v>
      </c>
      <c r="BN31" s="261">
        <v>0</v>
      </c>
      <c r="BO31" s="258">
        <v>0</v>
      </c>
      <c r="BP31" s="263">
        <v>0</v>
      </c>
      <c r="BQ31" s="257">
        <v>0</v>
      </c>
      <c r="BR31" s="261">
        <v>0</v>
      </c>
      <c r="BS31" s="258">
        <v>0</v>
      </c>
      <c r="BT31" s="260">
        <v>0</v>
      </c>
      <c r="BU31" s="261">
        <v>0</v>
      </c>
      <c r="BV31" s="261">
        <v>0</v>
      </c>
      <c r="BW31" s="261">
        <v>15</v>
      </c>
      <c r="BX31" s="261">
        <v>0</v>
      </c>
      <c r="BY31" s="261">
        <v>7</v>
      </c>
      <c r="BZ31" s="258">
        <v>22</v>
      </c>
      <c r="CA31" s="263">
        <v>22</v>
      </c>
      <c r="CB31" s="257">
        <v>0</v>
      </c>
      <c r="CC31" s="261">
        <v>0</v>
      </c>
      <c r="CD31" s="258">
        <v>0</v>
      </c>
      <c r="CE31" s="260">
        <v>0</v>
      </c>
      <c r="CF31" s="261">
        <v>0</v>
      </c>
      <c r="CG31" s="261">
        <v>0</v>
      </c>
      <c r="CH31" s="261">
        <v>0</v>
      </c>
      <c r="CI31" s="261">
        <v>0</v>
      </c>
      <c r="CJ31" s="261">
        <v>4</v>
      </c>
      <c r="CK31" s="258">
        <v>4</v>
      </c>
      <c r="CL31" s="263">
        <v>4</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45</v>
      </c>
      <c r="H32" s="261">
        <v>8</v>
      </c>
      <c r="I32" s="261">
        <v>25</v>
      </c>
      <c r="J32" s="261">
        <v>14</v>
      </c>
      <c r="K32" s="261">
        <v>19</v>
      </c>
      <c r="L32" s="262">
        <v>111</v>
      </c>
      <c r="M32" s="263">
        <v>111</v>
      </c>
      <c r="N32" s="257">
        <v>0</v>
      </c>
      <c r="O32" s="261">
        <v>0</v>
      </c>
      <c r="P32" s="258">
        <v>0</v>
      </c>
      <c r="Q32" s="260">
        <v>0</v>
      </c>
      <c r="R32" s="261">
        <v>0</v>
      </c>
      <c r="S32" s="261">
        <v>0</v>
      </c>
      <c r="T32" s="261">
        <v>0</v>
      </c>
      <c r="U32" s="261">
        <v>0</v>
      </c>
      <c r="V32" s="261">
        <v>0</v>
      </c>
      <c r="W32" s="258">
        <v>0</v>
      </c>
      <c r="X32" s="263">
        <v>0</v>
      </c>
      <c r="Y32" s="257">
        <v>0</v>
      </c>
      <c r="Z32" s="261">
        <v>13</v>
      </c>
      <c r="AA32" s="258">
        <v>13</v>
      </c>
      <c r="AB32" s="260">
        <v>0</v>
      </c>
      <c r="AC32" s="261">
        <v>6</v>
      </c>
      <c r="AD32" s="261">
        <v>0</v>
      </c>
      <c r="AE32" s="261">
        <v>0</v>
      </c>
      <c r="AF32" s="261">
        <v>5</v>
      </c>
      <c r="AG32" s="261">
        <v>0</v>
      </c>
      <c r="AH32" s="258">
        <v>11</v>
      </c>
      <c r="AI32" s="263">
        <v>24</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4</v>
      </c>
      <c r="AZ32" s="261">
        <v>0</v>
      </c>
      <c r="BA32" s="261">
        <v>0</v>
      </c>
      <c r="BB32" s="261">
        <v>14</v>
      </c>
      <c r="BC32" s="261">
        <v>0</v>
      </c>
      <c r="BD32" s="262">
        <v>18</v>
      </c>
      <c r="BE32" s="263">
        <v>18</v>
      </c>
      <c r="BF32" s="257">
        <v>0</v>
      </c>
      <c r="BG32" s="261">
        <v>0</v>
      </c>
      <c r="BH32" s="258">
        <v>0</v>
      </c>
      <c r="BI32" s="260">
        <v>0</v>
      </c>
      <c r="BJ32" s="261">
        <v>0</v>
      </c>
      <c r="BK32" s="261">
        <v>0</v>
      </c>
      <c r="BL32" s="261">
        <v>0</v>
      </c>
      <c r="BM32" s="261">
        <v>0</v>
      </c>
      <c r="BN32" s="261">
        <v>0</v>
      </c>
      <c r="BO32" s="258">
        <v>0</v>
      </c>
      <c r="BP32" s="263">
        <v>0</v>
      </c>
      <c r="BQ32" s="257">
        <v>0</v>
      </c>
      <c r="BR32" s="261">
        <v>0</v>
      </c>
      <c r="BS32" s="258">
        <v>0</v>
      </c>
      <c r="BT32" s="260">
        <v>0</v>
      </c>
      <c r="BU32" s="261">
        <v>0</v>
      </c>
      <c r="BV32" s="261">
        <v>0</v>
      </c>
      <c r="BW32" s="261">
        <v>5</v>
      </c>
      <c r="BX32" s="261">
        <v>8</v>
      </c>
      <c r="BY32" s="261">
        <v>0</v>
      </c>
      <c r="BZ32" s="258">
        <v>13</v>
      </c>
      <c r="CA32" s="263">
        <v>13</v>
      </c>
      <c r="CB32" s="257">
        <v>0</v>
      </c>
      <c r="CC32" s="261">
        <v>0</v>
      </c>
      <c r="CD32" s="258">
        <v>0</v>
      </c>
      <c r="CE32" s="260">
        <v>0</v>
      </c>
      <c r="CF32" s="261">
        <v>0</v>
      </c>
      <c r="CG32" s="261">
        <v>0</v>
      </c>
      <c r="CH32" s="261">
        <v>7</v>
      </c>
      <c r="CI32" s="261">
        <v>0</v>
      </c>
      <c r="CJ32" s="261">
        <v>0</v>
      </c>
      <c r="CK32" s="258">
        <v>7</v>
      </c>
      <c r="CL32" s="263">
        <v>7</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0</v>
      </c>
      <c r="H33" s="261">
        <v>0</v>
      </c>
      <c r="I33" s="261">
        <v>0</v>
      </c>
      <c r="J33" s="261">
        <v>0</v>
      </c>
      <c r="K33" s="261">
        <v>0</v>
      </c>
      <c r="L33" s="262">
        <v>0</v>
      </c>
      <c r="M33" s="263">
        <v>0</v>
      </c>
      <c r="N33" s="257">
        <v>0</v>
      </c>
      <c r="O33" s="261">
        <v>0</v>
      </c>
      <c r="P33" s="258">
        <v>0</v>
      </c>
      <c r="Q33" s="260">
        <v>0</v>
      </c>
      <c r="R33" s="261">
        <v>0</v>
      </c>
      <c r="S33" s="261">
        <v>5</v>
      </c>
      <c r="T33" s="261">
        <v>9</v>
      </c>
      <c r="U33" s="261">
        <v>0</v>
      </c>
      <c r="V33" s="261">
        <v>0</v>
      </c>
      <c r="W33" s="258">
        <v>14</v>
      </c>
      <c r="X33" s="263">
        <v>14</v>
      </c>
      <c r="Y33" s="257">
        <v>2</v>
      </c>
      <c r="Z33" s="261">
        <v>0</v>
      </c>
      <c r="AA33" s="258">
        <v>2</v>
      </c>
      <c r="AB33" s="260">
        <v>0</v>
      </c>
      <c r="AC33" s="261">
        <v>0</v>
      </c>
      <c r="AD33" s="261">
        <v>0</v>
      </c>
      <c r="AE33" s="261">
        <v>12</v>
      </c>
      <c r="AF33" s="261">
        <v>0</v>
      </c>
      <c r="AG33" s="261">
        <v>0</v>
      </c>
      <c r="AH33" s="258">
        <v>12</v>
      </c>
      <c r="AI33" s="263">
        <v>14</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5</v>
      </c>
      <c r="AZ33" s="261">
        <v>9</v>
      </c>
      <c r="BA33" s="261">
        <v>22</v>
      </c>
      <c r="BB33" s="261">
        <v>0</v>
      </c>
      <c r="BC33" s="261">
        <v>0</v>
      </c>
      <c r="BD33" s="262">
        <v>36</v>
      </c>
      <c r="BE33" s="263">
        <v>36</v>
      </c>
      <c r="BF33" s="257">
        <v>0</v>
      </c>
      <c r="BG33" s="261">
        <v>0</v>
      </c>
      <c r="BH33" s="258">
        <v>0</v>
      </c>
      <c r="BI33" s="260">
        <v>0</v>
      </c>
      <c r="BJ33" s="261">
        <v>7</v>
      </c>
      <c r="BK33" s="261">
        <v>8</v>
      </c>
      <c r="BL33" s="261">
        <v>15</v>
      </c>
      <c r="BM33" s="261">
        <v>0</v>
      </c>
      <c r="BN33" s="261">
        <v>0</v>
      </c>
      <c r="BO33" s="258">
        <v>30</v>
      </c>
      <c r="BP33" s="263">
        <v>30</v>
      </c>
      <c r="BQ33" s="257">
        <v>0</v>
      </c>
      <c r="BR33" s="261">
        <v>0</v>
      </c>
      <c r="BS33" s="258">
        <v>0</v>
      </c>
      <c r="BT33" s="260">
        <v>0</v>
      </c>
      <c r="BU33" s="261">
        <v>0</v>
      </c>
      <c r="BV33" s="261">
        <v>0</v>
      </c>
      <c r="BW33" s="261">
        <v>26</v>
      </c>
      <c r="BX33" s="261">
        <v>3</v>
      </c>
      <c r="BY33" s="261">
        <v>0</v>
      </c>
      <c r="BZ33" s="258">
        <v>29</v>
      </c>
      <c r="CA33" s="263">
        <v>29</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41</v>
      </c>
      <c r="H34" s="261">
        <v>29</v>
      </c>
      <c r="I34" s="261">
        <v>0</v>
      </c>
      <c r="J34" s="261">
        <v>38</v>
      </c>
      <c r="K34" s="261">
        <v>89</v>
      </c>
      <c r="L34" s="262">
        <v>197</v>
      </c>
      <c r="M34" s="263">
        <v>197</v>
      </c>
      <c r="N34" s="257">
        <v>0</v>
      </c>
      <c r="O34" s="261">
        <v>0</v>
      </c>
      <c r="P34" s="258">
        <v>0</v>
      </c>
      <c r="Q34" s="260">
        <v>0</v>
      </c>
      <c r="R34" s="261">
        <v>0</v>
      </c>
      <c r="S34" s="261">
        <v>0</v>
      </c>
      <c r="T34" s="261">
        <v>0</v>
      </c>
      <c r="U34" s="261">
        <v>0</v>
      </c>
      <c r="V34" s="261">
        <v>4</v>
      </c>
      <c r="W34" s="258">
        <v>4</v>
      </c>
      <c r="X34" s="263">
        <v>4</v>
      </c>
      <c r="Y34" s="257">
        <v>0</v>
      </c>
      <c r="Z34" s="261">
        <v>1</v>
      </c>
      <c r="AA34" s="258">
        <v>1</v>
      </c>
      <c r="AB34" s="260">
        <v>0</v>
      </c>
      <c r="AC34" s="261">
        <v>22</v>
      </c>
      <c r="AD34" s="261">
        <v>33</v>
      </c>
      <c r="AE34" s="261">
        <v>0</v>
      </c>
      <c r="AF34" s="261">
        <v>0</v>
      </c>
      <c r="AG34" s="261">
        <v>0</v>
      </c>
      <c r="AH34" s="258">
        <v>55</v>
      </c>
      <c r="AI34" s="263">
        <v>56</v>
      </c>
      <c r="AJ34" s="257">
        <v>0</v>
      </c>
      <c r="AK34" s="261">
        <v>0</v>
      </c>
      <c r="AL34" s="258">
        <v>0</v>
      </c>
      <c r="AM34" s="260">
        <v>0</v>
      </c>
      <c r="AN34" s="261">
        <v>0</v>
      </c>
      <c r="AO34" s="261">
        <v>12</v>
      </c>
      <c r="AP34" s="261">
        <v>0</v>
      </c>
      <c r="AQ34" s="261">
        <v>0</v>
      </c>
      <c r="AR34" s="261">
        <v>0</v>
      </c>
      <c r="AS34" s="258">
        <v>12</v>
      </c>
      <c r="AT34" s="263">
        <v>12</v>
      </c>
      <c r="AU34" s="257">
        <v>0</v>
      </c>
      <c r="AV34" s="261">
        <v>0</v>
      </c>
      <c r="AW34" s="258">
        <v>0</v>
      </c>
      <c r="AX34" s="260">
        <v>0</v>
      </c>
      <c r="AY34" s="261">
        <v>17</v>
      </c>
      <c r="AZ34" s="261">
        <v>33</v>
      </c>
      <c r="BA34" s="261">
        <v>9</v>
      </c>
      <c r="BB34" s="261">
        <v>9</v>
      </c>
      <c r="BC34" s="261">
        <v>0</v>
      </c>
      <c r="BD34" s="262">
        <v>68</v>
      </c>
      <c r="BE34" s="263">
        <v>68</v>
      </c>
      <c r="BF34" s="257">
        <v>0</v>
      </c>
      <c r="BG34" s="261">
        <v>0</v>
      </c>
      <c r="BH34" s="258">
        <v>0</v>
      </c>
      <c r="BI34" s="260">
        <v>0</v>
      </c>
      <c r="BJ34" s="261">
        <v>0</v>
      </c>
      <c r="BK34" s="261">
        <v>17</v>
      </c>
      <c r="BL34" s="261">
        <v>0</v>
      </c>
      <c r="BM34" s="261">
        <v>0</v>
      </c>
      <c r="BN34" s="261">
        <v>0</v>
      </c>
      <c r="BO34" s="258">
        <v>17</v>
      </c>
      <c r="BP34" s="263">
        <v>17</v>
      </c>
      <c r="BQ34" s="257">
        <v>0</v>
      </c>
      <c r="BR34" s="261">
        <v>0</v>
      </c>
      <c r="BS34" s="258">
        <v>0</v>
      </c>
      <c r="BT34" s="260">
        <v>0</v>
      </c>
      <c r="BU34" s="261">
        <v>0</v>
      </c>
      <c r="BV34" s="261">
        <v>8</v>
      </c>
      <c r="BW34" s="261">
        <v>0</v>
      </c>
      <c r="BX34" s="261">
        <v>0</v>
      </c>
      <c r="BY34" s="261">
        <v>0</v>
      </c>
      <c r="BZ34" s="258">
        <v>8</v>
      </c>
      <c r="CA34" s="263">
        <v>8</v>
      </c>
      <c r="CB34" s="257">
        <v>0</v>
      </c>
      <c r="CC34" s="261">
        <v>0</v>
      </c>
      <c r="CD34" s="258">
        <v>0</v>
      </c>
      <c r="CE34" s="260">
        <v>0</v>
      </c>
      <c r="CF34" s="261">
        <v>0</v>
      </c>
      <c r="CG34" s="261">
        <v>0</v>
      </c>
      <c r="CH34" s="261">
        <v>3</v>
      </c>
      <c r="CI34" s="261">
        <v>0</v>
      </c>
      <c r="CJ34" s="261">
        <v>0</v>
      </c>
      <c r="CK34" s="258">
        <v>3</v>
      </c>
      <c r="CL34" s="263">
        <v>3</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10</v>
      </c>
      <c r="H35" s="261">
        <v>0</v>
      </c>
      <c r="I35" s="261">
        <v>12</v>
      </c>
      <c r="J35" s="261">
        <v>0</v>
      </c>
      <c r="K35" s="261">
        <v>0</v>
      </c>
      <c r="L35" s="262">
        <v>22</v>
      </c>
      <c r="M35" s="263">
        <v>22</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5</v>
      </c>
      <c r="AD35" s="261">
        <v>0</v>
      </c>
      <c r="AE35" s="261">
        <v>5</v>
      </c>
      <c r="AF35" s="261">
        <v>0</v>
      </c>
      <c r="AG35" s="261">
        <v>0</v>
      </c>
      <c r="AH35" s="258">
        <v>10</v>
      </c>
      <c r="AI35" s="263">
        <v>10</v>
      </c>
      <c r="AJ35" s="257">
        <v>30</v>
      </c>
      <c r="AK35" s="261">
        <v>21</v>
      </c>
      <c r="AL35" s="258">
        <v>51</v>
      </c>
      <c r="AM35" s="260">
        <v>0</v>
      </c>
      <c r="AN35" s="261">
        <v>0</v>
      </c>
      <c r="AO35" s="261">
        <v>0</v>
      </c>
      <c r="AP35" s="261">
        <v>33</v>
      </c>
      <c r="AQ35" s="261">
        <v>0</v>
      </c>
      <c r="AR35" s="261">
        <v>0</v>
      </c>
      <c r="AS35" s="258">
        <v>33</v>
      </c>
      <c r="AT35" s="263">
        <v>84</v>
      </c>
      <c r="AU35" s="257">
        <v>0</v>
      </c>
      <c r="AV35" s="261">
        <v>0</v>
      </c>
      <c r="AW35" s="258">
        <v>0</v>
      </c>
      <c r="AX35" s="260">
        <v>0</v>
      </c>
      <c r="AY35" s="261">
        <v>0</v>
      </c>
      <c r="AZ35" s="261">
        <v>5</v>
      </c>
      <c r="BA35" s="261">
        <v>0</v>
      </c>
      <c r="BB35" s="261">
        <v>0</v>
      </c>
      <c r="BC35" s="261">
        <v>0</v>
      </c>
      <c r="BD35" s="262">
        <v>5</v>
      </c>
      <c r="BE35" s="263">
        <v>5</v>
      </c>
      <c r="BF35" s="257">
        <v>0</v>
      </c>
      <c r="BG35" s="261">
        <v>0</v>
      </c>
      <c r="BH35" s="258">
        <v>0</v>
      </c>
      <c r="BI35" s="260">
        <v>0</v>
      </c>
      <c r="BJ35" s="261">
        <v>2</v>
      </c>
      <c r="BK35" s="261">
        <v>0</v>
      </c>
      <c r="BL35" s="261">
        <v>0</v>
      </c>
      <c r="BM35" s="261">
        <v>0</v>
      </c>
      <c r="BN35" s="261">
        <v>0</v>
      </c>
      <c r="BO35" s="258">
        <v>2</v>
      </c>
      <c r="BP35" s="263">
        <v>2</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19</v>
      </c>
      <c r="AE36" s="261">
        <v>0</v>
      </c>
      <c r="AF36" s="261">
        <v>9</v>
      </c>
      <c r="AG36" s="261">
        <v>0</v>
      </c>
      <c r="AH36" s="258">
        <v>28</v>
      </c>
      <c r="AI36" s="263">
        <v>28</v>
      </c>
      <c r="AJ36" s="257">
        <v>0</v>
      </c>
      <c r="AK36" s="261">
        <v>0</v>
      </c>
      <c r="AL36" s="258">
        <v>0</v>
      </c>
      <c r="AM36" s="260">
        <v>0</v>
      </c>
      <c r="AN36" s="261">
        <v>0</v>
      </c>
      <c r="AO36" s="261">
        <v>15</v>
      </c>
      <c r="AP36" s="261">
        <v>0</v>
      </c>
      <c r="AQ36" s="261">
        <v>0</v>
      </c>
      <c r="AR36" s="261">
        <v>0</v>
      </c>
      <c r="AS36" s="258">
        <v>15</v>
      </c>
      <c r="AT36" s="263">
        <v>15</v>
      </c>
      <c r="AU36" s="257">
        <v>0</v>
      </c>
      <c r="AV36" s="261">
        <v>0</v>
      </c>
      <c r="AW36" s="258">
        <v>0</v>
      </c>
      <c r="AX36" s="260">
        <v>0</v>
      </c>
      <c r="AY36" s="261">
        <v>0</v>
      </c>
      <c r="AZ36" s="261">
        <v>5</v>
      </c>
      <c r="BA36" s="261">
        <v>0</v>
      </c>
      <c r="BB36" s="261">
        <v>0</v>
      </c>
      <c r="BC36" s="261">
        <v>0</v>
      </c>
      <c r="BD36" s="262">
        <v>5</v>
      </c>
      <c r="BE36" s="263">
        <v>5</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7</v>
      </c>
      <c r="BY36" s="261">
        <v>0</v>
      </c>
      <c r="BZ36" s="258">
        <v>7</v>
      </c>
      <c r="CA36" s="263">
        <v>7</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50</v>
      </c>
      <c r="H37" s="261">
        <v>0</v>
      </c>
      <c r="I37" s="261">
        <v>10</v>
      </c>
      <c r="J37" s="261">
        <v>73</v>
      </c>
      <c r="K37" s="261">
        <v>85</v>
      </c>
      <c r="L37" s="262">
        <v>218</v>
      </c>
      <c r="M37" s="263">
        <v>218</v>
      </c>
      <c r="N37" s="257">
        <v>0</v>
      </c>
      <c r="O37" s="261">
        <v>0</v>
      </c>
      <c r="P37" s="258">
        <v>0</v>
      </c>
      <c r="Q37" s="260">
        <v>0</v>
      </c>
      <c r="R37" s="261">
        <v>0</v>
      </c>
      <c r="S37" s="261">
        <v>0</v>
      </c>
      <c r="T37" s="261">
        <v>0</v>
      </c>
      <c r="U37" s="261">
        <v>8</v>
      </c>
      <c r="V37" s="261">
        <v>8</v>
      </c>
      <c r="W37" s="258">
        <v>16</v>
      </c>
      <c r="X37" s="263">
        <v>16</v>
      </c>
      <c r="Y37" s="257">
        <v>0</v>
      </c>
      <c r="Z37" s="261">
        <v>0</v>
      </c>
      <c r="AA37" s="258">
        <v>0</v>
      </c>
      <c r="AB37" s="260">
        <v>0</v>
      </c>
      <c r="AC37" s="261">
        <v>5</v>
      </c>
      <c r="AD37" s="261">
        <v>0</v>
      </c>
      <c r="AE37" s="261">
        <v>0</v>
      </c>
      <c r="AF37" s="261">
        <v>0</v>
      </c>
      <c r="AG37" s="261">
        <v>0</v>
      </c>
      <c r="AH37" s="258">
        <v>5</v>
      </c>
      <c r="AI37" s="263">
        <v>5</v>
      </c>
      <c r="AJ37" s="257">
        <v>6</v>
      </c>
      <c r="AK37" s="261">
        <v>10</v>
      </c>
      <c r="AL37" s="258">
        <v>16</v>
      </c>
      <c r="AM37" s="260">
        <v>0</v>
      </c>
      <c r="AN37" s="261">
        <v>15</v>
      </c>
      <c r="AO37" s="261">
        <v>0</v>
      </c>
      <c r="AP37" s="261">
        <v>0</v>
      </c>
      <c r="AQ37" s="261">
        <v>0</v>
      </c>
      <c r="AR37" s="261">
        <v>0</v>
      </c>
      <c r="AS37" s="258">
        <v>15</v>
      </c>
      <c r="AT37" s="263">
        <v>31</v>
      </c>
      <c r="AU37" s="257">
        <v>0</v>
      </c>
      <c r="AV37" s="261">
        <v>0</v>
      </c>
      <c r="AW37" s="258">
        <v>0</v>
      </c>
      <c r="AX37" s="260">
        <v>0</v>
      </c>
      <c r="AY37" s="261">
        <v>49</v>
      </c>
      <c r="AZ37" s="261">
        <v>15</v>
      </c>
      <c r="BA37" s="261">
        <v>25</v>
      </c>
      <c r="BB37" s="261">
        <v>0</v>
      </c>
      <c r="BC37" s="261">
        <v>0</v>
      </c>
      <c r="BD37" s="262">
        <v>89</v>
      </c>
      <c r="BE37" s="263">
        <v>89</v>
      </c>
      <c r="BF37" s="257">
        <v>0</v>
      </c>
      <c r="BG37" s="261">
        <v>0</v>
      </c>
      <c r="BH37" s="258">
        <v>0</v>
      </c>
      <c r="BI37" s="260">
        <v>0</v>
      </c>
      <c r="BJ37" s="261">
        <v>0</v>
      </c>
      <c r="BK37" s="261">
        <v>0</v>
      </c>
      <c r="BL37" s="261">
        <v>3</v>
      </c>
      <c r="BM37" s="261">
        <v>9</v>
      </c>
      <c r="BN37" s="261">
        <v>0</v>
      </c>
      <c r="BO37" s="258">
        <v>12</v>
      </c>
      <c r="BP37" s="263">
        <v>12</v>
      </c>
      <c r="BQ37" s="257">
        <v>0</v>
      </c>
      <c r="BR37" s="261">
        <v>0</v>
      </c>
      <c r="BS37" s="258">
        <v>0</v>
      </c>
      <c r="BT37" s="260">
        <v>0</v>
      </c>
      <c r="BU37" s="261">
        <v>1</v>
      </c>
      <c r="BV37" s="261">
        <v>0</v>
      </c>
      <c r="BW37" s="261">
        <v>2</v>
      </c>
      <c r="BX37" s="261">
        <v>0</v>
      </c>
      <c r="BY37" s="261">
        <v>0</v>
      </c>
      <c r="BZ37" s="258">
        <v>3</v>
      </c>
      <c r="CA37" s="263">
        <v>3</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0</v>
      </c>
      <c r="H38" s="261">
        <v>0</v>
      </c>
      <c r="I38" s="261">
        <v>9</v>
      </c>
      <c r="J38" s="261">
        <v>158</v>
      </c>
      <c r="K38" s="261">
        <v>132</v>
      </c>
      <c r="L38" s="262">
        <v>299</v>
      </c>
      <c r="M38" s="263">
        <v>299</v>
      </c>
      <c r="N38" s="257">
        <v>0</v>
      </c>
      <c r="O38" s="261">
        <v>0</v>
      </c>
      <c r="P38" s="258">
        <v>0</v>
      </c>
      <c r="Q38" s="260">
        <v>0</v>
      </c>
      <c r="R38" s="261">
        <v>0</v>
      </c>
      <c r="S38" s="261">
        <v>0</v>
      </c>
      <c r="T38" s="261">
        <v>0</v>
      </c>
      <c r="U38" s="261">
        <v>1</v>
      </c>
      <c r="V38" s="261">
        <v>0</v>
      </c>
      <c r="W38" s="258">
        <v>1</v>
      </c>
      <c r="X38" s="263">
        <v>1</v>
      </c>
      <c r="Y38" s="257">
        <v>8</v>
      </c>
      <c r="Z38" s="261">
        <v>0</v>
      </c>
      <c r="AA38" s="258">
        <v>8</v>
      </c>
      <c r="AB38" s="260">
        <v>0</v>
      </c>
      <c r="AC38" s="261">
        <v>10</v>
      </c>
      <c r="AD38" s="261">
        <v>0</v>
      </c>
      <c r="AE38" s="261">
        <v>8</v>
      </c>
      <c r="AF38" s="261">
        <v>16</v>
      </c>
      <c r="AG38" s="261">
        <v>5</v>
      </c>
      <c r="AH38" s="258">
        <v>39</v>
      </c>
      <c r="AI38" s="263">
        <v>47</v>
      </c>
      <c r="AJ38" s="257">
        <v>0</v>
      </c>
      <c r="AK38" s="261">
        <v>14</v>
      </c>
      <c r="AL38" s="258">
        <v>14</v>
      </c>
      <c r="AM38" s="260">
        <v>0</v>
      </c>
      <c r="AN38" s="261">
        <v>0</v>
      </c>
      <c r="AO38" s="261">
        <v>14</v>
      </c>
      <c r="AP38" s="261">
        <v>0</v>
      </c>
      <c r="AQ38" s="261">
        <v>0</v>
      </c>
      <c r="AR38" s="261">
        <v>0</v>
      </c>
      <c r="AS38" s="258">
        <v>14</v>
      </c>
      <c r="AT38" s="263">
        <v>28</v>
      </c>
      <c r="AU38" s="257">
        <v>0</v>
      </c>
      <c r="AV38" s="261">
        <v>0</v>
      </c>
      <c r="AW38" s="258">
        <v>0</v>
      </c>
      <c r="AX38" s="260">
        <v>0</v>
      </c>
      <c r="AY38" s="261">
        <v>0</v>
      </c>
      <c r="AZ38" s="261">
        <v>13</v>
      </c>
      <c r="BA38" s="261">
        <v>0</v>
      </c>
      <c r="BB38" s="261">
        <v>0</v>
      </c>
      <c r="BC38" s="261">
        <v>0</v>
      </c>
      <c r="BD38" s="262">
        <v>13</v>
      </c>
      <c r="BE38" s="263">
        <v>13</v>
      </c>
      <c r="BF38" s="257">
        <v>0</v>
      </c>
      <c r="BG38" s="261">
        <v>0</v>
      </c>
      <c r="BH38" s="258">
        <v>0</v>
      </c>
      <c r="BI38" s="260">
        <v>0</v>
      </c>
      <c r="BJ38" s="261">
        <v>0</v>
      </c>
      <c r="BK38" s="261">
        <v>0</v>
      </c>
      <c r="BL38" s="261">
        <v>0</v>
      </c>
      <c r="BM38" s="261">
        <v>8</v>
      </c>
      <c r="BN38" s="261">
        <v>0</v>
      </c>
      <c r="BO38" s="258">
        <v>8</v>
      </c>
      <c r="BP38" s="263">
        <v>8</v>
      </c>
      <c r="BQ38" s="257">
        <v>0</v>
      </c>
      <c r="BR38" s="261">
        <v>0</v>
      </c>
      <c r="BS38" s="258">
        <v>0</v>
      </c>
      <c r="BT38" s="260">
        <v>0</v>
      </c>
      <c r="BU38" s="261">
        <v>0</v>
      </c>
      <c r="BV38" s="261">
        <v>2</v>
      </c>
      <c r="BW38" s="261">
        <v>0</v>
      </c>
      <c r="BX38" s="261">
        <v>0</v>
      </c>
      <c r="BY38" s="261">
        <v>0</v>
      </c>
      <c r="BZ38" s="258">
        <v>2</v>
      </c>
      <c r="CA38" s="263">
        <v>2</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12</v>
      </c>
      <c r="BA39" s="268">
        <v>0</v>
      </c>
      <c r="BB39" s="268">
        <v>0</v>
      </c>
      <c r="BC39" s="268">
        <v>0</v>
      </c>
      <c r="BD39" s="269">
        <v>12</v>
      </c>
      <c r="BE39" s="270">
        <v>12</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7.55468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3</v>
      </c>
      <c r="J1" s="501">
        <f>第１表!F2</f>
        <v>5</v>
      </c>
      <c r="K1" s="501"/>
      <c r="L1" s="235">
        <f>第１表!G2</f>
        <v>10</v>
      </c>
      <c r="M1" s="505">
        <f>IF(L1&lt;3,L1+12-2,L1-2)</f>
        <v>8</v>
      </c>
      <c r="N1" s="505"/>
    </row>
    <row r="2" spans="2:112" ht="24" customHeight="1" thickBot="1" x14ac:dyDescent="0.25">
      <c r="B2" s="271" t="s">
        <v>153</v>
      </c>
    </row>
    <row r="3" spans="2:112" ht="21" customHeight="1" thickBot="1" x14ac:dyDescent="0.25">
      <c r="B3" s="525"/>
      <c r="C3" s="528" t="s">
        <v>112</v>
      </c>
      <c r="D3" s="528"/>
      <c r="E3" s="528"/>
      <c r="F3" s="528"/>
      <c r="G3" s="528"/>
      <c r="H3" s="528"/>
      <c r="I3" s="528"/>
      <c r="J3" s="528"/>
      <c r="K3" s="528"/>
      <c r="L3" s="528"/>
      <c r="M3" s="529"/>
      <c r="N3" s="523" t="s">
        <v>111</v>
      </c>
      <c r="O3" s="523"/>
      <c r="P3" s="523"/>
      <c r="Q3" s="523"/>
      <c r="R3" s="523"/>
      <c r="S3" s="523"/>
      <c r="T3" s="523"/>
      <c r="U3" s="523"/>
      <c r="V3" s="523"/>
      <c r="W3" s="523"/>
      <c r="X3" s="524"/>
      <c r="Y3" s="522" t="s">
        <v>110</v>
      </c>
      <c r="Z3" s="523"/>
      <c r="AA3" s="523"/>
      <c r="AB3" s="523"/>
      <c r="AC3" s="523"/>
      <c r="AD3" s="523"/>
      <c r="AE3" s="523"/>
      <c r="AF3" s="523"/>
      <c r="AG3" s="523"/>
      <c r="AH3" s="523"/>
      <c r="AI3" s="524"/>
      <c r="AJ3" s="522" t="s">
        <v>109</v>
      </c>
      <c r="AK3" s="523"/>
      <c r="AL3" s="523"/>
      <c r="AM3" s="523"/>
      <c r="AN3" s="523"/>
      <c r="AO3" s="523"/>
      <c r="AP3" s="523"/>
      <c r="AQ3" s="523"/>
      <c r="AR3" s="523"/>
      <c r="AS3" s="523"/>
      <c r="AT3" s="524"/>
      <c r="AU3" s="522" t="s">
        <v>108</v>
      </c>
      <c r="AV3" s="523"/>
      <c r="AW3" s="523"/>
      <c r="AX3" s="523"/>
      <c r="AY3" s="523"/>
      <c r="AZ3" s="523"/>
      <c r="BA3" s="523"/>
      <c r="BB3" s="523"/>
      <c r="BC3" s="523"/>
      <c r="BD3" s="523"/>
      <c r="BE3" s="524"/>
      <c r="BF3" s="522" t="s">
        <v>107</v>
      </c>
      <c r="BG3" s="523"/>
      <c r="BH3" s="523"/>
      <c r="BI3" s="523"/>
      <c r="BJ3" s="523"/>
      <c r="BK3" s="523"/>
      <c r="BL3" s="523"/>
      <c r="BM3" s="523"/>
      <c r="BN3" s="523"/>
      <c r="BO3" s="523"/>
      <c r="BP3" s="524"/>
      <c r="BQ3" s="522" t="s">
        <v>106</v>
      </c>
      <c r="BR3" s="523"/>
      <c r="BS3" s="523"/>
      <c r="BT3" s="523"/>
      <c r="BU3" s="523"/>
      <c r="BV3" s="523"/>
      <c r="BW3" s="523"/>
      <c r="BX3" s="523"/>
      <c r="BY3" s="523"/>
      <c r="BZ3" s="523"/>
      <c r="CA3" s="524"/>
      <c r="CB3" s="522" t="s">
        <v>127</v>
      </c>
      <c r="CC3" s="523"/>
      <c r="CD3" s="523"/>
      <c r="CE3" s="523"/>
      <c r="CF3" s="523"/>
      <c r="CG3" s="523"/>
      <c r="CH3" s="523"/>
      <c r="CI3" s="523"/>
      <c r="CJ3" s="523"/>
      <c r="CK3" s="523"/>
      <c r="CL3" s="524"/>
      <c r="CM3" s="522" t="s">
        <v>160</v>
      </c>
      <c r="CN3" s="523"/>
      <c r="CO3" s="523"/>
      <c r="CP3" s="523"/>
      <c r="CQ3" s="523"/>
      <c r="CR3" s="523"/>
      <c r="CS3" s="523"/>
      <c r="CT3" s="523"/>
      <c r="CU3" s="523"/>
      <c r="CV3" s="523"/>
      <c r="CW3" s="524"/>
      <c r="CX3" s="522" t="s">
        <v>156</v>
      </c>
      <c r="CY3" s="523"/>
      <c r="CZ3" s="523"/>
      <c r="DA3" s="523"/>
      <c r="DB3" s="523"/>
      <c r="DC3" s="523"/>
      <c r="DD3" s="523"/>
      <c r="DE3" s="523"/>
      <c r="DF3" s="523"/>
      <c r="DG3" s="523"/>
      <c r="DH3" s="524"/>
    </row>
    <row r="4" spans="2:112" ht="21" customHeight="1" x14ac:dyDescent="0.2">
      <c r="B4" s="526"/>
      <c r="C4" s="530" t="s">
        <v>61</v>
      </c>
      <c r="D4" s="513"/>
      <c r="E4" s="514"/>
      <c r="F4" s="512" t="s">
        <v>62</v>
      </c>
      <c r="G4" s="513"/>
      <c r="H4" s="513"/>
      <c r="I4" s="513"/>
      <c r="J4" s="513"/>
      <c r="K4" s="513"/>
      <c r="L4" s="521"/>
      <c r="M4" s="515" t="s">
        <v>52</v>
      </c>
      <c r="N4" s="530" t="s">
        <v>61</v>
      </c>
      <c r="O4" s="513"/>
      <c r="P4" s="514"/>
      <c r="Q4" s="512" t="s">
        <v>62</v>
      </c>
      <c r="R4" s="513"/>
      <c r="S4" s="513"/>
      <c r="T4" s="513"/>
      <c r="U4" s="513"/>
      <c r="V4" s="513"/>
      <c r="W4" s="514"/>
      <c r="X4" s="515" t="s">
        <v>52</v>
      </c>
      <c r="Y4" s="517" t="s">
        <v>61</v>
      </c>
      <c r="Z4" s="513"/>
      <c r="AA4" s="521"/>
      <c r="AB4" s="512" t="s">
        <v>62</v>
      </c>
      <c r="AC4" s="513"/>
      <c r="AD4" s="513"/>
      <c r="AE4" s="513"/>
      <c r="AF4" s="513"/>
      <c r="AG4" s="513"/>
      <c r="AH4" s="514"/>
      <c r="AI4" s="515" t="s">
        <v>52</v>
      </c>
      <c r="AJ4" s="517" t="s">
        <v>61</v>
      </c>
      <c r="AK4" s="513"/>
      <c r="AL4" s="514"/>
      <c r="AM4" s="512" t="s">
        <v>62</v>
      </c>
      <c r="AN4" s="513"/>
      <c r="AO4" s="513"/>
      <c r="AP4" s="513"/>
      <c r="AQ4" s="513"/>
      <c r="AR4" s="513"/>
      <c r="AS4" s="514"/>
      <c r="AT4" s="515" t="s">
        <v>52</v>
      </c>
      <c r="AU4" s="517" t="s">
        <v>61</v>
      </c>
      <c r="AV4" s="513"/>
      <c r="AW4" s="521"/>
      <c r="AX4" s="512" t="s">
        <v>62</v>
      </c>
      <c r="AY4" s="513"/>
      <c r="AZ4" s="513"/>
      <c r="BA4" s="513"/>
      <c r="BB4" s="513"/>
      <c r="BC4" s="513"/>
      <c r="BD4" s="521"/>
      <c r="BE4" s="515" t="s">
        <v>52</v>
      </c>
      <c r="BF4" s="517" t="s">
        <v>61</v>
      </c>
      <c r="BG4" s="513"/>
      <c r="BH4" s="514"/>
      <c r="BI4" s="512" t="s">
        <v>62</v>
      </c>
      <c r="BJ4" s="513"/>
      <c r="BK4" s="513"/>
      <c r="BL4" s="513"/>
      <c r="BM4" s="513"/>
      <c r="BN4" s="513"/>
      <c r="BO4" s="514"/>
      <c r="BP4" s="515" t="s">
        <v>52</v>
      </c>
      <c r="BQ4" s="517" t="s">
        <v>61</v>
      </c>
      <c r="BR4" s="513"/>
      <c r="BS4" s="514"/>
      <c r="BT4" s="512" t="s">
        <v>62</v>
      </c>
      <c r="BU4" s="513"/>
      <c r="BV4" s="513"/>
      <c r="BW4" s="513"/>
      <c r="BX4" s="513"/>
      <c r="BY4" s="513"/>
      <c r="BZ4" s="514"/>
      <c r="CA4" s="515" t="s">
        <v>52</v>
      </c>
      <c r="CB4" s="517" t="s">
        <v>61</v>
      </c>
      <c r="CC4" s="513"/>
      <c r="CD4" s="514"/>
      <c r="CE4" s="512" t="s">
        <v>62</v>
      </c>
      <c r="CF4" s="513"/>
      <c r="CG4" s="513"/>
      <c r="CH4" s="513"/>
      <c r="CI4" s="513"/>
      <c r="CJ4" s="513"/>
      <c r="CK4" s="514"/>
      <c r="CL4" s="515" t="s">
        <v>52</v>
      </c>
      <c r="CM4" s="517" t="s">
        <v>61</v>
      </c>
      <c r="CN4" s="513"/>
      <c r="CO4" s="514"/>
      <c r="CP4" s="512" t="s">
        <v>62</v>
      </c>
      <c r="CQ4" s="513"/>
      <c r="CR4" s="513"/>
      <c r="CS4" s="513"/>
      <c r="CT4" s="513"/>
      <c r="CU4" s="513"/>
      <c r="CV4" s="514"/>
      <c r="CW4" s="515" t="s">
        <v>52</v>
      </c>
      <c r="CX4" s="517" t="s">
        <v>61</v>
      </c>
      <c r="CY4" s="513"/>
      <c r="CZ4" s="514"/>
      <c r="DA4" s="512" t="s">
        <v>62</v>
      </c>
      <c r="DB4" s="513"/>
      <c r="DC4" s="513"/>
      <c r="DD4" s="513"/>
      <c r="DE4" s="513"/>
      <c r="DF4" s="513"/>
      <c r="DG4" s="514"/>
      <c r="DH4" s="515" t="s">
        <v>52</v>
      </c>
    </row>
    <row r="5" spans="2:112" ht="30" customHeight="1" thickBot="1" x14ac:dyDescent="0.25">
      <c r="B5" s="527"/>
      <c r="C5" s="245" t="s">
        <v>43</v>
      </c>
      <c r="D5" s="246" t="s">
        <v>44</v>
      </c>
      <c r="E5" s="247" t="s">
        <v>45</v>
      </c>
      <c r="F5" s="248" t="s">
        <v>83</v>
      </c>
      <c r="G5" s="243" t="s">
        <v>47</v>
      </c>
      <c r="H5" s="243" t="s">
        <v>48</v>
      </c>
      <c r="I5" s="243" t="s">
        <v>49</v>
      </c>
      <c r="J5" s="243" t="s">
        <v>50</v>
      </c>
      <c r="K5" s="243" t="s">
        <v>51</v>
      </c>
      <c r="L5" s="249" t="s">
        <v>45</v>
      </c>
      <c r="M5" s="516"/>
      <c r="N5" s="245" t="s">
        <v>43</v>
      </c>
      <c r="O5" s="243" t="s">
        <v>44</v>
      </c>
      <c r="P5" s="246" t="s">
        <v>45</v>
      </c>
      <c r="Q5" s="248" t="s">
        <v>83</v>
      </c>
      <c r="R5" s="243" t="s">
        <v>47</v>
      </c>
      <c r="S5" s="243" t="s">
        <v>48</v>
      </c>
      <c r="T5" s="243" t="s">
        <v>49</v>
      </c>
      <c r="U5" s="243" t="s">
        <v>50</v>
      </c>
      <c r="V5" s="243" t="s">
        <v>51</v>
      </c>
      <c r="W5" s="246" t="s">
        <v>45</v>
      </c>
      <c r="X5" s="516"/>
      <c r="Y5" s="327" t="s">
        <v>43</v>
      </c>
      <c r="Z5" s="243" t="s">
        <v>44</v>
      </c>
      <c r="AA5" s="249" t="s">
        <v>45</v>
      </c>
      <c r="AB5" s="248" t="s">
        <v>83</v>
      </c>
      <c r="AC5" s="243" t="s">
        <v>47</v>
      </c>
      <c r="AD5" s="243" t="s">
        <v>48</v>
      </c>
      <c r="AE5" s="243" t="s">
        <v>49</v>
      </c>
      <c r="AF5" s="243" t="s">
        <v>50</v>
      </c>
      <c r="AG5" s="243" t="s">
        <v>51</v>
      </c>
      <c r="AH5" s="246" t="s">
        <v>45</v>
      </c>
      <c r="AI5" s="516"/>
      <c r="AJ5" s="327" t="s">
        <v>43</v>
      </c>
      <c r="AK5" s="243" t="s">
        <v>44</v>
      </c>
      <c r="AL5" s="246" t="s">
        <v>45</v>
      </c>
      <c r="AM5" s="248" t="s">
        <v>83</v>
      </c>
      <c r="AN5" s="243" t="s">
        <v>47</v>
      </c>
      <c r="AO5" s="243" t="s">
        <v>48</v>
      </c>
      <c r="AP5" s="243" t="s">
        <v>49</v>
      </c>
      <c r="AQ5" s="243" t="s">
        <v>50</v>
      </c>
      <c r="AR5" s="243" t="s">
        <v>51</v>
      </c>
      <c r="AS5" s="246" t="s">
        <v>45</v>
      </c>
      <c r="AT5" s="516"/>
      <c r="AU5" s="327" t="s">
        <v>43</v>
      </c>
      <c r="AV5" s="243" t="s">
        <v>44</v>
      </c>
      <c r="AW5" s="249" t="s">
        <v>45</v>
      </c>
      <c r="AX5" s="248" t="s">
        <v>83</v>
      </c>
      <c r="AY5" s="243" t="s">
        <v>47</v>
      </c>
      <c r="AZ5" s="243" t="s">
        <v>48</v>
      </c>
      <c r="BA5" s="243" t="s">
        <v>49</v>
      </c>
      <c r="BB5" s="243" t="s">
        <v>50</v>
      </c>
      <c r="BC5" s="243" t="s">
        <v>51</v>
      </c>
      <c r="BD5" s="249" t="s">
        <v>45</v>
      </c>
      <c r="BE5" s="516"/>
      <c r="BF5" s="327" t="s">
        <v>43</v>
      </c>
      <c r="BG5" s="243" t="s">
        <v>44</v>
      </c>
      <c r="BH5" s="246" t="s">
        <v>45</v>
      </c>
      <c r="BI5" s="248" t="s">
        <v>83</v>
      </c>
      <c r="BJ5" s="243" t="s">
        <v>47</v>
      </c>
      <c r="BK5" s="243" t="s">
        <v>48</v>
      </c>
      <c r="BL5" s="243" t="s">
        <v>49</v>
      </c>
      <c r="BM5" s="243" t="s">
        <v>50</v>
      </c>
      <c r="BN5" s="243" t="s">
        <v>51</v>
      </c>
      <c r="BO5" s="246" t="s">
        <v>45</v>
      </c>
      <c r="BP5" s="516"/>
      <c r="BQ5" s="327" t="s">
        <v>43</v>
      </c>
      <c r="BR5" s="243" t="s">
        <v>44</v>
      </c>
      <c r="BS5" s="246" t="s">
        <v>45</v>
      </c>
      <c r="BT5" s="248" t="s">
        <v>83</v>
      </c>
      <c r="BU5" s="243" t="s">
        <v>47</v>
      </c>
      <c r="BV5" s="243" t="s">
        <v>48</v>
      </c>
      <c r="BW5" s="243" t="s">
        <v>49</v>
      </c>
      <c r="BX5" s="243" t="s">
        <v>50</v>
      </c>
      <c r="BY5" s="243" t="s">
        <v>51</v>
      </c>
      <c r="BZ5" s="246" t="s">
        <v>45</v>
      </c>
      <c r="CA5" s="516"/>
      <c r="CB5" s="327" t="s">
        <v>43</v>
      </c>
      <c r="CC5" s="243" t="s">
        <v>44</v>
      </c>
      <c r="CD5" s="246" t="s">
        <v>45</v>
      </c>
      <c r="CE5" s="248" t="s">
        <v>83</v>
      </c>
      <c r="CF5" s="243" t="s">
        <v>47</v>
      </c>
      <c r="CG5" s="243" t="s">
        <v>48</v>
      </c>
      <c r="CH5" s="243" t="s">
        <v>49</v>
      </c>
      <c r="CI5" s="243" t="s">
        <v>50</v>
      </c>
      <c r="CJ5" s="243" t="s">
        <v>51</v>
      </c>
      <c r="CK5" s="246" t="s">
        <v>45</v>
      </c>
      <c r="CL5" s="516"/>
      <c r="CM5" s="339" t="s">
        <v>43</v>
      </c>
      <c r="CN5" s="243" t="s">
        <v>44</v>
      </c>
      <c r="CO5" s="246" t="s">
        <v>45</v>
      </c>
      <c r="CP5" s="248" t="s">
        <v>83</v>
      </c>
      <c r="CQ5" s="243" t="s">
        <v>47</v>
      </c>
      <c r="CR5" s="243" t="s">
        <v>48</v>
      </c>
      <c r="CS5" s="243" t="s">
        <v>49</v>
      </c>
      <c r="CT5" s="243" t="s">
        <v>50</v>
      </c>
      <c r="CU5" s="243" t="s">
        <v>51</v>
      </c>
      <c r="CV5" s="246" t="s">
        <v>45</v>
      </c>
      <c r="CW5" s="516"/>
      <c r="CX5" s="339" t="s">
        <v>43</v>
      </c>
      <c r="CY5" s="243" t="s">
        <v>44</v>
      </c>
      <c r="CZ5" s="246" t="s">
        <v>45</v>
      </c>
      <c r="DA5" s="248" t="s">
        <v>83</v>
      </c>
      <c r="DB5" s="243" t="s">
        <v>47</v>
      </c>
      <c r="DC5" s="243" t="s">
        <v>48</v>
      </c>
      <c r="DD5" s="243" t="s">
        <v>49</v>
      </c>
      <c r="DE5" s="243" t="s">
        <v>50</v>
      </c>
      <c r="DF5" s="243" t="s">
        <v>51</v>
      </c>
      <c r="DG5" s="246" t="s">
        <v>45</v>
      </c>
      <c r="DH5" s="516"/>
    </row>
    <row r="6" spans="2:112" ht="21" customHeight="1" x14ac:dyDescent="0.2">
      <c r="B6" s="470" t="s">
        <v>4</v>
      </c>
      <c r="C6" s="250">
        <v>0</v>
      </c>
      <c r="D6" s="251">
        <v>0</v>
      </c>
      <c r="E6" s="252">
        <v>0</v>
      </c>
      <c r="F6" s="253">
        <v>0</v>
      </c>
      <c r="G6" s="254">
        <v>12290</v>
      </c>
      <c r="H6" s="254">
        <v>17064</v>
      </c>
      <c r="I6" s="254">
        <v>18791</v>
      </c>
      <c r="J6" s="254">
        <v>24967</v>
      </c>
      <c r="K6" s="254">
        <v>21943</v>
      </c>
      <c r="L6" s="255">
        <v>95055</v>
      </c>
      <c r="M6" s="256">
        <v>95055</v>
      </c>
      <c r="N6" s="250">
        <v>0</v>
      </c>
      <c r="O6" s="254">
        <v>8</v>
      </c>
      <c r="P6" s="251">
        <v>8</v>
      </c>
      <c r="Q6" s="253">
        <v>0</v>
      </c>
      <c r="R6" s="254">
        <v>64</v>
      </c>
      <c r="S6" s="254">
        <v>173</v>
      </c>
      <c r="T6" s="254">
        <v>228</v>
      </c>
      <c r="U6" s="254">
        <v>606</v>
      </c>
      <c r="V6" s="254">
        <v>1240</v>
      </c>
      <c r="W6" s="251">
        <v>2311</v>
      </c>
      <c r="X6" s="256">
        <v>2319</v>
      </c>
      <c r="Y6" s="250">
        <v>1374</v>
      </c>
      <c r="Z6" s="254">
        <v>3637</v>
      </c>
      <c r="AA6" s="251">
        <v>5011</v>
      </c>
      <c r="AB6" s="253">
        <v>0</v>
      </c>
      <c r="AC6" s="254">
        <v>9307</v>
      </c>
      <c r="AD6" s="254">
        <v>14579</v>
      </c>
      <c r="AE6" s="254">
        <v>8920</v>
      </c>
      <c r="AF6" s="254">
        <v>7332</v>
      </c>
      <c r="AG6" s="254">
        <v>5414</v>
      </c>
      <c r="AH6" s="251">
        <v>45552</v>
      </c>
      <c r="AI6" s="256">
        <v>50563</v>
      </c>
      <c r="AJ6" s="250">
        <v>221</v>
      </c>
      <c r="AK6" s="254">
        <v>723</v>
      </c>
      <c r="AL6" s="251">
        <v>944</v>
      </c>
      <c r="AM6" s="253">
        <v>0</v>
      </c>
      <c r="AN6" s="254">
        <v>1134</v>
      </c>
      <c r="AO6" s="254">
        <v>1883</v>
      </c>
      <c r="AP6" s="254">
        <v>1026</v>
      </c>
      <c r="AQ6" s="254">
        <v>1192</v>
      </c>
      <c r="AR6" s="254">
        <v>545</v>
      </c>
      <c r="AS6" s="251">
        <v>5780</v>
      </c>
      <c r="AT6" s="256">
        <v>6724</v>
      </c>
      <c r="AU6" s="250">
        <v>0</v>
      </c>
      <c r="AV6" s="254">
        <v>0</v>
      </c>
      <c r="AW6" s="251">
        <v>0</v>
      </c>
      <c r="AX6" s="253">
        <v>0</v>
      </c>
      <c r="AY6" s="254">
        <v>10486</v>
      </c>
      <c r="AZ6" s="254">
        <v>9915</v>
      </c>
      <c r="BA6" s="254">
        <v>5745</v>
      </c>
      <c r="BB6" s="254">
        <v>2969</v>
      </c>
      <c r="BC6" s="254">
        <v>1276</v>
      </c>
      <c r="BD6" s="255">
        <v>30391</v>
      </c>
      <c r="BE6" s="256">
        <v>30391</v>
      </c>
      <c r="BF6" s="250">
        <v>0</v>
      </c>
      <c r="BG6" s="254">
        <v>0</v>
      </c>
      <c r="BH6" s="251">
        <v>0</v>
      </c>
      <c r="BI6" s="253">
        <v>0</v>
      </c>
      <c r="BJ6" s="254">
        <v>2255</v>
      </c>
      <c r="BK6" s="254">
        <v>3358</v>
      </c>
      <c r="BL6" s="254">
        <v>1992</v>
      </c>
      <c r="BM6" s="254">
        <v>1475</v>
      </c>
      <c r="BN6" s="254">
        <v>617</v>
      </c>
      <c r="BO6" s="251">
        <v>9697</v>
      </c>
      <c r="BP6" s="256">
        <v>9697</v>
      </c>
      <c r="BQ6" s="250">
        <v>7</v>
      </c>
      <c r="BR6" s="254">
        <v>144</v>
      </c>
      <c r="BS6" s="251">
        <v>151</v>
      </c>
      <c r="BT6" s="253">
        <v>0</v>
      </c>
      <c r="BU6" s="254">
        <v>1079</v>
      </c>
      <c r="BV6" s="254">
        <v>2015</v>
      </c>
      <c r="BW6" s="254">
        <v>2880</v>
      </c>
      <c r="BX6" s="254">
        <v>2240</v>
      </c>
      <c r="BY6" s="254">
        <v>1180</v>
      </c>
      <c r="BZ6" s="251">
        <v>9394</v>
      </c>
      <c r="CA6" s="256">
        <v>9545</v>
      </c>
      <c r="CB6" s="250">
        <v>3</v>
      </c>
      <c r="CC6" s="254">
        <v>18</v>
      </c>
      <c r="CD6" s="251">
        <v>21</v>
      </c>
      <c r="CE6" s="253">
        <v>0</v>
      </c>
      <c r="CF6" s="254">
        <v>189</v>
      </c>
      <c r="CG6" s="254">
        <v>376</v>
      </c>
      <c r="CH6" s="254">
        <v>361</v>
      </c>
      <c r="CI6" s="254">
        <v>294</v>
      </c>
      <c r="CJ6" s="254">
        <v>236</v>
      </c>
      <c r="CK6" s="251">
        <v>1456</v>
      </c>
      <c r="CL6" s="256">
        <v>1477</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58">
        <v>0</v>
      </c>
      <c r="E7" s="259">
        <v>0</v>
      </c>
      <c r="F7" s="260">
        <v>0</v>
      </c>
      <c r="G7" s="261">
        <v>4332</v>
      </c>
      <c r="H7" s="261">
        <v>7950</v>
      </c>
      <c r="I7" s="261">
        <v>7565</v>
      </c>
      <c r="J7" s="261">
        <v>10693</v>
      </c>
      <c r="K7" s="261">
        <v>9168</v>
      </c>
      <c r="L7" s="262">
        <v>39708</v>
      </c>
      <c r="M7" s="263">
        <v>39708</v>
      </c>
      <c r="N7" s="257">
        <v>0</v>
      </c>
      <c r="O7" s="261">
        <v>8</v>
      </c>
      <c r="P7" s="258">
        <v>8</v>
      </c>
      <c r="Q7" s="260">
        <v>0</v>
      </c>
      <c r="R7" s="261">
        <v>25</v>
      </c>
      <c r="S7" s="261">
        <v>40</v>
      </c>
      <c r="T7" s="261">
        <v>108</v>
      </c>
      <c r="U7" s="261">
        <v>247</v>
      </c>
      <c r="V7" s="261">
        <v>643</v>
      </c>
      <c r="W7" s="258">
        <v>1063</v>
      </c>
      <c r="X7" s="263">
        <v>1071</v>
      </c>
      <c r="Y7" s="257">
        <v>689</v>
      </c>
      <c r="Z7" s="261">
        <v>1885</v>
      </c>
      <c r="AA7" s="258">
        <v>2574</v>
      </c>
      <c r="AB7" s="260">
        <v>0</v>
      </c>
      <c r="AC7" s="261">
        <v>3459</v>
      </c>
      <c r="AD7" s="261">
        <v>7889</v>
      </c>
      <c r="AE7" s="261">
        <v>4346</v>
      </c>
      <c r="AF7" s="261">
        <v>3481</v>
      </c>
      <c r="AG7" s="261">
        <v>2494</v>
      </c>
      <c r="AH7" s="258">
        <v>21669</v>
      </c>
      <c r="AI7" s="263">
        <v>24243</v>
      </c>
      <c r="AJ7" s="257">
        <v>82</v>
      </c>
      <c r="AK7" s="261">
        <v>433</v>
      </c>
      <c r="AL7" s="258">
        <v>515</v>
      </c>
      <c r="AM7" s="260">
        <v>0</v>
      </c>
      <c r="AN7" s="261">
        <v>337</v>
      </c>
      <c r="AO7" s="261">
        <v>916</v>
      </c>
      <c r="AP7" s="261">
        <v>334</v>
      </c>
      <c r="AQ7" s="261">
        <v>583</v>
      </c>
      <c r="AR7" s="261">
        <v>158</v>
      </c>
      <c r="AS7" s="258">
        <v>2328</v>
      </c>
      <c r="AT7" s="263">
        <v>2843</v>
      </c>
      <c r="AU7" s="257">
        <v>0</v>
      </c>
      <c r="AV7" s="261">
        <v>0</v>
      </c>
      <c r="AW7" s="258">
        <v>0</v>
      </c>
      <c r="AX7" s="260">
        <v>0</v>
      </c>
      <c r="AY7" s="261">
        <v>3351</v>
      </c>
      <c r="AZ7" s="261">
        <v>4139</v>
      </c>
      <c r="BA7" s="261">
        <v>2252</v>
      </c>
      <c r="BB7" s="261">
        <v>1041</v>
      </c>
      <c r="BC7" s="261">
        <v>504</v>
      </c>
      <c r="BD7" s="262">
        <v>11287</v>
      </c>
      <c r="BE7" s="263">
        <v>11287</v>
      </c>
      <c r="BF7" s="257">
        <v>0</v>
      </c>
      <c r="BG7" s="261">
        <v>0</v>
      </c>
      <c r="BH7" s="258">
        <v>0</v>
      </c>
      <c r="BI7" s="260">
        <v>0</v>
      </c>
      <c r="BJ7" s="261">
        <v>742</v>
      </c>
      <c r="BK7" s="261">
        <v>1620</v>
      </c>
      <c r="BL7" s="261">
        <v>832</v>
      </c>
      <c r="BM7" s="261">
        <v>606</v>
      </c>
      <c r="BN7" s="261">
        <v>272</v>
      </c>
      <c r="BO7" s="258">
        <v>4072</v>
      </c>
      <c r="BP7" s="263">
        <v>4072</v>
      </c>
      <c r="BQ7" s="257">
        <v>4</v>
      </c>
      <c r="BR7" s="261">
        <v>34</v>
      </c>
      <c r="BS7" s="258">
        <v>38</v>
      </c>
      <c r="BT7" s="260">
        <v>0</v>
      </c>
      <c r="BU7" s="261">
        <v>378</v>
      </c>
      <c r="BV7" s="261">
        <v>825</v>
      </c>
      <c r="BW7" s="261">
        <v>1322</v>
      </c>
      <c r="BX7" s="261">
        <v>724</v>
      </c>
      <c r="BY7" s="261">
        <v>497</v>
      </c>
      <c r="BZ7" s="258">
        <v>3746</v>
      </c>
      <c r="CA7" s="263">
        <v>3784</v>
      </c>
      <c r="CB7" s="257">
        <v>3</v>
      </c>
      <c r="CC7" s="261">
        <v>18</v>
      </c>
      <c r="CD7" s="258">
        <v>21</v>
      </c>
      <c r="CE7" s="260">
        <v>0</v>
      </c>
      <c r="CF7" s="261">
        <v>67</v>
      </c>
      <c r="CG7" s="261">
        <v>237</v>
      </c>
      <c r="CH7" s="261">
        <v>225</v>
      </c>
      <c r="CI7" s="261">
        <v>171</v>
      </c>
      <c r="CJ7" s="261">
        <v>140</v>
      </c>
      <c r="CK7" s="258">
        <v>840</v>
      </c>
      <c r="CL7" s="263">
        <v>861</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58">
        <v>0</v>
      </c>
      <c r="E8" s="259">
        <v>0</v>
      </c>
      <c r="F8" s="260">
        <v>0</v>
      </c>
      <c r="G8" s="261">
        <v>2115</v>
      </c>
      <c r="H8" s="261">
        <v>2712</v>
      </c>
      <c r="I8" s="261">
        <v>2873</v>
      </c>
      <c r="J8" s="261">
        <v>4766</v>
      </c>
      <c r="K8" s="261">
        <v>3994</v>
      </c>
      <c r="L8" s="262">
        <v>16460</v>
      </c>
      <c r="M8" s="263">
        <v>16460</v>
      </c>
      <c r="N8" s="257">
        <v>0</v>
      </c>
      <c r="O8" s="261">
        <v>0</v>
      </c>
      <c r="P8" s="258">
        <v>0</v>
      </c>
      <c r="Q8" s="260">
        <v>0</v>
      </c>
      <c r="R8" s="261">
        <v>19</v>
      </c>
      <c r="S8" s="261">
        <v>57</v>
      </c>
      <c r="T8" s="261">
        <v>65</v>
      </c>
      <c r="U8" s="261">
        <v>91</v>
      </c>
      <c r="V8" s="261">
        <v>124</v>
      </c>
      <c r="W8" s="258">
        <v>356</v>
      </c>
      <c r="X8" s="263">
        <v>356</v>
      </c>
      <c r="Y8" s="257">
        <v>274</v>
      </c>
      <c r="Z8" s="261">
        <v>813</v>
      </c>
      <c r="AA8" s="258">
        <v>1087</v>
      </c>
      <c r="AB8" s="260">
        <v>0</v>
      </c>
      <c r="AC8" s="261">
        <v>2507</v>
      </c>
      <c r="AD8" s="261">
        <v>2293</v>
      </c>
      <c r="AE8" s="261">
        <v>1914</v>
      </c>
      <c r="AF8" s="261">
        <v>1431</v>
      </c>
      <c r="AG8" s="261">
        <v>830</v>
      </c>
      <c r="AH8" s="258">
        <v>8975</v>
      </c>
      <c r="AI8" s="263">
        <v>10062</v>
      </c>
      <c r="AJ8" s="257">
        <v>41</v>
      </c>
      <c r="AK8" s="261">
        <v>28</v>
      </c>
      <c r="AL8" s="258">
        <v>69</v>
      </c>
      <c r="AM8" s="260">
        <v>0</v>
      </c>
      <c r="AN8" s="261">
        <v>225</v>
      </c>
      <c r="AO8" s="261">
        <v>214</v>
      </c>
      <c r="AP8" s="261">
        <v>160</v>
      </c>
      <c r="AQ8" s="261">
        <v>194</v>
      </c>
      <c r="AR8" s="261">
        <v>114</v>
      </c>
      <c r="AS8" s="258">
        <v>907</v>
      </c>
      <c r="AT8" s="263">
        <v>976</v>
      </c>
      <c r="AU8" s="257">
        <v>0</v>
      </c>
      <c r="AV8" s="261">
        <v>0</v>
      </c>
      <c r="AW8" s="258">
        <v>0</v>
      </c>
      <c r="AX8" s="260">
        <v>0</v>
      </c>
      <c r="AY8" s="261">
        <v>2014</v>
      </c>
      <c r="AZ8" s="261">
        <v>1500</v>
      </c>
      <c r="BA8" s="261">
        <v>924</v>
      </c>
      <c r="BB8" s="261">
        <v>455</v>
      </c>
      <c r="BC8" s="261">
        <v>200</v>
      </c>
      <c r="BD8" s="262">
        <v>5093</v>
      </c>
      <c r="BE8" s="263">
        <v>5093</v>
      </c>
      <c r="BF8" s="257">
        <v>0</v>
      </c>
      <c r="BG8" s="261">
        <v>0</v>
      </c>
      <c r="BH8" s="258">
        <v>0</v>
      </c>
      <c r="BI8" s="260">
        <v>0</v>
      </c>
      <c r="BJ8" s="261">
        <v>370</v>
      </c>
      <c r="BK8" s="261">
        <v>417</v>
      </c>
      <c r="BL8" s="261">
        <v>257</v>
      </c>
      <c r="BM8" s="261">
        <v>291</v>
      </c>
      <c r="BN8" s="261">
        <v>89</v>
      </c>
      <c r="BO8" s="258">
        <v>1424</v>
      </c>
      <c r="BP8" s="263">
        <v>1424</v>
      </c>
      <c r="BQ8" s="257">
        <v>3</v>
      </c>
      <c r="BR8" s="261">
        <v>3</v>
      </c>
      <c r="BS8" s="258">
        <v>6</v>
      </c>
      <c r="BT8" s="260">
        <v>0</v>
      </c>
      <c r="BU8" s="261">
        <v>199</v>
      </c>
      <c r="BV8" s="261">
        <v>244</v>
      </c>
      <c r="BW8" s="261">
        <v>425</v>
      </c>
      <c r="BX8" s="261">
        <v>354</v>
      </c>
      <c r="BY8" s="261">
        <v>84</v>
      </c>
      <c r="BZ8" s="258">
        <v>1306</v>
      </c>
      <c r="CA8" s="263">
        <v>1312</v>
      </c>
      <c r="CB8" s="257">
        <v>0</v>
      </c>
      <c r="CC8" s="261">
        <v>0</v>
      </c>
      <c r="CD8" s="258">
        <v>0</v>
      </c>
      <c r="CE8" s="260">
        <v>0</v>
      </c>
      <c r="CF8" s="261">
        <v>25</v>
      </c>
      <c r="CG8" s="261">
        <v>81</v>
      </c>
      <c r="CH8" s="261">
        <v>52</v>
      </c>
      <c r="CI8" s="261">
        <v>83</v>
      </c>
      <c r="CJ8" s="261">
        <v>68</v>
      </c>
      <c r="CK8" s="258">
        <v>309</v>
      </c>
      <c r="CL8" s="263">
        <v>309</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58">
        <v>0</v>
      </c>
      <c r="E9" s="259">
        <v>0</v>
      </c>
      <c r="F9" s="260">
        <v>0</v>
      </c>
      <c r="G9" s="261">
        <v>475</v>
      </c>
      <c r="H9" s="261">
        <v>1087</v>
      </c>
      <c r="I9" s="261">
        <v>1053</v>
      </c>
      <c r="J9" s="261">
        <v>1369</v>
      </c>
      <c r="K9" s="261">
        <v>1358</v>
      </c>
      <c r="L9" s="262">
        <v>5342</v>
      </c>
      <c r="M9" s="263">
        <v>5342</v>
      </c>
      <c r="N9" s="257">
        <v>0</v>
      </c>
      <c r="O9" s="261">
        <v>0</v>
      </c>
      <c r="P9" s="258">
        <v>0</v>
      </c>
      <c r="Q9" s="260">
        <v>0</v>
      </c>
      <c r="R9" s="261">
        <v>0</v>
      </c>
      <c r="S9" s="261">
        <v>20</v>
      </c>
      <c r="T9" s="261">
        <v>5</v>
      </c>
      <c r="U9" s="261">
        <v>58</v>
      </c>
      <c r="V9" s="261">
        <v>76</v>
      </c>
      <c r="W9" s="258">
        <v>159</v>
      </c>
      <c r="X9" s="263">
        <v>159</v>
      </c>
      <c r="Y9" s="257">
        <v>18</v>
      </c>
      <c r="Z9" s="261">
        <v>147</v>
      </c>
      <c r="AA9" s="258">
        <v>165</v>
      </c>
      <c r="AB9" s="260">
        <v>0</v>
      </c>
      <c r="AC9" s="261">
        <v>273</v>
      </c>
      <c r="AD9" s="261">
        <v>992</v>
      </c>
      <c r="AE9" s="261">
        <v>489</v>
      </c>
      <c r="AF9" s="261">
        <v>490</v>
      </c>
      <c r="AG9" s="261">
        <v>384</v>
      </c>
      <c r="AH9" s="258">
        <v>2628</v>
      </c>
      <c r="AI9" s="263">
        <v>2793</v>
      </c>
      <c r="AJ9" s="257">
        <v>0</v>
      </c>
      <c r="AK9" s="261">
        <v>62</v>
      </c>
      <c r="AL9" s="258">
        <v>62</v>
      </c>
      <c r="AM9" s="260">
        <v>0</v>
      </c>
      <c r="AN9" s="261">
        <v>75</v>
      </c>
      <c r="AO9" s="261">
        <v>48</v>
      </c>
      <c r="AP9" s="261">
        <v>42</v>
      </c>
      <c r="AQ9" s="261">
        <v>0</v>
      </c>
      <c r="AR9" s="261">
        <v>10</v>
      </c>
      <c r="AS9" s="258">
        <v>175</v>
      </c>
      <c r="AT9" s="263">
        <v>237</v>
      </c>
      <c r="AU9" s="257">
        <v>0</v>
      </c>
      <c r="AV9" s="261">
        <v>0</v>
      </c>
      <c r="AW9" s="258">
        <v>0</v>
      </c>
      <c r="AX9" s="260">
        <v>0</v>
      </c>
      <c r="AY9" s="261">
        <v>766</v>
      </c>
      <c r="AZ9" s="261">
        <v>836</v>
      </c>
      <c r="BA9" s="261">
        <v>562</v>
      </c>
      <c r="BB9" s="261">
        <v>121</v>
      </c>
      <c r="BC9" s="261">
        <v>97</v>
      </c>
      <c r="BD9" s="262">
        <v>2382</v>
      </c>
      <c r="BE9" s="263">
        <v>2382</v>
      </c>
      <c r="BF9" s="257">
        <v>0</v>
      </c>
      <c r="BG9" s="261">
        <v>0</v>
      </c>
      <c r="BH9" s="258">
        <v>0</v>
      </c>
      <c r="BI9" s="260">
        <v>0</v>
      </c>
      <c r="BJ9" s="261">
        <v>80</v>
      </c>
      <c r="BK9" s="261">
        <v>174</v>
      </c>
      <c r="BL9" s="261">
        <v>109</v>
      </c>
      <c r="BM9" s="261">
        <v>64</v>
      </c>
      <c r="BN9" s="261">
        <v>0</v>
      </c>
      <c r="BO9" s="258">
        <v>427</v>
      </c>
      <c r="BP9" s="263">
        <v>427</v>
      </c>
      <c r="BQ9" s="257">
        <v>0</v>
      </c>
      <c r="BR9" s="261">
        <v>4</v>
      </c>
      <c r="BS9" s="258">
        <v>4</v>
      </c>
      <c r="BT9" s="260">
        <v>0</v>
      </c>
      <c r="BU9" s="261">
        <v>61</v>
      </c>
      <c r="BV9" s="261">
        <v>280</v>
      </c>
      <c r="BW9" s="261">
        <v>143</v>
      </c>
      <c r="BX9" s="261">
        <v>220</v>
      </c>
      <c r="BY9" s="261">
        <v>96</v>
      </c>
      <c r="BZ9" s="258">
        <v>800</v>
      </c>
      <c r="CA9" s="263">
        <v>804</v>
      </c>
      <c r="CB9" s="257">
        <v>0</v>
      </c>
      <c r="CC9" s="261">
        <v>0</v>
      </c>
      <c r="CD9" s="258">
        <v>0</v>
      </c>
      <c r="CE9" s="260">
        <v>0</v>
      </c>
      <c r="CF9" s="261">
        <v>1</v>
      </c>
      <c r="CG9" s="261">
        <v>0</v>
      </c>
      <c r="CH9" s="261">
        <v>9</v>
      </c>
      <c r="CI9" s="261">
        <v>7</v>
      </c>
      <c r="CJ9" s="261">
        <v>0</v>
      </c>
      <c r="CK9" s="258">
        <v>17</v>
      </c>
      <c r="CL9" s="263">
        <v>17</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58">
        <v>0</v>
      </c>
      <c r="E10" s="259">
        <v>0</v>
      </c>
      <c r="F10" s="260">
        <v>0</v>
      </c>
      <c r="G10" s="261">
        <v>708</v>
      </c>
      <c r="H10" s="261">
        <v>612</v>
      </c>
      <c r="I10" s="261">
        <v>532</v>
      </c>
      <c r="J10" s="261">
        <v>1189</v>
      </c>
      <c r="K10" s="261">
        <v>679</v>
      </c>
      <c r="L10" s="262">
        <v>3720</v>
      </c>
      <c r="M10" s="263">
        <v>3720</v>
      </c>
      <c r="N10" s="257">
        <v>0</v>
      </c>
      <c r="O10" s="261">
        <v>0</v>
      </c>
      <c r="P10" s="258">
        <v>0</v>
      </c>
      <c r="Q10" s="260">
        <v>0</v>
      </c>
      <c r="R10" s="261">
        <v>5</v>
      </c>
      <c r="S10" s="261">
        <v>13</v>
      </c>
      <c r="T10" s="261">
        <v>2</v>
      </c>
      <c r="U10" s="261">
        <v>18</v>
      </c>
      <c r="V10" s="261">
        <v>40</v>
      </c>
      <c r="W10" s="258">
        <v>78</v>
      </c>
      <c r="X10" s="263">
        <v>78</v>
      </c>
      <c r="Y10" s="257">
        <v>4</v>
      </c>
      <c r="Z10" s="261">
        <v>9</v>
      </c>
      <c r="AA10" s="258">
        <v>13</v>
      </c>
      <c r="AB10" s="260">
        <v>0</v>
      </c>
      <c r="AC10" s="261">
        <v>202</v>
      </c>
      <c r="AD10" s="261">
        <v>311</v>
      </c>
      <c r="AE10" s="261">
        <v>175</v>
      </c>
      <c r="AF10" s="261">
        <v>-97</v>
      </c>
      <c r="AG10" s="261">
        <v>189</v>
      </c>
      <c r="AH10" s="258">
        <v>780</v>
      </c>
      <c r="AI10" s="263">
        <v>793</v>
      </c>
      <c r="AJ10" s="257">
        <v>8</v>
      </c>
      <c r="AK10" s="261">
        <v>0</v>
      </c>
      <c r="AL10" s="258">
        <v>8</v>
      </c>
      <c r="AM10" s="260">
        <v>0</v>
      </c>
      <c r="AN10" s="261">
        <v>17</v>
      </c>
      <c r="AO10" s="261">
        <v>85</v>
      </c>
      <c r="AP10" s="261">
        <v>8</v>
      </c>
      <c r="AQ10" s="261">
        <v>27</v>
      </c>
      <c r="AR10" s="261">
        <v>0</v>
      </c>
      <c r="AS10" s="258">
        <v>137</v>
      </c>
      <c r="AT10" s="263">
        <v>145</v>
      </c>
      <c r="AU10" s="257">
        <v>0</v>
      </c>
      <c r="AV10" s="261">
        <v>0</v>
      </c>
      <c r="AW10" s="258">
        <v>0</v>
      </c>
      <c r="AX10" s="260">
        <v>0</v>
      </c>
      <c r="AY10" s="261">
        <v>454</v>
      </c>
      <c r="AZ10" s="261">
        <v>252</v>
      </c>
      <c r="BA10" s="261">
        <v>216</v>
      </c>
      <c r="BB10" s="261">
        <v>85</v>
      </c>
      <c r="BC10" s="261">
        <v>49</v>
      </c>
      <c r="BD10" s="262">
        <v>1056</v>
      </c>
      <c r="BE10" s="263">
        <v>1056</v>
      </c>
      <c r="BF10" s="257">
        <v>0</v>
      </c>
      <c r="BG10" s="261">
        <v>0</v>
      </c>
      <c r="BH10" s="258">
        <v>0</v>
      </c>
      <c r="BI10" s="260">
        <v>0</v>
      </c>
      <c r="BJ10" s="261">
        <v>99</v>
      </c>
      <c r="BK10" s="261">
        <v>57</v>
      </c>
      <c r="BL10" s="261">
        <v>74</v>
      </c>
      <c r="BM10" s="261">
        <v>60</v>
      </c>
      <c r="BN10" s="261">
        <v>13</v>
      </c>
      <c r="BO10" s="258">
        <v>303</v>
      </c>
      <c r="BP10" s="263">
        <v>303</v>
      </c>
      <c r="BQ10" s="257">
        <v>0</v>
      </c>
      <c r="BR10" s="261">
        <v>0</v>
      </c>
      <c r="BS10" s="258">
        <v>0</v>
      </c>
      <c r="BT10" s="260">
        <v>0</v>
      </c>
      <c r="BU10" s="261">
        <v>52</v>
      </c>
      <c r="BV10" s="261">
        <v>53</v>
      </c>
      <c r="BW10" s="261">
        <v>33</v>
      </c>
      <c r="BX10" s="261">
        <v>82</v>
      </c>
      <c r="BY10" s="261">
        <v>100</v>
      </c>
      <c r="BZ10" s="258">
        <v>320</v>
      </c>
      <c r="CA10" s="263">
        <v>320</v>
      </c>
      <c r="CB10" s="257">
        <v>0</v>
      </c>
      <c r="CC10" s="261">
        <v>0</v>
      </c>
      <c r="CD10" s="258">
        <v>0</v>
      </c>
      <c r="CE10" s="260">
        <v>0</v>
      </c>
      <c r="CF10" s="261">
        <v>5</v>
      </c>
      <c r="CG10" s="261">
        <v>0</v>
      </c>
      <c r="CH10" s="261">
        <v>3</v>
      </c>
      <c r="CI10" s="261">
        <v>0</v>
      </c>
      <c r="CJ10" s="261">
        <v>0</v>
      </c>
      <c r="CK10" s="258">
        <v>8</v>
      </c>
      <c r="CL10" s="263">
        <v>8</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58">
        <v>0</v>
      </c>
      <c r="E11" s="259">
        <v>0</v>
      </c>
      <c r="F11" s="260">
        <v>0</v>
      </c>
      <c r="G11" s="261">
        <v>229</v>
      </c>
      <c r="H11" s="261">
        <v>235</v>
      </c>
      <c r="I11" s="261">
        <v>456</v>
      </c>
      <c r="J11" s="261">
        <v>530</v>
      </c>
      <c r="K11" s="261">
        <v>427</v>
      </c>
      <c r="L11" s="262">
        <v>1877</v>
      </c>
      <c r="M11" s="263">
        <v>1877</v>
      </c>
      <c r="N11" s="257">
        <v>0</v>
      </c>
      <c r="O11" s="261">
        <v>0</v>
      </c>
      <c r="P11" s="258">
        <v>0</v>
      </c>
      <c r="Q11" s="260">
        <v>0</v>
      </c>
      <c r="R11" s="261">
        <v>0</v>
      </c>
      <c r="S11" s="261">
        <v>1</v>
      </c>
      <c r="T11" s="261">
        <v>7</v>
      </c>
      <c r="U11" s="261">
        <v>7</v>
      </c>
      <c r="V11" s="261">
        <v>14</v>
      </c>
      <c r="W11" s="258">
        <v>29</v>
      </c>
      <c r="X11" s="263">
        <v>29</v>
      </c>
      <c r="Y11" s="257">
        <v>30</v>
      </c>
      <c r="Z11" s="261">
        <v>16</v>
      </c>
      <c r="AA11" s="258">
        <v>46</v>
      </c>
      <c r="AB11" s="260">
        <v>0</v>
      </c>
      <c r="AC11" s="261">
        <v>170</v>
      </c>
      <c r="AD11" s="261">
        <v>162</v>
      </c>
      <c r="AE11" s="261">
        <v>91</v>
      </c>
      <c r="AF11" s="261">
        <v>115</v>
      </c>
      <c r="AG11" s="261">
        <v>41</v>
      </c>
      <c r="AH11" s="258">
        <v>579</v>
      </c>
      <c r="AI11" s="263">
        <v>625</v>
      </c>
      <c r="AJ11" s="257">
        <v>0</v>
      </c>
      <c r="AK11" s="261">
        <v>36</v>
      </c>
      <c r="AL11" s="258">
        <v>36</v>
      </c>
      <c r="AM11" s="260">
        <v>0</v>
      </c>
      <c r="AN11" s="261">
        <v>57</v>
      </c>
      <c r="AO11" s="261">
        <v>51</v>
      </c>
      <c r="AP11" s="261">
        <v>99</v>
      </c>
      <c r="AQ11" s="261">
        <v>21</v>
      </c>
      <c r="AR11" s="261">
        <v>31</v>
      </c>
      <c r="AS11" s="258">
        <v>259</v>
      </c>
      <c r="AT11" s="263">
        <v>295</v>
      </c>
      <c r="AU11" s="257">
        <v>0</v>
      </c>
      <c r="AV11" s="261">
        <v>0</v>
      </c>
      <c r="AW11" s="258">
        <v>0</v>
      </c>
      <c r="AX11" s="260">
        <v>0</v>
      </c>
      <c r="AY11" s="261">
        <v>280</v>
      </c>
      <c r="AZ11" s="261">
        <v>267</v>
      </c>
      <c r="BA11" s="261">
        <v>100</v>
      </c>
      <c r="BB11" s="261">
        <v>121</v>
      </c>
      <c r="BC11" s="261">
        <v>24</v>
      </c>
      <c r="BD11" s="262">
        <v>792</v>
      </c>
      <c r="BE11" s="263">
        <v>792</v>
      </c>
      <c r="BF11" s="257">
        <v>0</v>
      </c>
      <c r="BG11" s="261">
        <v>0</v>
      </c>
      <c r="BH11" s="258">
        <v>0</v>
      </c>
      <c r="BI11" s="260">
        <v>0</v>
      </c>
      <c r="BJ11" s="261">
        <v>103</v>
      </c>
      <c r="BK11" s="261">
        <v>39</v>
      </c>
      <c r="BL11" s="261">
        <v>82</v>
      </c>
      <c r="BM11" s="261">
        <v>58</v>
      </c>
      <c r="BN11" s="261">
        <v>27</v>
      </c>
      <c r="BO11" s="258">
        <v>309</v>
      </c>
      <c r="BP11" s="263">
        <v>309</v>
      </c>
      <c r="BQ11" s="257">
        <v>0</v>
      </c>
      <c r="BR11" s="261">
        <v>10</v>
      </c>
      <c r="BS11" s="258">
        <v>10</v>
      </c>
      <c r="BT11" s="260">
        <v>0</v>
      </c>
      <c r="BU11" s="261">
        <v>26</v>
      </c>
      <c r="BV11" s="261">
        <v>73</v>
      </c>
      <c r="BW11" s="261">
        <v>110</v>
      </c>
      <c r="BX11" s="261">
        <v>155</v>
      </c>
      <c r="BY11" s="261">
        <v>0</v>
      </c>
      <c r="BZ11" s="258">
        <v>364</v>
      </c>
      <c r="CA11" s="263">
        <v>374</v>
      </c>
      <c r="CB11" s="257">
        <v>0</v>
      </c>
      <c r="CC11" s="261">
        <v>0</v>
      </c>
      <c r="CD11" s="258">
        <v>0</v>
      </c>
      <c r="CE11" s="260">
        <v>0</v>
      </c>
      <c r="CF11" s="261">
        <v>0</v>
      </c>
      <c r="CG11" s="261">
        <v>0</v>
      </c>
      <c r="CH11" s="261">
        <v>0</v>
      </c>
      <c r="CI11" s="261">
        <v>5</v>
      </c>
      <c r="CJ11" s="261">
        <v>0</v>
      </c>
      <c r="CK11" s="258">
        <v>5</v>
      </c>
      <c r="CL11" s="263">
        <v>5</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58">
        <v>0</v>
      </c>
      <c r="E12" s="259">
        <v>0</v>
      </c>
      <c r="F12" s="260">
        <v>0</v>
      </c>
      <c r="G12" s="261">
        <v>661</v>
      </c>
      <c r="H12" s="261">
        <v>705</v>
      </c>
      <c r="I12" s="261">
        <v>995</v>
      </c>
      <c r="J12" s="261">
        <v>1255</v>
      </c>
      <c r="K12" s="261">
        <v>1395</v>
      </c>
      <c r="L12" s="262">
        <v>5011</v>
      </c>
      <c r="M12" s="263">
        <v>5011</v>
      </c>
      <c r="N12" s="257">
        <v>0</v>
      </c>
      <c r="O12" s="261">
        <v>0</v>
      </c>
      <c r="P12" s="258">
        <v>0</v>
      </c>
      <c r="Q12" s="260">
        <v>0</v>
      </c>
      <c r="R12" s="261">
        <v>8</v>
      </c>
      <c r="S12" s="261">
        <v>5</v>
      </c>
      <c r="T12" s="261">
        <v>9</v>
      </c>
      <c r="U12" s="261">
        <v>52</v>
      </c>
      <c r="V12" s="261">
        <v>51</v>
      </c>
      <c r="W12" s="258">
        <v>125</v>
      </c>
      <c r="X12" s="263">
        <v>125</v>
      </c>
      <c r="Y12" s="257">
        <v>77</v>
      </c>
      <c r="Z12" s="261">
        <v>93</v>
      </c>
      <c r="AA12" s="258">
        <v>170</v>
      </c>
      <c r="AB12" s="260">
        <v>0</v>
      </c>
      <c r="AC12" s="261">
        <v>463</v>
      </c>
      <c r="AD12" s="261">
        <v>496</v>
      </c>
      <c r="AE12" s="261">
        <v>285</v>
      </c>
      <c r="AF12" s="261">
        <v>316</v>
      </c>
      <c r="AG12" s="261">
        <v>185</v>
      </c>
      <c r="AH12" s="258">
        <v>1745</v>
      </c>
      <c r="AI12" s="263">
        <v>1915</v>
      </c>
      <c r="AJ12" s="257">
        <v>10</v>
      </c>
      <c r="AK12" s="261">
        <v>25</v>
      </c>
      <c r="AL12" s="258">
        <v>35</v>
      </c>
      <c r="AM12" s="260">
        <v>0</v>
      </c>
      <c r="AN12" s="261">
        <v>50</v>
      </c>
      <c r="AO12" s="261">
        <v>114</v>
      </c>
      <c r="AP12" s="261">
        <v>89</v>
      </c>
      <c r="AQ12" s="261">
        <v>65</v>
      </c>
      <c r="AR12" s="261">
        <v>26</v>
      </c>
      <c r="AS12" s="258">
        <v>344</v>
      </c>
      <c r="AT12" s="263">
        <v>379</v>
      </c>
      <c r="AU12" s="257">
        <v>0</v>
      </c>
      <c r="AV12" s="261">
        <v>0</v>
      </c>
      <c r="AW12" s="258">
        <v>0</v>
      </c>
      <c r="AX12" s="260">
        <v>0</v>
      </c>
      <c r="AY12" s="261">
        <v>532</v>
      </c>
      <c r="AZ12" s="261">
        <v>215</v>
      </c>
      <c r="BA12" s="261">
        <v>168</v>
      </c>
      <c r="BB12" s="261">
        <v>137</v>
      </c>
      <c r="BC12" s="261">
        <v>22</v>
      </c>
      <c r="BD12" s="262">
        <v>1074</v>
      </c>
      <c r="BE12" s="263">
        <v>1074</v>
      </c>
      <c r="BF12" s="257">
        <v>0</v>
      </c>
      <c r="BG12" s="261">
        <v>0</v>
      </c>
      <c r="BH12" s="258">
        <v>0</v>
      </c>
      <c r="BI12" s="260">
        <v>0</v>
      </c>
      <c r="BJ12" s="261">
        <v>90</v>
      </c>
      <c r="BK12" s="261">
        <v>134</v>
      </c>
      <c r="BL12" s="261">
        <v>64</v>
      </c>
      <c r="BM12" s="261">
        <v>70</v>
      </c>
      <c r="BN12" s="261">
        <v>9</v>
      </c>
      <c r="BO12" s="258">
        <v>367</v>
      </c>
      <c r="BP12" s="263">
        <v>367</v>
      </c>
      <c r="BQ12" s="257">
        <v>0</v>
      </c>
      <c r="BR12" s="261">
        <v>0</v>
      </c>
      <c r="BS12" s="258">
        <v>0</v>
      </c>
      <c r="BT12" s="260">
        <v>0</v>
      </c>
      <c r="BU12" s="261">
        <v>43</v>
      </c>
      <c r="BV12" s="261">
        <v>57</v>
      </c>
      <c r="BW12" s="261">
        <v>56</v>
      </c>
      <c r="BX12" s="261">
        <v>132</v>
      </c>
      <c r="BY12" s="261">
        <v>139</v>
      </c>
      <c r="BZ12" s="258">
        <v>427</v>
      </c>
      <c r="CA12" s="263">
        <v>427</v>
      </c>
      <c r="CB12" s="257">
        <v>0</v>
      </c>
      <c r="CC12" s="261">
        <v>0</v>
      </c>
      <c r="CD12" s="258">
        <v>0</v>
      </c>
      <c r="CE12" s="260">
        <v>0</v>
      </c>
      <c r="CF12" s="261">
        <v>24</v>
      </c>
      <c r="CG12" s="261">
        <v>7</v>
      </c>
      <c r="CH12" s="261">
        <v>44</v>
      </c>
      <c r="CI12" s="261">
        <v>12</v>
      </c>
      <c r="CJ12" s="261">
        <v>3</v>
      </c>
      <c r="CK12" s="258">
        <v>90</v>
      </c>
      <c r="CL12" s="263">
        <v>90</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58">
        <v>0</v>
      </c>
      <c r="E13" s="259">
        <v>0</v>
      </c>
      <c r="F13" s="260">
        <v>0</v>
      </c>
      <c r="G13" s="261">
        <v>1524</v>
      </c>
      <c r="H13" s="261">
        <v>849</v>
      </c>
      <c r="I13" s="261">
        <v>1770</v>
      </c>
      <c r="J13" s="261">
        <v>1411</v>
      </c>
      <c r="K13" s="261">
        <v>1306</v>
      </c>
      <c r="L13" s="262">
        <v>6860</v>
      </c>
      <c r="M13" s="263">
        <v>6860</v>
      </c>
      <c r="N13" s="257">
        <v>0</v>
      </c>
      <c r="O13" s="261">
        <v>0</v>
      </c>
      <c r="P13" s="258">
        <v>0</v>
      </c>
      <c r="Q13" s="260">
        <v>0</v>
      </c>
      <c r="R13" s="261">
        <v>0</v>
      </c>
      <c r="S13" s="261">
        <v>18</v>
      </c>
      <c r="T13" s="261">
        <v>9</v>
      </c>
      <c r="U13" s="261">
        <v>15</v>
      </c>
      <c r="V13" s="261">
        <v>44</v>
      </c>
      <c r="W13" s="258">
        <v>86</v>
      </c>
      <c r="X13" s="263">
        <v>86</v>
      </c>
      <c r="Y13" s="257">
        <v>70</v>
      </c>
      <c r="Z13" s="261">
        <v>126</v>
      </c>
      <c r="AA13" s="258">
        <v>196</v>
      </c>
      <c r="AB13" s="260">
        <v>0</v>
      </c>
      <c r="AC13" s="261">
        <v>615</v>
      </c>
      <c r="AD13" s="261">
        <v>515</v>
      </c>
      <c r="AE13" s="261">
        <v>183</v>
      </c>
      <c r="AF13" s="261">
        <v>217</v>
      </c>
      <c r="AG13" s="261">
        <v>151</v>
      </c>
      <c r="AH13" s="258">
        <v>1681</v>
      </c>
      <c r="AI13" s="263">
        <v>1877</v>
      </c>
      <c r="AJ13" s="257">
        <v>26</v>
      </c>
      <c r="AK13" s="261">
        <v>32</v>
      </c>
      <c r="AL13" s="258">
        <v>58</v>
      </c>
      <c r="AM13" s="260">
        <v>0</v>
      </c>
      <c r="AN13" s="261">
        <v>71</v>
      </c>
      <c r="AO13" s="261">
        <v>152</v>
      </c>
      <c r="AP13" s="261">
        <v>18</v>
      </c>
      <c r="AQ13" s="261">
        <v>6</v>
      </c>
      <c r="AR13" s="261">
        <v>45</v>
      </c>
      <c r="AS13" s="258">
        <v>292</v>
      </c>
      <c r="AT13" s="263">
        <v>350</v>
      </c>
      <c r="AU13" s="257">
        <v>0</v>
      </c>
      <c r="AV13" s="261">
        <v>0</v>
      </c>
      <c r="AW13" s="258">
        <v>0</v>
      </c>
      <c r="AX13" s="260">
        <v>0</v>
      </c>
      <c r="AY13" s="261">
        <v>949</v>
      </c>
      <c r="AZ13" s="261">
        <v>600</v>
      </c>
      <c r="BA13" s="261">
        <v>384</v>
      </c>
      <c r="BB13" s="261">
        <v>183</v>
      </c>
      <c r="BC13" s="261">
        <v>53</v>
      </c>
      <c r="BD13" s="262">
        <v>2169</v>
      </c>
      <c r="BE13" s="263">
        <v>2169</v>
      </c>
      <c r="BF13" s="257">
        <v>0</v>
      </c>
      <c r="BG13" s="261">
        <v>0</v>
      </c>
      <c r="BH13" s="258">
        <v>0</v>
      </c>
      <c r="BI13" s="260">
        <v>0</v>
      </c>
      <c r="BJ13" s="261">
        <v>154</v>
      </c>
      <c r="BK13" s="261">
        <v>116</v>
      </c>
      <c r="BL13" s="261">
        <v>30</v>
      </c>
      <c r="BM13" s="261">
        <v>9</v>
      </c>
      <c r="BN13" s="261">
        <v>14</v>
      </c>
      <c r="BO13" s="258">
        <v>323</v>
      </c>
      <c r="BP13" s="263">
        <v>323</v>
      </c>
      <c r="BQ13" s="257">
        <v>0</v>
      </c>
      <c r="BR13" s="261">
        <v>32</v>
      </c>
      <c r="BS13" s="258">
        <v>32</v>
      </c>
      <c r="BT13" s="260">
        <v>0</v>
      </c>
      <c r="BU13" s="261">
        <v>75</v>
      </c>
      <c r="BV13" s="261">
        <v>79</v>
      </c>
      <c r="BW13" s="261">
        <v>170</v>
      </c>
      <c r="BX13" s="261">
        <v>186</v>
      </c>
      <c r="BY13" s="261">
        <v>6</v>
      </c>
      <c r="BZ13" s="258">
        <v>516</v>
      </c>
      <c r="CA13" s="263">
        <v>548</v>
      </c>
      <c r="CB13" s="257">
        <v>0</v>
      </c>
      <c r="CC13" s="261">
        <v>0</v>
      </c>
      <c r="CD13" s="258">
        <v>0</v>
      </c>
      <c r="CE13" s="260">
        <v>0</v>
      </c>
      <c r="CF13" s="261">
        <v>30</v>
      </c>
      <c r="CG13" s="261">
        <v>8</v>
      </c>
      <c r="CH13" s="261">
        <v>2</v>
      </c>
      <c r="CI13" s="261">
        <v>0</v>
      </c>
      <c r="CJ13" s="261">
        <v>4</v>
      </c>
      <c r="CK13" s="258">
        <v>44</v>
      </c>
      <c r="CL13" s="263">
        <v>44</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58">
        <v>0</v>
      </c>
      <c r="E14" s="259">
        <v>0</v>
      </c>
      <c r="F14" s="260">
        <v>0</v>
      </c>
      <c r="G14" s="261">
        <v>118</v>
      </c>
      <c r="H14" s="261">
        <v>87</v>
      </c>
      <c r="I14" s="261">
        <v>104</v>
      </c>
      <c r="J14" s="261">
        <v>331</v>
      </c>
      <c r="K14" s="261">
        <v>61</v>
      </c>
      <c r="L14" s="262">
        <v>701</v>
      </c>
      <c r="M14" s="263">
        <v>701</v>
      </c>
      <c r="N14" s="257">
        <v>0</v>
      </c>
      <c r="O14" s="261">
        <v>0</v>
      </c>
      <c r="P14" s="258">
        <v>0</v>
      </c>
      <c r="Q14" s="260">
        <v>0</v>
      </c>
      <c r="R14" s="261">
        <v>0</v>
      </c>
      <c r="S14" s="261">
        <v>0</v>
      </c>
      <c r="T14" s="261">
        <v>0</v>
      </c>
      <c r="U14" s="261">
        <v>23</v>
      </c>
      <c r="V14" s="261">
        <v>18</v>
      </c>
      <c r="W14" s="258">
        <v>41</v>
      </c>
      <c r="X14" s="263">
        <v>41</v>
      </c>
      <c r="Y14" s="257">
        <v>18</v>
      </c>
      <c r="Z14" s="261">
        <v>10</v>
      </c>
      <c r="AA14" s="258">
        <v>28</v>
      </c>
      <c r="AB14" s="260">
        <v>0</v>
      </c>
      <c r="AC14" s="261">
        <v>247</v>
      </c>
      <c r="AD14" s="261">
        <v>153</v>
      </c>
      <c r="AE14" s="261">
        <v>71</v>
      </c>
      <c r="AF14" s="261">
        <v>222</v>
      </c>
      <c r="AG14" s="261">
        <v>59</v>
      </c>
      <c r="AH14" s="258">
        <v>752</v>
      </c>
      <c r="AI14" s="263">
        <v>780</v>
      </c>
      <c r="AJ14" s="257">
        <v>0</v>
      </c>
      <c r="AK14" s="261">
        <v>0</v>
      </c>
      <c r="AL14" s="258">
        <v>0</v>
      </c>
      <c r="AM14" s="260">
        <v>0</v>
      </c>
      <c r="AN14" s="261">
        <v>30</v>
      </c>
      <c r="AO14" s="261">
        <v>12</v>
      </c>
      <c r="AP14" s="261">
        <v>15</v>
      </c>
      <c r="AQ14" s="261">
        <v>12</v>
      </c>
      <c r="AR14" s="261">
        <v>24</v>
      </c>
      <c r="AS14" s="258">
        <v>93</v>
      </c>
      <c r="AT14" s="263">
        <v>93</v>
      </c>
      <c r="AU14" s="257">
        <v>0</v>
      </c>
      <c r="AV14" s="261">
        <v>0</v>
      </c>
      <c r="AW14" s="258">
        <v>0</v>
      </c>
      <c r="AX14" s="260">
        <v>0</v>
      </c>
      <c r="AY14" s="261">
        <v>173</v>
      </c>
      <c r="AZ14" s="261">
        <v>80</v>
      </c>
      <c r="BA14" s="261">
        <v>103</v>
      </c>
      <c r="BB14" s="261">
        <v>106</v>
      </c>
      <c r="BC14" s="261">
        <v>29</v>
      </c>
      <c r="BD14" s="262">
        <v>491</v>
      </c>
      <c r="BE14" s="263">
        <v>491</v>
      </c>
      <c r="BF14" s="257">
        <v>0</v>
      </c>
      <c r="BG14" s="261">
        <v>0</v>
      </c>
      <c r="BH14" s="258">
        <v>0</v>
      </c>
      <c r="BI14" s="260">
        <v>0</v>
      </c>
      <c r="BJ14" s="261">
        <v>86</v>
      </c>
      <c r="BK14" s="261">
        <v>68</v>
      </c>
      <c r="BL14" s="261">
        <v>86</v>
      </c>
      <c r="BM14" s="261">
        <v>22</v>
      </c>
      <c r="BN14" s="261">
        <v>5</v>
      </c>
      <c r="BO14" s="258">
        <v>267</v>
      </c>
      <c r="BP14" s="263">
        <v>267</v>
      </c>
      <c r="BQ14" s="257">
        <v>0</v>
      </c>
      <c r="BR14" s="261">
        <v>34</v>
      </c>
      <c r="BS14" s="258">
        <v>34</v>
      </c>
      <c r="BT14" s="260">
        <v>0</v>
      </c>
      <c r="BU14" s="261">
        <v>26</v>
      </c>
      <c r="BV14" s="261">
        <v>30</v>
      </c>
      <c r="BW14" s="261">
        <v>36</v>
      </c>
      <c r="BX14" s="261">
        <v>18</v>
      </c>
      <c r="BY14" s="261">
        <v>54</v>
      </c>
      <c r="BZ14" s="258">
        <v>164</v>
      </c>
      <c r="CA14" s="263">
        <v>198</v>
      </c>
      <c r="CB14" s="257">
        <v>0</v>
      </c>
      <c r="CC14" s="261">
        <v>0</v>
      </c>
      <c r="CD14" s="258">
        <v>0</v>
      </c>
      <c r="CE14" s="260">
        <v>0</v>
      </c>
      <c r="CF14" s="261">
        <v>0</v>
      </c>
      <c r="CG14" s="261">
        <v>0</v>
      </c>
      <c r="CH14" s="261">
        <v>12</v>
      </c>
      <c r="CI14" s="261">
        <v>6</v>
      </c>
      <c r="CJ14" s="261">
        <v>16</v>
      </c>
      <c r="CK14" s="258">
        <v>34</v>
      </c>
      <c r="CL14" s="263">
        <v>34</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58">
        <v>0</v>
      </c>
      <c r="E15" s="259">
        <v>0</v>
      </c>
      <c r="F15" s="260">
        <v>0</v>
      </c>
      <c r="G15" s="261">
        <v>412</v>
      </c>
      <c r="H15" s="261">
        <v>618</v>
      </c>
      <c r="I15" s="261">
        <v>760</v>
      </c>
      <c r="J15" s="261">
        <v>703</v>
      </c>
      <c r="K15" s="261">
        <v>733</v>
      </c>
      <c r="L15" s="262">
        <v>3226</v>
      </c>
      <c r="M15" s="263">
        <v>3226</v>
      </c>
      <c r="N15" s="257">
        <v>0</v>
      </c>
      <c r="O15" s="261">
        <v>0</v>
      </c>
      <c r="P15" s="258">
        <v>0</v>
      </c>
      <c r="Q15" s="260">
        <v>0</v>
      </c>
      <c r="R15" s="261">
        <v>0</v>
      </c>
      <c r="S15" s="261">
        <v>10</v>
      </c>
      <c r="T15" s="261">
        <v>9</v>
      </c>
      <c r="U15" s="261">
        <v>12</v>
      </c>
      <c r="V15" s="261">
        <v>23</v>
      </c>
      <c r="W15" s="258">
        <v>54</v>
      </c>
      <c r="X15" s="263">
        <v>54</v>
      </c>
      <c r="Y15" s="257">
        <v>39</v>
      </c>
      <c r="Z15" s="261">
        <v>171</v>
      </c>
      <c r="AA15" s="258">
        <v>210</v>
      </c>
      <c r="AB15" s="260">
        <v>0</v>
      </c>
      <c r="AC15" s="261">
        <v>145</v>
      </c>
      <c r="AD15" s="261">
        <v>346</v>
      </c>
      <c r="AE15" s="261">
        <v>183</v>
      </c>
      <c r="AF15" s="261">
        <v>209</v>
      </c>
      <c r="AG15" s="261">
        <v>138</v>
      </c>
      <c r="AH15" s="258">
        <v>1021</v>
      </c>
      <c r="AI15" s="263">
        <v>1231</v>
      </c>
      <c r="AJ15" s="257">
        <v>9</v>
      </c>
      <c r="AK15" s="261">
        <v>8</v>
      </c>
      <c r="AL15" s="258">
        <v>17</v>
      </c>
      <c r="AM15" s="260">
        <v>0</v>
      </c>
      <c r="AN15" s="261">
        <v>25</v>
      </c>
      <c r="AO15" s="261">
        <v>34</v>
      </c>
      <c r="AP15" s="261">
        <v>6</v>
      </c>
      <c r="AQ15" s="261">
        <v>48</v>
      </c>
      <c r="AR15" s="261">
        <v>0</v>
      </c>
      <c r="AS15" s="258">
        <v>113</v>
      </c>
      <c r="AT15" s="263">
        <v>130</v>
      </c>
      <c r="AU15" s="257">
        <v>0</v>
      </c>
      <c r="AV15" s="261">
        <v>0</v>
      </c>
      <c r="AW15" s="258">
        <v>0</v>
      </c>
      <c r="AX15" s="260">
        <v>0</v>
      </c>
      <c r="AY15" s="261">
        <v>294</v>
      </c>
      <c r="AZ15" s="261">
        <v>305</v>
      </c>
      <c r="BA15" s="261">
        <v>116</v>
      </c>
      <c r="BB15" s="261">
        <v>102</v>
      </c>
      <c r="BC15" s="261">
        <v>53</v>
      </c>
      <c r="BD15" s="262">
        <v>870</v>
      </c>
      <c r="BE15" s="263">
        <v>870</v>
      </c>
      <c r="BF15" s="257">
        <v>0</v>
      </c>
      <c r="BG15" s="261">
        <v>0</v>
      </c>
      <c r="BH15" s="258">
        <v>0</v>
      </c>
      <c r="BI15" s="260">
        <v>0</v>
      </c>
      <c r="BJ15" s="261">
        <v>98</v>
      </c>
      <c r="BK15" s="261">
        <v>67</v>
      </c>
      <c r="BL15" s="261">
        <v>68</v>
      </c>
      <c r="BM15" s="261">
        <v>18</v>
      </c>
      <c r="BN15" s="261">
        <v>0</v>
      </c>
      <c r="BO15" s="258">
        <v>251</v>
      </c>
      <c r="BP15" s="263">
        <v>251</v>
      </c>
      <c r="BQ15" s="257">
        <v>0</v>
      </c>
      <c r="BR15" s="261">
        <v>7</v>
      </c>
      <c r="BS15" s="258">
        <v>7</v>
      </c>
      <c r="BT15" s="260">
        <v>0</v>
      </c>
      <c r="BU15" s="261">
        <v>75</v>
      </c>
      <c r="BV15" s="261">
        <v>86</v>
      </c>
      <c r="BW15" s="261">
        <v>91</v>
      </c>
      <c r="BX15" s="261">
        <v>41</v>
      </c>
      <c r="BY15" s="261">
        <v>7</v>
      </c>
      <c r="BZ15" s="258">
        <v>300</v>
      </c>
      <c r="CA15" s="263">
        <v>307</v>
      </c>
      <c r="CB15" s="257">
        <v>0</v>
      </c>
      <c r="CC15" s="261">
        <v>0</v>
      </c>
      <c r="CD15" s="258">
        <v>0</v>
      </c>
      <c r="CE15" s="260">
        <v>0</v>
      </c>
      <c r="CF15" s="261">
        <v>20</v>
      </c>
      <c r="CG15" s="261">
        <v>7</v>
      </c>
      <c r="CH15" s="261">
        <v>0</v>
      </c>
      <c r="CI15" s="261">
        <v>0</v>
      </c>
      <c r="CJ15" s="261">
        <v>0</v>
      </c>
      <c r="CK15" s="258">
        <v>27</v>
      </c>
      <c r="CL15" s="263">
        <v>27</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58">
        <v>0</v>
      </c>
      <c r="E16" s="259">
        <v>0</v>
      </c>
      <c r="F16" s="260">
        <v>0</v>
      </c>
      <c r="G16" s="261">
        <v>248</v>
      </c>
      <c r="H16" s="261">
        <v>405</v>
      </c>
      <c r="I16" s="261">
        <v>343</v>
      </c>
      <c r="J16" s="261">
        <v>390</v>
      </c>
      <c r="K16" s="261">
        <v>859</v>
      </c>
      <c r="L16" s="262">
        <v>2245</v>
      </c>
      <c r="M16" s="263">
        <v>2245</v>
      </c>
      <c r="N16" s="257">
        <v>0</v>
      </c>
      <c r="O16" s="261">
        <v>0</v>
      </c>
      <c r="P16" s="258">
        <v>0</v>
      </c>
      <c r="Q16" s="260">
        <v>0</v>
      </c>
      <c r="R16" s="261">
        <v>0</v>
      </c>
      <c r="S16" s="261">
        <v>0</v>
      </c>
      <c r="T16" s="261">
        <v>0</v>
      </c>
      <c r="U16" s="261">
        <v>10</v>
      </c>
      <c r="V16" s="261">
        <v>5</v>
      </c>
      <c r="W16" s="258">
        <v>15</v>
      </c>
      <c r="X16" s="263">
        <v>15</v>
      </c>
      <c r="Y16" s="257">
        <v>23</v>
      </c>
      <c r="Z16" s="261">
        <v>61</v>
      </c>
      <c r="AA16" s="258">
        <v>84</v>
      </c>
      <c r="AB16" s="260">
        <v>0</v>
      </c>
      <c r="AC16" s="261">
        <v>117</v>
      </c>
      <c r="AD16" s="261">
        <v>128</v>
      </c>
      <c r="AE16" s="261">
        <v>111</v>
      </c>
      <c r="AF16" s="261">
        <v>79</v>
      </c>
      <c r="AG16" s="261">
        <v>98</v>
      </c>
      <c r="AH16" s="258">
        <v>533</v>
      </c>
      <c r="AI16" s="263">
        <v>617</v>
      </c>
      <c r="AJ16" s="257">
        <v>0</v>
      </c>
      <c r="AK16" s="261">
        <v>0</v>
      </c>
      <c r="AL16" s="258">
        <v>0</v>
      </c>
      <c r="AM16" s="260">
        <v>0</v>
      </c>
      <c r="AN16" s="261">
        <v>8</v>
      </c>
      <c r="AO16" s="261">
        <v>32</v>
      </c>
      <c r="AP16" s="261">
        <v>0</v>
      </c>
      <c r="AQ16" s="261">
        <v>21</v>
      </c>
      <c r="AR16" s="261">
        <v>26</v>
      </c>
      <c r="AS16" s="258">
        <v>87</v>
      </c>
      <c r="AT16" s="263">
        <v>87</v>
      </c>
      <c r="AU16" s="257">
        <v>0</v>
      </c>
      <c r="AV16" s="261">
        <v>0</v>
      </c>
      <c r="AW16" s="258">
        <v>0</v>
      </c>
      <c r="AX16" s="260">
        <v>0</v>
      </c>
      <c r="AY16" s="261">
        <v>126</v>
      </c>
      <c r="AZ16" s="261">
        <v>150</v>
      </c>
      <c r="BA16" s="261">
        <v>65</v>
      </c>
      <c r="BB16" s="261">
        <v>8</v>
      </c>
      <c r="BC16" s="261">
        <v>0</v>
      </c>
      <c r="BD16" s="262">
        <v>349</v>
      </c>
      <c r="BE16" s="263">
        <v>349</v>
      </c>
      <c r="BF16" s="257">
        <v>0</v>
      </c>
      <c r="BG16" s="261">
        <v>0</v>
      </c>
      <c r="BH16" s="258">
        <v>0</v>
      </c>
      <c r="BI16" s="260">
        <v>0</v>
      </c>
      <c r="BJ16" s="261">
        <v>6</v>
      </c>
      <c r="BK16" s="261">
        <v>8</v>
      </c>
      <c r="BL16" s="261">
        <v>18</v>
      </c>
      <c r="BM16" s="261">
        <v>29</v>
      </c>
      <c r="BN16" s="261">
        <v>16</v>
      </c>
      <c r="BO16" s="258">
        <v>77</v>
      </c>
      <c r="BP16" s="263">
        <v>77</v>
      </c>
      <c r="BQ16" s="257">
        <v>0</v>
      </c>
      <c r="BR16" s="261">
        <v>0</v>
      </c>
      <c r="BS16" s="258">
        <v>0</v>
      </c>
      <c r="BT16" s="260">
        <v>0</v>
      </c>
      <c r="BU16" s="261">
        <v>2</v>
      </c>
      <c r="BV16" s="261">
        <v>17</v>
      </c>
      <c r="BW16" s="261">
        <v>26</v>
      </c>
      <c r="BX16" s="261">
        <v>14</v>
      </c>
      <c r="BY16" s="261">
        <v>0</v>
      </c>
      <c r="BZ16" s="258">
        <v>59</v>
      </c>
      <c r="CA16" s="263">
        <v>59</v>
      </c>
      <c r="CB16" s="257">
        <v>0</v>
      </c>
      <c r="CC16" s="261">
        <v>0</v>
      </c>
      <c r="CD16" s="258">
        <v>0</v>
      </c>
      <c r="CE16" s="260">
        <v>0</v>
      </c>
      <c r="CF16" s="261">
        <v>0</v>
      </c>
      <c r="CG16" s="261">
        <v>6</v>
      </c>
      <c r="CH16" s="261">
        <v>0</v>
      </c>
      <c r="CI16" s="261">
        <v>0</v>
      </c>
      <c r="CJ16" s="261">
        <v>0</v>
      </c>
      <c r="CK16" s="258">
        <v>6</v>
      </c>
      <c r="CL16" s="263">
        <v>6</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58">
        <v>0</v>
      </c>
      <c r="E17" s="259">
        <v>0</v>
      </c>
      <c r="F17" s="260">
        <v>0</v>
      </c>
      <c r="G17" s="261">
        <v>31</v>
      </c>
      <c r="H17" s="261">
        <v>89</v>
      </c>
      <c r="I17" s="261">
        <v>2</v>
      </c>
      <c r="J17" s="261">
        <v>14</v>
      </c>
      <c r="K17" s="261">
        <v>74</v>
      </c>
      <c r="L17" s="262">
        <v>210</v>
      </c>
      <c r="M17" s="263">
        <v>210</v>
      </c>
      <c r="N17" s="257">
        <v>0</v>
      </c>
      <c r="O17" s="261">
        <v>0</v>
      </c>
      <c r="P17" s="258">
        <v>0</v>
      </c>
      <c r="Q17" s="260">
        <v>0</v>
      </c>
      <c r="R17" s="261">
        <v>0</v>
      </c>
      <c r="S17" s="261">
        <v>0</v>
      </c>
      <c r="T17" s="261">
        <v>0</v>
      </c>
      <c r="U17" s="261">
        <v>4</v>
      </c>
      <c r="V17" s="261">
        <v>13</v>
      </c>
      <c r="W17" s="258">
        <v>17</v>
      </c>
      <c r="X17" s="263">
        <v>17</v>
      </c>
      <c r="Y17" s="257">
        <v>0</v>
      </c>
      <c r="Z17" s="261">
        <v>7</v>
      </c>
      <c r="AA17" s="258">
        <v>7</v>
      </c>
      <c r="AB17" s="260">
        <v>0</v>
      </c>
      <c r="AC17" s="261">
        <v>4</v>
      </c>
      <c r="AD17" s="261">
        <v>27</v>
      </c>
      <c r="AE17" s="261">
        <v>0</v>
      </c>
      <c r="AF17" s="261">
        <v>43</v>
      </c>
      <c r="AG17" s="261">
        <v>92</v>
      </c>
      <c r="AH17" s="258">
        <v>166</v>
      </c>
      <c r="AI17" s="263">
        <v>173</v>
      </c>
      <c r="AJ17" s="257">
        <v>0</v>
      </c>
      <c r="AK17" s="261">
        <v>4</v>
      </c>
      <c r="AL17" s="258">
        <v>4</v>
      </c>
      <c r="AM17" s="260">
        <v>0</v>
      </c>
      <c r="AN17" s="261">
        <v>0</v>
      </c>
      <c r="AO17" s="261">
        <v>0</v>
      </c>
      <c r="AP17" s="261">
        <v>0</v>
      </c>
      <c r="AQ17" s="261">
        <v>0</v>
      </c>
      <c r="AR17" s="261">
        <v>12</v>
      </c>
      <c r="AS17" s="258">
        <v>12</v>
      </c>
      <c r="AT17" s="263">
        <v>16</v>
      </c>
      <c r="AU17" s="257">
        <v>0</v>
      </c>
      <c r="AV17" s="261">
        <v>0</v>
      </c>
      <c r="AW17" s="258">
        <v>0</v>
      </c>
      <c r="AX17" s="260">
        <v>0</v>
      </c>
      <c r="AY17" s="261">
        <v>20</v>
      </c>
      <c r="AZ17" s="261">
        <v>47</v>
      </c>
      <c r="BA17" s="261">
        <v>22</v>
      </c>
      <c r="BB17" s="261">
        <v>6</v>
      </c>
      <c r="BC17" s="261">
        <v>0</v>
      </c>
      <c r="BD17" s="262">
        <v>95</v>
      </c>
      <c r="BE17" s="263">
        <v>95</v>
      </c>
      <c r="BF17" s="257">
        <v>0</v>
      </c>
      <c r="BG17" s="261">
        <v>0</v>
      </c>
      <c r="BH17" s="258">
        <v>0</v>
      </c>
      <c r="BI17" s="260">
        <v>0</v>
      </c>
      <c r="BJ17" s="261">
        <v>0</v>
      </c>
      <c r="BK17" s="261">
        <v>9</v>
      </c>
      <c r="BL17" s="261">
        <v>25</v>
      </c>
      <c r="BM17" s="261">
        <v>17</v>
      </c>
      <c r="BN17" s="261">
        <v>9</v>
      </c>
      <c r="BO17" s="258">
        <v>60</v>
      </c>
      <c r="BP17" s="263">
        <v>60</v>
      </c>
      <c r="BQ17" s="257">
        <v>0</v>
      </c>
      <c r="BR17" s="261">
        <v>0</v>
      </c>
      <c r="BS17" s="258">
        <v>0</v>
      </c>
      <c r="BT17" s="260">
        <v>0</v>
      </c>
      <c r="BU17" s="261">
        <v>0</v>
      </c>
      <c r="BV17" s="261">
        <v>26</v>
      </c>
      <c r="BW17" s="261">
        <v>36</v>
      </c>
      <c r="BX17" s="261">
        <v>3</v>
      </c>
      <c r="BY17" s="261">
        <v>7</v>
      </c>
      <c r="BZ17" s="258">
        <v>72</v>
      </c>
      <c r="CA17" s="263">
        <v>72</v>
      </c>
      <c r="CB17" s="257">
        <v>0</v>
      </c>
      <c r="CC17" s="261">
        <v>0</v>
      </c>
      <c r="CD17" s="258">
        <v>0</v>
      </c>
      <c r="CE17" s="260">
        <v>0</v>
      </c>
      <c r="CF17" s="261">
        <v>0</v>
      </c>
      <c r="CG17" s="261">
        <v>0</v>
      </c>
      <c r="CH17" s="261">
        <v>0</v>
      </c>
      <c r="CI17" s="261">
        <v>0</v>
      </c>
      <c r="CJ17" s="261">
        <v>0</v>
      </c>
      <c r="CK17" s="258">
        <v>0</v>
      </c>
      <c r="CL17" s="263">
        <v>0</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58">
        <v>0</v>
      </c>
      <c r="E18" s="259">
        <v>0</v>
      </c>
      <c r="F18" s="260">
        <v>0</v>
      </c>
      <c r="G18" s="261">
        <v>64</v>
      </c>
      <c r="H18" s="261">
        <v>312</v>
      </c>
      <c r="I18" s="261">
        <v>62</v>
      </c>
      <c r="J18" s="261">
        <v>177</v>
      </c>
      <c r="K18" s="261">
        <v>50</v>
      </c>
      <c r="L18" s="262">
        <v>665</v>
      </c>
      <c r="M18" s="263">
        <v>665</v>
      </c>
      <c r="N18" s="257">
        <v>0</v>
      </c>
      <c r="O18" s="261">
        <v>0</v>
      </c>
      <c r="P18" s="258">
        <v>0</v>
      </c>
      <c r="Q18" s="260">
        <v>0</v>
      </c>
      <c r="R18" s="261">
        <v>0</v>
      </c>
      <c r="S18" s="261">
        <v>0</v>
      </c>
      <c r="T18" s="261">
        <v>0</v>
      </c>
      <c r="U18" s="261">
        <v>9</v>
      </c>
      <c r="V18" s="261">
        <v>13</v>
      </c>
      <c r="W18" s="258">
        <v>22</v>
      </c>
      <c r="X18" s="263">
        <v>22</v>
      </c>
      <c r="Y18" s="257">
        <v>5</v>
      </c>
      <c r="Z18" s="261">
        <v>17</v>
      </c>
      <c r="AA18" s="258">
        <v>22</v>
      </c>
      <c r="AB18" s="260">
        <v>0</v>
      </c>
      <c r="AC18" s="261">
        <v>48</v>
      </c>
      <c r="AD18" s="261">
        <v>76</v>
      </c>
      <c r="AE18" s="261">
        <v>59</v>
      </c>
      <c r="AF18" s="261">
        <v>27</v>
      </c>
      <c r="AG18" s="261">
        <v>44</v>
      </c>
      <c r="AH18" s="258">
        <v>254</v>
      </c>
      <c r="AI18" s="263">
        <v>276</v>
      </c>
      <c r="AJ18" s="257">
        <v>24</v>
      </c>
      <c r="AK18" s="261">
        <v>0</v>
      </c>
      <c r="AL18" s="258">
        <v>24</v>
      </c>
      <c r="AM18" s="260">
        <v>0</v>
      </c>
      <c r="AN18" s="261">
        <v>0</v>
      </c>
      <c r="AO18" s="261">
        <v>12</v>
      </c>
      <c r="AP18" s="261">
        <v>45</v>
      </c>
      <c r="AQ18" s="261">
        <v>0</v>
      </c>
      <c r="AR18" s="261">
        <v>12</v>
      </c>
      <c r="AS18" s="258">
        <v>69</v>
      </c>
      <c r="AT18" s="263">
        <v>93</v>
      </c>
      <c r="AU18" s="257">
        <v>0</v>
      </c>
      <c r="AV18" s="261">
        <v>0</v>
      </c>
      <c r="AW18" s="258">
        <v>0</v>
      </c>
      <c r="AX18" s="260">
        <v>0</v>
      </c>
      <c r="AY18" s="261">
        <v>205</v>
      </c>
      <c r="AZ18" s="261">
        <v>123</v>
      </c>
      <c r="BA18" s="261">
        <v>58</v>
      </c>
      <c r="BB18" s="261">
        <v>26</v>
      </c>
      <c r="BC18" s="261">
        <v>25</v>
      </c>
      <c r="BD18" s="262">
        <v>437</v>
      </c>
      <c r="BE18" s="263">
        <v>437</v>
      </c>
      <c r="BF18" s="257">
        <v>0</v>
      </c>
      <c r="BG18" s="261">
        <v>0</v>
      </c>
      <c r="BH18" s="258">
        <v>0</v>
      </c>
      <c r="BI18" s="260">
        <v>0</v>
      </c>
      <c r="BJ18" s="261">
        <v>60</v>
      </c>
      <c r="BK18" s="261">
        <v>123</v>
      </c>
      <c r="BL18" s="261">
        <v>42</v>
      </c>
      <c r="BM18" s="261">
        <v>25</v>
      </c>
      <c r="BN18" s="261">
        <v>10</v>
      </c>
      <c r="BO18" s="258">
        <v>260</v>
      </c>
      <c r="BP18" s="263">
        <v>260</v>
      </c>
      <c r="BQ18" s="257">
        <v>0</v>
      </c>
      <c r="BR18" s="261">
        <v>7</v>
      </c>
      <c r="BS18" s="258">
        <v>7</v>
      </c>
      <c r="BT18" s="260">
        <v>0</v>
      </c>
      <c r="BU18" s="261">
        <v>35</v>
      </c>
      <c r="BV18" s="261">
        <v>9</v>
      </c>
      <c r="BW18" s="261">
        <v>44</v>
      </c>
      <c r="BX18" s="261">
        <v>19</v>
      </c>
      <c r="BY18" s="261">
        <v>14</v>
      </c>
      <c r="BZ18" s="258">
        <v>121</v>
      </c>
      <c r="CA18" s="263">
        <v>128</v>
      </c>
      <c r="CB18" s="257">
        <v>0</v>
      </c>
      <c r="CC18" s="261">
        <v>0</v>
      </c>
      <c r="CD18" s="258">
        <v>0</v>
      </c>
      <c r="CE18" s="260">
        <v>0</v>
      </c>
      <c r="CF18" s="261">
        <v>0</v>
      </c>
      <c r="CG18" s="261">
        <v>5</v>
      </c>
      <c r="CH18" s="261">
        <v>0</v>
      </c>
      <c r="CI18" s="261">
        <v>0</v>
      </c>
      <c r="CJ18" s="261">
        <v>0</v>
      </c>
      <c r="CK18" s="258">
        <v>5</v>
      </c>
      <c r="CL18" s="263">
        <v>5</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58">
        <v>0</v>
      </c>
      <c r="E19" s="259">
        <v>0</v>
      </c>
      <c r="F19" s="260">
        <v>0</v>
      </c>
      <c r="G19" s="261">
        <v>162</v>
      </c>
      <c r="H19" s="261">
        <v>238</v>
      </c>
      <c r="I19" s="261">
        <v>546</v>
      </c>
      <c r="J19" s="261">
        <v>301</v>
      </c>
      <c r="K19" s="261">
        <v>304</v>
      </c>
      <c r="L19" s="262">
        <v>1551</v>
      </c>
      <c r="M19" s="263">
        <v>1551</v>
      </c>
      <c r="N19" s="257">
        <v>0</v>
      </c>
      <c r="O19" s="261">
        <v>0</v>
      </c>
      <c r="P19" s="258">
        <v>0</v>
      </c>
      <c r="Q19" s="260">
        <v>0</v>
      </c>
      <c r="R19" s="261">
        <v>0</v>
      </c>
      <c r="S19" s="261">
        <v>4</v>
      </c>
      <c r="T19" s="261">
        <v>2</v>
      </c>
      <c r="U19" s="261">
        <v>12</v>
      </c>
      <c r="V19" s="261">
        <v>16</v>
      </c>
      <c r="W19" s="258">
        <v>34</v>
      </c>
      <c r="X19" s="263">
        <v>34</v>
      </c>
      <c r="Y19" s="257">
        <v>22</v>
      </c>
      <c r="Z19" s="261">
        <v>61</v>
      </c>
      <c r="AA19" s="258">
        <v>83</v>
      </c>
      <c r="AB19" s="260">
        <v>0</v>
      </c>
      <c r="AC19" s="261">
        <v>78</v>
      </c>
      <c r="AD19" s="261">
        <v>126</v>
      </c>
      <c r="AE19" s="261">
        <v>187</v>
      </c>
      <c r="AF19" s="261">
        <v>117</v>
      </c>
      <c r="AG19" s="261">
        <v>66</v>
      </c>
      <c r="AH19" s="258">
        <v>574</v>
      </c>
      <c r="AI19" s="263">
        <v>657</v>
      </c>
      <c r="AJ19" s="257">
        <v>0</v>
      </c>
      <c r="AK19" s="261">
        <v>0</v>
      </c>
      <c r="AL19" s="258">
        <v>0</v>
      </c>
      <c r="AM19" s="260">
        <v>0</v>
      </c>
      <c r="AN19" s="261">
        <v>16</v>
      </c>
      <c r="AO19" s="261">
        <v>15</v>
      </c>
      <c r="AP19" s="261">
        <v>84</v>
      </c>
      <c r="AQ19" s="261">
        <v>30</v>
      </c>
      <c r="AR19" s="261">
        <v>6</v>
      </c>
      <c r="AS19" s="258">
        <v>151</v>
      </c>
      <c r="AT19" s="263">
        <v>151</v>
      </c>
      <c r="AU19" s="257">
        <v>0</v>
      </c>
      <c r="AV19" s="261">
        <v>0</v>
      </c>
      <c r="AW19" s="258">
        <v>0</v>
      </c>
      <c r="AX19" s="260">
        <v>0</v>
      </c>
      <c r="AY19" s="261">
        <v>168</v>
      </c>
      <c r="AZ19" s="261">
        <v>223</v>
      </c>
      <c r="BA19" s="261">
        <v>168</v>
      </c>
      <c r="BB19" s="261">
        <v>94</v>
      </c>
      <c r="BC19" s="261">
        <v>20</v>
      </c>
      <c r="BD19" s="262">
        <v>673</v>
      </c>
      <c r="BE19" s="263">
        <v>673</v>
      </c>
      <c r="BF19" s="257">
        <v>0</v>
      </c>
      <c r="BG19" s="261">
        <v>0</v>
      </c>
      <c r="BH19" s="258">
        <v>0</v>
      </c>
      <c r="BI19" s="260">
        <v>0</v>
      </c>
      <c r="BJ19" s="261">
        <v>37</v>
      </c>
      <c r="BK19" s="261">
        <v>91</v>
      </c>
      <c r="BL19" s="261">
        <v>64</v>
      </c>
      <c r="BM19" s="261">
        <v>33</v>
      </c>
      <c r="BN19" s="261">
        <v>23</v>
      </c>
      <c r="BO19" s="258">
        <v>248</v>
      </c>
      <c r="BP19" s="263">
        <v>248</v>
      </c>
      <c r="BQ19" s="257">
        <v>0</v>
      </c>
      <c r="BR19" s="261">
        <v>0</v>
      </c>
      <c r="BS19" s="258">
        <v>0</v>
      </c>
      <c r="BT19" s="260">
        <v>0</v>
      </c>
      <c r="BU19" s="261">
        <v>3</v>
      </c>
      <c r="BV19" s="261">
        <v>56</v>
      </c>
      <c r="BW19" s="261">
        <v>96</v>
      </c>
      <c r="BX19" s="261">
        <v>68</v>
      </c>
      <c r="BY19" s="261">
        <v>32</v>
      </c>
      <c r="BZ19" s="258">
        <v>255</v>
      </c>
      <c r="CA19" s="263">
        <v>255</v>
      </c>
      <c r="CB19" s="257">
        <v>0</v>
      </c>
      <c r="CC19" s="261">
        <v>0</v>
      </c>
      <c r="CD19" s="258">
        <v>0</v>
      </c>
      <c r="CE19" s="260">
        <v>0</v>
      </c>
      <c r="CF19" s="261">
        <v>2</v>
      </c>
      <c r="CG19" s="261">
        <v>22</v>
      </c>
      <c r="CH19" s="261">
        <v>0</v>
      </c>
      <c r="CI19" s="261">
        <v>3</v>
      </c>
      <c r="CJ19" s="261">
        <v>0</v>
      </c>
      <c r="CK19" s="258">
        <v>27</v>
      </c>
      <c r="CL19" s="263">
        <v>27</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58">
        <v>0</v>
      </c>
      <c r="E20" s="259">
        <v>0</v>
      </c>
      <c r="F20" s="260">
        <v>0</v>
      </c>
      <c r="G20" s="261">
        <v>370</v>
      </c>
      <c r="H20" s="261">
        <v>291</v>
      </c>
      <c r="I20" s="261">
        <v>438</v>
      </c>
      <c r="J20" s="261">
        <v>1019</v>
      </c>
      <c r="K20" s="261">
        <v>277</v>
      </c>
      <c r="L20" s="262">
        <v>2395</v>
      </c>
      <c r="M20" s="263">
        <v>2395</v>
      </c>
      <c r="N20" s="257">
        <v>0</v>
      </c>
      <c r="O20" s="261">
        <v>0</v>
      </c>
      <c r="P20" s="258">
        <v>0</v>
      </c>
      <c r="Q20" s="260">
        <v>0</v>
      </c>
      <c r="R20" s="261">
        <v>0</v>
      </c>
      <c r="S20" s="261">
        <v>0</v>
      </c>
      <c r="T20" s="261">
        <v>4</v>
      </c>
      <c r="U20" s="261">
        <v>12</v>
      </c>
      <c r="V20" s="261">
        <v>19</v>
      </c>
      <c r="W20" s="258">
        <v>35</v>
      </c>
      <c r="X20" s="263">
        <v>35</v>
      </c>
      <c r="Y20" s="257">
        <v>29</v>
      </c>
      <c r="Z20" s="261">
        <v>42</v>
      </c>
      <c r="AA20" s="258">
        <v>71</v>
      </c>
      <c r="AB20" s="260">
        <v>0</v>
      </c>
      <c r="AC20" s="261">
        <v>214</v>
      </c>
      <c r="AD20" s="261">
        <v>331</v>
      </c>
      <c r="AE20" s="261">
        <v>203</v>
      </c>
      <c r="AF20" s="261">
        <v>123</v>
      </c>
      <c r="AG20" s="261">
        <v>110</v>
      </c>
      <c r="AH20" s="258">
        <v>981</v>
      </c>
      <c r="AI20" s="263">
        <v>1052</v>
      </c>
      <c r="AJ20" s="257">
        <v>12</v>
      </c>
      <c r="AK20" s="261">
        <v>0</v>
      </c>
      <c r="AL20" s="258">
        <v>12</v>
      </c>
      <c r="AM20" s="260">
        <v>0</v>
      </c>
      <c r="AN20" s="261">
        <v>15</v>
      </c>
      <c r="AO20" s="261">
        <v>38</v>
      </c>
      <c r="AP20" s="261">
        <v>39</v>
      </c>
      <c r="AQ20" s="261">
        <v>0</v>
      </c>
      <c r="AR20" s="261">
        <v>16</v>
      </c>
      <c r="AS20" s="258">
        <v>108</v>
      </c>
      <c r="AT20" s="263">
        <v>120</v>
      </c>
      <c r="AU20" s="257">
        <v>0</v>
      </c>
      <c r="AV20" s="261">
        <v>0</v>
      </c>
      <c r="AW20" s="258">
        <v>0</v>
      </c>
      <c r="AX20" s="260">
        <v>0</v>
      </c>
      <c r="AY20" s="261">
        <v>313</v>
      </c>
      <c r="AZ20" s="261">
        <v>388</v>
      </c>
      <c r="BA20" s="261">
        <v>154</v>
      </c>
      <c r="BB20" s="261">
        <v>177</v>
      </c>
      <c r="BC20" s="261">
        <v>43</v>
      </c>
      <c r="BD20" s="262">
        <v>1075</v>
      </c>
      <c r="BE20" s="263">
        <v>1075</v>
      </c>
      <c r="BF20" s="257">
        <v>0</v>
      </c>
      <c r="BG20" s="261">
        <v>0</v>
      </c>
      <c r="BH20" s="258">
        <v>0</v>
      </c>
      <c r="BI20" s="260">
        <v>0</v>
      </c>
      <c r="BJ20" s="261">
        <v>77</v>
      </c>
      <c r="BK20" s="261">
        <v>134</v>
      </c>
      <c r="BL20" s="261">
        <v>43</v>
      </c>
      <c r="BM20" s="261">
        <v>61</v>
      </c>
      <c r="BN20" s="261">
        <v>19</v>
      </c>
      <c r="BO20" s="258">
        <v>334</v>
      </c>
      <c r="BP20" s="263">
        <v>334</v>
      </c>
      <c r="BQ20" s="257">
        <v>0</v>
      </c>
      <c r="BR20" s="261">
        <v>0</v>
      </c>
      <c r="BS20" s="258">
        <v>0</v>
      </c>
      <c r="BT20" s="260">
        <v>0</v>
      </c>
      <c r="BU20" s="261">
        <v>0</v>
      </c>
      <c r="BV20" s="261">
        <v>41</v>
      </c>
      <c r="BW20" s="261">
        <v>102</v>
      </c>
      <c r="BX20" s="261">
        <v>106</v>
      </c>
      <c r="BY20" s="261">
        <v>64</v>
      </c>
      <c r="BZ20" s="258">
        <v>313</v>
      </c>
      <c r="CA20" s="263">
        <v>313</v>
      </c>
      <c r="CB20" s="257">
        <v>0</v>
      </c>
      <c r="CC20" s="261">
        <v>0</v>
      </c>
      <c r="CD20" s="258">
        <v>0</v>
      </c>
      <c r="CE20" s="260">
        <v>0</v>
      </c>
      <c r="CF20" s="261">
        <v>0</v>
      </c>
      <c r="CG20" s="261">
        <v>3</v>
      </c>
      <c r="CH20" s="261">
        <v>0</v>
      </c>
      <c r="CI20" s="261">
        <v>0</v>
      </c>
      <c r="CJ20" s="261">
        <v>2</v>
      </c>
      <c r="CK20" s="258">
        <v>5</v>
      </c>
      <c r="CL20" s="263">
        <v>5</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58">
        <v>0</v>
      </c>
      <c r="E21" s="259">
        <v>0</v>
      </c>
      <c r="F21" s="260">
        <v>0</v>
      </c>
      <c r="G21" s="261">
        <v>115</v>
      </c>
      <c r="H21" s="261">
        <v>95</v>
      </c>
      <c r="I21" s="261">
        <v>212</v>
      </c>
      <c r="J21" s="261">
        <v>51</v>
      </c>
      <c r="K21" s="261">
        <v>21</v>
      </c>
      <c r="L21" s="262">
        <v>494</v>
      </c>
      <c r="M21" s="263">
        <v>494</v>
      </c>
      <c r="N21" s="257">
        <v>0</v>
      </c>
      <c r="O21" s="261">
        <v>0</v>
      </c>
      <c r="P21" s="258">
        <v>0</v>
      </c>
      <c r="Q21" s="260">
        <v>0</v>
      </c>
      <c r="R21" s="261">
        <v>0</v>
      </c>
      <c r="S21" s="261">
        <v>0</v>
      </c>
      <c r="T21" s="261">
        <v>0</v>
      </c>
      <c r="U21" s="261">
        <v>3</v>
      </c>
      <c r="V21" s="261">
        <v>5</v>
      </c>
      <c r="W21" s="258">
        <v>8</v>
      </c>
      <c r="X21" s="263">
        <v>8</v>
      </c>
      <c r="Y21" s="257">
        <v>13</v>
      </c>
      <c r="Z21" s="261">
        <v>15</v>
      </c>
      <c r="AA21" s="258">
        <v>28</v>
      </c>
      <c r="AB21" s="260">
        <v>0</v>
      </c>
      <c r="AC21" s="261">
        <v>194</v>
      </c>
      <c r="AD21" s="261">
        <v>75</v>
      </c>
      <c r="AE21" s="261">
        <v>57</v>
      </c>
      <c r="AF21" s="261">
        <v>111</v>
      </c>
      <c r="AG21" s="261">
        <v>40</v>
      </c>
      <c r="AH21" s="258">
        <v>477</v>
      </c>
      <c r="AI21" s="263">
        <v>505</v>
      </c>
      <c r="AJ21" s="257">
        <v>0</v>
      </c>
      <c r="AK21" s="261">
        <v>0</v>
      </c>
      <c r="AL21" s="258">
        <v>0</v>
      </c>
      <c r="AM21" s="260">
        <v>0</v>
      </c>
      <c r="AN21" s="261">
        <v>20</v>
      </c>
      <c r="AO21" s="261">
        <v>0</v>
      </c>
      <c r="AP21" s="261">
        <v>0</v>
      </c>
      <c r="AQ21" s="261">
        <v>51</v>
      </c>
      <c r="AR21" s="261">
        <v>0</v>
      </c>
      <c r="AS21" s="258">
        <v>71</v>
      </c>
      <c r="AT21" s="263">
        <v>71</v>
      </c>
      <c r="AU21" s="257">
        <v>0</v>
      </c>
      <c r="AV21" s="261">
        <v>0</v>
      </c>
      <c r="AW21" s="258">
        <v>0</v>
      </c>
      <c r="AX21" s="260">
        <v>0</v>
      </c>
      <c r="AY21" s="261">
        <v>98</v>
      </c>
      <c r="AZ21" s="261">
        <v>92</v>
      </c>
      <c r="BA21" s="261">
        <v>44</v>
      </c>
      <c r="BB21" s="261">
        <v>13</v>
      </c>
      <c r="BC21" s="261">
        <v>42</v>
      </c>
      <c r="BD21" s="262">
        <v>289</v>
      </c>
      <c r="BE21" s="263">
        <v>289</v>
      </c>
      <c r="BF21" s="257">
        <v>0</v>
      </c>
      <c r="BG21" s="261">
        <v>0</v>
      </c>
      <c r="BH21" s="258">
        <v>0</v>
      </c>
      <c r="BI21" s="260">
        <v>0</v>
      </c>
      <c r="BJ21" s="261">
        <v>61</v>
      </c>
      <c r="BK21" s="261">
        <v>36</v>
      </c>
      <c r="BL21" s="261">
        <v>52</v>
      </c>
      <c r="BM21" s="261">
        <v>29</v>
      </c>
      <c r="BN21" s="261">
        <v>12</v>
      </c>
      <c r="BO21" s="258">
        <v>190</v>
      </c>
      <c r="BP21" s="263">
        <v>190</v>
      </c>
      <c r="BQ21" s="257">
        <v>0</v>
      </c>
      <c r="BR21" s="261">
        <v>3</v>
      </c>
      <c r="BS21" s="258">
        <v>3</v>
      </c>
      <c r="BT21" s="260">
        <v>0</v>
      </c>
      <c r="BU21" s="261">
        <v>11</v>
      </c>
      <c r="BV21" s="261">
        <v>5</v>
      </c>
      <c r="BW21" s="261">
        <v>35</v>
      </c>
      <c r="BX21" s="261">
        <v>3</v>
      </c>
      <c r="BY21" s="261">
        <v>0</v>
      </c>
      <c r="BZ21" s="258">
        <v>54</v>
      </c>
      <c r="CA21" s="263">
        <v>57</v>
      </c>
      <c r="CB21" s="257">
        <v>0</v>
      </c>
      <c r="CC21" s="261">
        <v>0</v>
      </c>
      <c r="CD21" s="258">
        <v>0</v>
      </c>
      <c r="CE21" s="260">
        <v>0</v>
      </c>
      <c r="CF21" s="261">
        <v>0</v>
      </c>
      <c r="CG21" s="261">
        <v>0</v>
      </c>
      <c r="CH21" s="261">
        <v>14</v>
      </c>
      <c r="CI21" s="261">
        <v>4</v>
      </c>
      <c r="CJ21" s="261">
        <v>0</v>
      </c>
      <c r="CK21" s="258">
        <v>18</v>
      </c>
      <c r="CL21" s="263">
        <v>18</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58">
        <v>0</v>
      </c>
      <c r="E22" s="259">
        <v>0</v>
      </c>
      <c r="F22" s="260">
        <v>0</v>
      </c>
      <c r="G22" s="261">
        <v>86</v>
      </c>
      <c r="H22" s="261">
        <v>141</v>
      </c>
      <c r="I22" s="261">
        <v>299</v>
      </c>
      <c r="J22" s="261">
        <v>207</v>
      </c>
      <c r="K22" s="261">
        <v>168</v>
      </c>
      <c r="L22" s="262">
        <v>901</v>
      </c>
      <c r="M22" s="263">
        <v>901</v>
      </c>
      <c r="N22" s="257">
        <v>0</v>
      </c>
      <c r="O22" s="261">
        <v>0</v>
      </c>
      <c r="P22" s="258">
        <v>0</v>
      </c>
      <c r="Q22" s="260">
        <v>0</v>
      </c>
      <c r="R22" s="261">
        <v>4</v>
      </c>
      <c r="S22" s="261">
        <v>0</v>
      </c>
      <c r="T22" s="261">
        <v>0</v>
      </c>
      <c r="U22" s="261">
        <v>18</v>
      </c>
      <c r="V22" s="261">
        <v>13</v>
      </c>
      <c r="W22" s="258">
        <v>35</v>
      </c>
      <c r="X22" s="263">
        <v>35</v>
      </c>
      <c r="Y22" s="257">
        <v>5</v>
      </c>
      <c r="Z22" s="261">
        <v>28</v>
      </c>
      <c r="AA22" s="258">
        <v>33</v>
      </c>
      <c r="AB22" s="260">
        <v>0</v>
      </c>
      <c r="AC22" s="261">
        <v>104</v>
      </c>
      <c r="AD22" s="261">
        <v>105</v>
      </c>
      <c r="AE22" s="261">
        <v>146</v>
      </c>
      <c r="AF22" s="261">
        <v>81</v>
      </c>
      <c r="AG22" s="261">
        <v>30</v>
      </c>
      <c r="AH22" s="258">
        <v>466</v>
      </c>
      <c r="AI22" s="263">
        <v>499</v>
      </c>
      <c r="AJ22" s="257">
        <v>0</v>
      </c>
      <c r="AK22" s="261">
        <v>32</v>
      </c>
      <c r="AL22" s="258">
        <v>32</v>
      </c>
      <c r="AM22" s="260">
        <v>0</v>
      </c>
      <c r="AN22" s="261">
        <v>50</v>
      </c>
      <c r="AO22" s="261">
        <v>55</v>
      </c>
      <c r="AP22" s="261">
        <v>65</v>
      </c>
      <c r="AQ22" s="261">
        <v>30</v>
      </c>
      <c r="AR22" s="261">
        <v>10</v>
      </c>
      <c r="AS22" s="258">
        <v>210</v>
      </c>
      <c r="AT22" s="263">
        <v>242</v>
      </c>
      <c r="AU22" s="257">
        <v>0</v>
      </c>
      <c r="AV22" s="261">
        <v>0</v>
      </c>
      <c r="AW22" s="258">
        <v>0</v>
      </c>
      <c r="AX22" s="260">
        <v>0</v>
      </c>
      <c r="AY22" s="261">
        <v>120</v>
      </c>
      <c r="AZ22" s="261">
        <v>145</v>
      </c>
      <c r="BA22" s="261">
        <v>106</v>
      </c>
      <c r="BB22" s="261">
        <v>57</v>
      </c>
      <c r="BC22" s="261">
        <v>36</v>
      </c>
      <c r="BD22" s="262">
        <v>464</v>
      </c>
      <c r="BE22" s="263">
        <v>464</v>
      </c>
      <c r="BF22" s="257">
        <v>0</v>
      </c>
      <c r="BG22" s="261">
        <v>0</v>
      </c>
      <c r="BH22" s="258">
        <v>0</v>
      </c>
      <c r="BI22" s="260">
        <v>0</v>
      </c>
      <c r="BJ22" s="261">
        <v>22</v>
      </c>
      <c r="BK22" s="261">
        <v>89</v>
      </c>
      <c r="BL22" s="261">
        <v>74</v>
      </c>
      <c r="BM22" s="261">
        <v>21</v>
      </c>
      <c r="BN22" s="261">
        <v>18</v>
      </c>
      <c r="BO22" s="258">
        <v>224</v>
      </c>
      <c r="BP22" s="263">
        <v>224</v>
      </c>
      <c r="BQ22" s="257">
        <v>0</v>
      </c>
      <c r="BR22" s="261">
        <v>0</v>
      </c>
      <c r="BS22" s="258">
        <v>0</v>
      </c>
      <c r="BT22" s="260">
        <v>0</v>
      </c>
      <c r="BU22" s="261">
        <v>37</v>
      </c>
      <c r="BV22" s="261">
        <v>39</v>
      </c>
      <c r="BW22" s="261">
        <v>50</v>
      </c>
      <c r="BX22" s="261">
        <v>51</v>
      </c>
      <c r="BY22" s="261">
        <v>14</v>
      </c>
      <c r="BZ22" s="258">
        <v>191</v>
      </c>
      <c r="CA22" s="263">
        <v>191</v>
      </c>
      <c r="CB22" s="257">
        <v>0</v>
      </c>
      <c r="CC22" s="261">
        <v>0</v>
      </c>
      <c r="CD22" s="258">
        <v>0</v>
      </c>
      <c r="CE22" s="260">
        <v>0</v>
      </c>
      <c r="CF22" s="261">
        <v>5</v>
      </c>
      <c r="CG22" s="261">
        <v>0</v>
      </c>
      <c r="CH22" s="261">
        <v>0</v>
      </c>
      <c r="CI22" s="261">
        <v>0</v>
      </c>
      <c r="CJ22" s="261">
        <v>0</v>
      </c>
      <c r="CK22" s="258">
        <v>5</v>
      </c>
      <c r="CL22" s="263">
        <v>5</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58">
        <v>0</v>
      </c>
      <c r="E23" s="259">
        <v>0</v>
      </c>
      <c r="F23" s="260">
        <v>0</v>
      </c>
      <c r="G23" s="261">
        <v>252</v>
      </c>
      <c r="H23" s="261">
        <v>227</v>
      </c>
      <c r="I23" s="261">
        <v>167</v>
      </c>
      <c r="J23" s="261">
        <v>112</v>
      </c>
      <c r="K23" s="261">
        <v>227</v>
      </c>
      <c r="L23" s="262">
        <v>985</v>
      </c>
      <c r="M23" s="263">
        <v>985</v>
      </c>
      <c r="N23" s="257">
        <v>0</v>
      </c>
      <c r="O23" s="261">
        <v>0</v>
      </c>
      <c r="P23" s="258">
        <v>0</v>
      </c>
      <c r="Q23" s="260">
        <v>0</v>
      </c>
      <c r="R23" s="261">
        <v>0</v>
      </c>
      <c r="S23" s="261">
        <v>0</v>
      </c>
      <c r="T23" s="261">
        <v>0</v>
      </c>
      <c r="U23" s="261">
        <v>0</v>
      </c>
      <c r="V23" s="261">
        <v>33</v>
      </c>
      <c r="W23" s="258">
        <v>33</v>
      </c>
      <c r="X23" s="263">
        <v>33</v>
      </c>
      <c r="Y23" s="257">
        <v>0</v>
      </c>
      <c r="Z23" s="261">
        <v>11</v>
      </c>
      <c r="AA23" s="258">
        <v>11</v>
      </c>
      <c r="AB23" s="260">
        <v>0</v>
      </c>
      <c r="AC23" s="261">
        <v>168</v>
      </c>
      <c r="AD23" s="261">
        <v>172</v>
      </c>
      <c r="AE23" s="261">
        <v>94</v>
      </c>
      <c r="AF23" s="261">
        <v>23</v>
      </c>
      <c r="AG23" s="261">
        <v>153</v>
      </c>
      <c r="AH23" s="258">
        <v>610</v>
      </c>
      <c r="AI23" s="263">
        <v>621</v>
      </c>
      <c r="AJ23" s="257">
        <v>0</v>
      </c>
      <c r="AK23" s="261">
        <v>21</v>
      </c>
      <c r="AL23" s="258">
        <v>21</v>
      </c>
      <c r="AM23" s="260">
        <v>0</v>
      </c>
      <c r="AN23" s="261">
        <v>0</v>
      </c>
      <c r="AO23" s="261">
        <v>21</v>
      </c>
      <c r="AP23" s="261">
        <v>16</v>
      </c>
      <c r="AQ23" s="261">
        <v>0</v>
      </c>
      <c r="AR23" s="261">
        <v>24</v>
      </c>
      <c r="AS23" s="258">
        <v>61</v>
      </c>
      <c r="AT23" s="263">
        <v>82</v>
      </c>
      <c r="AU23" s="257">
        <v>0</v>
      </c>
      <c r="AV23" s="261">
        <v>0</v>
      </c>
      <c r="AW23" s="258">
        <v>0</v>
      </c>
      <c r="AX23" s="260">
        <v>0</v>
      </c>
      <c r="AY23" s="261">
        <v>148</v>
      </c>
      <c r="AZ23" s="261">
        <v>87</v>
      </c>
      <c r="BA23" s="261">
        <v>68</v>
      </c>
      <c r="BB23" s="261">
        <v>40</v>
      </c>
      <c r="BC23" s="261">
        <v>31</v>
      </c>
      <c r="BD23" s="262">
        <v>374</v>
      </c>
      <c r="BE23" s="263">
        <v>374</v>
      </c>
      <c r="BF23" s="257">
        <v>0</v>
      </c>
      <c r="BG23" s="261">
        <v>0</v>
      </c>
      <c r="BH23" s="258">
        <v>0</v>
      </c>
      <c r="BI23" s="260">
        <v>0</v>
      </c>
      <c r="BJ23" s="261">
        <v>11</v>
      </c>
      <c r="BK23" s="261">
        <v>28</v>
      </c>
      <c r="BL23" s="261">
        <v>0</v>
      </c>
      <c r="BM23" s="261">
        <v>0</v>
      </c>
      <c r="BN23" s="261">
        <v>24</v>
      </c>
      <c r="BO23" s="258">
        <v>63</v>
      </c>
      <c r="BP23" s="263">
        <v>63</v>
      </c>
      <c r="BQ23" s="257">
        <v>0</v>
      </c>
      <c r="BR23" s="261">
        <v>8</v>
      </c>
      <c r="BS23" s="258">
        <v>8</v>
      </c>
      <c r="BT23" s="260">
        <v>0</v>
      </c>
      <c r="BU23" s="261">
        <v>16</v>
      </c>
      <c r="BV23" s="261">
        <v>6</v>
      </c>
      <c r="BW23" s="261">
        <v>60</v>
      </c>
      <c r="BX23" s="261">
        <v>19</v>
      </c>
      <c r="BY23" s="261">
        <v>42</v>
      </c>
      <c r="BZ23" s="258">
        <v>143</v>
      </c>
      <c r="CA23" s="263">
        <v>151</v>
      </c>
      <c r="CB23" s="257">
        <v>0</v>
      </c>
      <c r="CC23" s="261">
        <v>0</v>
      </c>
      <c r="CD23" s="258">
        <v>0</v>
      </c>
      <c r="CE23" s="260">
        <v>0</v>
      </c>
      <c r="CF23" s="261">
        <v>0</v>
      </c>
      <c r="CG23" s="261">
        <v>0</v>
      </c>
      <c r="CH23" s="261">
        <v>0</v>
      </c>
      <c r="CI23" s="261">
        <v>3</v>
      </c>
      <c r="CJ23" s="261">
        <v>0</v>
      </c>
      <c r="CK23" s="258">
        <v>3</v>
      </c>
      <c r="CL23" s="263">
        <v>3</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58">
        <v>0</v>
      </c>
      <c r="E24" s="259">
        <v>0</v>
      </c>
      <c r="F24" s="260">
        <v>0</v>
      </c>
      <c r="G24" s="261">
        <v>40</v>
      </c>
      <c r="H24" s="261">
        <v>0</v>
      </c>
      <c r="I24" s="261">
        <v>23</v>
      </c>
      <c r="J24" s="261">
        <v>5</v>
      </c>
      <c r="K24" s="261">
        <v>119</v>
      </c>
      <c r="L24" s="262">
        <v>187</v>
      </c>
      <c r="M24" s="263">
        <v>187</v>
      </c>
      <c r="N24" s="257">
        <v>0</v>
      </c>
      <c r="O24" s="261">
        <v>0</v>
      </c>
      <c r="P24" s="258">
        <v>0</v>
      </c>
      <c r="Q24" s="260">
        <v>0</v>
      </c>
      <c r="R24" s="261">
        <v>0</v>
      </c>
      <c r="S24" s="261">
        <v>0</v>
      </c>
      <c r="T24" s="261">
        <v>2</v>
      </c>
      <c r="U24" s="261">
        <v>0</v>
      </c>
      <c r="V24" s="261">
        <v>36</v>
      </c>
      <c r="W24" s="258">
        <v>38</v>
      </c>
      <c r="X24" s="263">
        <v>38</v>
      </c>
      <c r="Y24" s="257">
        <v>10</v>
      </c>
      <c r="Z24" s="261">
        <v>0</v>
      </c>
      <c r="AA24" s="258">
        <v>10</v>
      </c>
      <c r="AB24" s="260">
        <v>0</v>
      </c>
      <c r="AC24" s="261">
        <v>17</v>
      </c>
      <c r="AD24" s="261">
        <v>15</v>
      </c>
      <c r="AE24" s="261">
        <v>31</v>
      </c>
      <c r="AF24" s="261">
        <v>97</v>
      </c>
      <c r="AG24" s="261">
        <v>95</v>
      </c>
      <c r="AH24" s="258">
        <v>255</v>
      </c>
      <c r="AI24" s="263">
        <v>265</v>
      </c>
      <c r="AJ24" s="257">
        <v>0</v>
      </c>
      <c r="AK24" s="261">
        <v>0</v>
      </c>
      <c r="AL24" s="258">
        <v>0</v>
      </c>
      <c r="AM24" s="260">
        <v>0</v>
      </c>
      <c r="AN24" s="261">
        <v>57</v>
      </c>
      <c r="AO24" s="261">
        <v>0</v>
      </c>
      <c r="AP24" s="261">
        <v>0</v>
      </c>
      <c r="AQ24" s="261">
        <v>24</v>
      </c>
      <c r="AR24" s="261">
        <v>0</v>
      </c>
      <c r="AS24" s="258">
        <v>81</v>
      </c>
      <c r="AT24" s="263">
        <v>81</v>
      </c>
      <c r="AU24" s="257">
        <v>0</v>
      </c>
      <c r="AV24" s="261">
        <v>0</v>
      </c>
      <c r="AW24" s="258">
        <v>0</v>
      </c>
      <c r="AX24" s="260">
        <v>0</v>
      </c>
      <c r="AY24" s="261">
        <v>23</v>
      </c>
      <c r="AZ24" s="261">
        <v>26</v>
      </c>
      <c r="BA24" s="261">
        <v>18</v>
      </c>
      <c r="BB24" s="261">
        <v>43</v>
      </c>
      <c r="BC24" s="261">
        <v>19</v>
      </c>
      <c r="BD24" s="262">
        <v>129</v>
      </c>
      <c r="BE24" s="263">
        <v>129</v>
      </c>
      <c r="BF24" s="257">
        <v>0</v>
      </c>
      <c r="BG24" s="261">
        <v>0</v>
      </c>
      <c r="BH24" s="258">
        <v>0</v>
      </c>
      <c r="BI24" s="260">
        <v>0</v>
      </c>
      <c r="BJ24" s="261">
        <v>26</v>
      </c>
      <c r="BK24" s="261">
        <v>0</v>
      </c>
      <c r="BL24" s="261">
        <v>0</v>
      </c>
      <c r="BM24" s="261">
        <v>9</v>
      </c>
      <c r="BN24" s="261">
        <v>1</v>
      </c>
      <c r="BO24" s="258">
        <v>36</v>
      </c>
      <c r="BP24" s="263">
        <v>36</v>
      </c>
      <c r="BQ24" s="257">
        <v>0</v>
      </c>
      <c r="BR24" s="261">
        <v>0</v>
      </c>
      <c r="BS24" s="258">
        <v>0</v>
      </c>
      <c r="BT24" s="260">
        <v>0</v>
      </c>
      <c r="BU24" s="261">
        <v>0</v>
      </c>
      <c r="BV24" s="261">
        <v>13</v>
      </c>
      <c r="BW24" s="261">
        <v>0</v>
      </c>
      <c r="BX24" s="261">
        <v>11</v>
      </c>
      <c r="BY24" s="261">
        <v>0</v>
      </c>
      <c r="BZ24" s="258">
        <v>24</v>
      </c>
      <c r="CA24" s="263">
        <v>24</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58">
        <v>0</v>
      </c>
      <c r="E25" s="259">
        <v>0</v>
      </c>
      <c r="F25" s="260">
        <v>0</v>
      </c>
      <c r="G25" s="261">
        <v>9</v>
      </c>
      <c r="H25" s="261">
        <v>96</v>
      </c>
      <c r="I25" s="261">
        <v>207</v>
      </c>
      <c r="J25" s="261">
        <v>20</v>
      </c>
      <c r="K25" s="261">
        <v>0</v>
      </c>
      <c r="L25" s="262">
        <v>332</v>
      </c>
      <c r="M25" s="263">
        <v>332</v>
      </c>
      <c r="N25" s="257">
        <v>0</v>
      </c>
      <c r="O25" s="261">
        <v>0</v>
      </c>
      <c r="P25" s="258">
        <v>0</v>
      </c>
      <c r="Q25" s="260">
        <v>0</v>
      </c>
      <c r="R25" s="261">
        <v>0</v>
      </c>
      <c r="S25" s="261">
        <v>0</v>
      </c>
      <c r="T25" s="261">
        <v>4</v>
      </c>
      <c r="U25" s="261">
        <v>0</v>
      </c>
      <c r="V25" s="261">
        <v>5</v>
      </c>
      <c r="W25" s="258">
        <v>9</v>
      </c>
      <c r="X25" s="263">
        <v>9</v>
      </c>
      <c r="Y25" s="257">
        <v>16</v>
      </c>
      <c r="Z25" s="261">
        <v>11</v>
      </c>
      <c r="AA25" s="258">
        <v>27</v>
      </c>
      <c r="AB25" s="260">
        <v>0</v>
      </c>
      <c r="AC25" s="261">
        <v>31</v>
      </c>
      <c r="AD25" s="261">
        <v>77</v>
      </c>
      <c r="AE25" s="261">
        <v>140</v>
      </c>
      <c r="AF25" s="261">
        <v>58</v>
      </c>
      <c r="AG25" s="261">
        <v>2</v>
      </c>
      <c r="AH25" s="258">
        <v>308</v>
      </c>
      <c r="AI25" s="263">
        <v>335</v>
      </c>
      <c r="AJ25" s="257">
        <v>0</v>
      </c>
      <c r="AK25" s="261">
        <v>15</v>
      </c>
      <c r="AL25" s="258">
        <v>15</v>
      </c>
      <c r="AM25" s="260">
        <v>0</v>
      </c>
      <c r="AN25" s="261">
        <v>0</v>
      </c>
      <c r="AO25" s="261">
        <v>30</v>
      </c>
      <c r="AP25" s="261">
        <v>0</v>
      </c>
      <c r="AQ25" s="261">
        <v>23</v>
      </c>
      <c r="AR25" s="261">
        <v>0</v>
      </c>
      <c r="AS25" s="258">
        <v>53</v>
      </c>
      <c r="AT25" s="263">
        <v>68</v>
      </c>
      <c r="AU25" s="257">
        <v>0</v>
      </c>
      <c r="AV25" s="261">
        <v>0</v>
      </c>
      <c r="AW25" s="258">
        <v>0</v>
      </c>
      <c r="AX25" s="260">
        <v>0</v>
      </c>
      <c r="AY25" s="261">
        <v>122</v>
      </c>
      <c r="AZ25" s="261">
        <v>160</v>
      </c>
      <c r="BA25" s="261">
        <v>71</v>
      </c>
      <c r="BB25" s="261">
        <v>37</v>
      </c>
      <c r="BC25" s="261">
        <v>0</v>
      </c>
      <c r="BD25" s="262">
        <v>390</v>
      </c>
      <c r="BE25" s="263">
        <v>390</v>
      </c>
      <c r="BF25" s="257">
        <v>0</v>
      </c>
      <c r="BG25" s="261">
        <v>0</v>
      </c>
      <c r="BH25" s="258">
        <v>0</v>
      </c>
      <c r="BI25" s="260">
        <v>0</v>
      </c>
      <c r="BJ25" s="261">
        <v>17</v>
      </c>
      <c r="BK25" s="261">
        <v>16</v>
      </c>
      <c r="BL25" s="261">
        <v>16</v>
      </c>
      <c r="BM25" s="261">
        <v>9</v>
      </c>
      <c r="BN25" s="261">
        <v>23</v>
      </c>
      <c r="BO25" s="258">
        <v>81</v>
      </c>
      <c r="BP25" s="263">
        <v>81</v>
      </c>
      <c r="BQ25" s="257">
        <v>0</v>
      </c>
      <c r="BR25" s="261">
        <v>0</v>
      </c>
      <c r="BS25" s="258">
        <v>0</v>
      </c>
      <c r="BT25" s="260">
        <v>0</v>
      </c>
      <c r="BU25" s="261">
        <v>15</v>
      </c>
      <c r="BV25" s="261">
        <v>22</v>
      </c>
      <c r="BW25" s="261">
        <v>27</v>
      </c>
      <c r="BX25" s="261">
        <v>6</v>
      </c>
      <c r="BY25" s="261">
        <v>0</v>
      </c>
      <c r="BZ25" s="258">
        <v>70</v>
      </c>
      <c r="CA25" s="263">
        <v>7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58">
        <v>0</v>
      </c>
      <c r="E26" s="259">
        <v>0</v>
      </c>
      <c r="F26" s="260">
        <v>0</v>
      </c>
      <c r="G26" s="261">
        <v>78</v>
      </c>
      <c r="H26" s="261">
        <v>53</v>
      </c>
      <c r="I26" s="261">
        <v>121</v>
      </c>
      <c r="J26" s="261">
        <v>127</v>
      </c>
      <c r="K26" s="261">
        <v>89</v>
      </c>
      <c r="L26" s="262">
        <v>468</v>
      </c>
      <c r="M26" s="263">
        <v>468</v>
      </c>
      <c r="N26" s="257">
        <v>0</v>
      </c>
      <c r="O26" s="261">
        <v>0</v>
      </c>
      <c r="P26" s="258">
        <v>0</v>
      </c>
      <c r="Q26" s="260">
        <v>0</v>
      </c>
      <c r="R26" s="261">
        <v>0</v>
      </c>
      <c r="S26" s="261">
        <v>0</v>
      </c>
      <c r="T26" s="261">
        <v>0</v>
      </c>
      <c r="U26" s="261">
        <v>0</v>
      </c>
      <c r="V26" s="261">
        <v>9</v>
      </c>
      <c r="W26" s="258">
        <v>9</v>
      </c>
      <c r="X26" s="263">
        <v>9</v>
      </c>
      <c r="Y26" s="257">
        <v>11</v>
      </c>
      <c r="Z26" s="261">
        <v>41</v>
      </c>
      <c r="AA26" s="258">
        <v>52</v>
      </c>
      <c r="AB26" s="260">
        <v>0</v>
      </c>
      <c r="AC26" s="261">
        <v>92</v>
      </c>
      <c r="AD26" s="261">
        <v>39</v>
      </c>
      <c r="AE26" s="261">
        <v>47</v>
      </c>
      <c r="AF26" s="261">
        <v>69</v>
      </c>
      <c r="AG26" s="261">
        <v>20</v>
      </c>
      <c r="AH26" s="258">
        <v>267</v>
      </c>
      <c r="AI26" s="263">
        <v>319</v>
      </c>
      <c r="AJ26" s="257">
        <v>0</v>
      </c>
      <c r="AK26" s="261">
        <v>0</v>
      </c>
      <c r="AL26" s="258">
        <v>0</v>
      </c>
      <c r="AM26" s="260">
        <v>0</v>
      </c>
      <c r="AN26" s="261">
        <v>0</v>
      </c>
      <c r="AO26" s="261">
        <v>6</v>
      </c>
      <c r="AP26" s="261">
        <v>0</v>
      </c>
      <c r="AQ26" s="261">
        <v>0</v>
      </c>
      <c r="AR26" s="261">
        <v>10</v>
      </c>
      <c r="AS26" s="258">
        <v>16</v>
      </c>
      <c r="AT26" s="263">
        <v>16</v>
      </c>
      <c r="AU26" s="257">
        <v>0</v>
      </c>
      <c r="AV26" s="261">
        <v>0</v>
      </c>
      <c r="AW26" s="258">
        <v>0</v>
      </c>
      <c r="AX26" s="260">
        <v>0</v>
      </c>
      <c r="AY26" s="261">
        <v>76</v>
      </c>
      <c r="AZ26" s="261">
        <v>33</v>
      </c>
      <c r="BA26" s="261">
        <v>44</v>
      </c>
      <c r="BB26" s="261">
        <v>9</v>
      </c>
      <c r="BC26" s="261">
        <v>0</v>
      </c>
      <c r="BD26" s="262">
        <v>162</v>
      </c>
      <c r="BE26" s="263">
        <v>162</v>
      </c>
      <c r="BF26" s="257">
        <v>0</v>
      </c>
      <c r="BG26" s="261">
        <v>0</v>
      </c>
      <c r="BH26" s="258">
        <v>0</v>
      </c>
      <c r="BI26" s="260">
        <v>0</v>
      </c>
      <c r="BJ26" s="261">
        <v>27</v>
      </c>
      <c r="BK26" s="261">
        <v>52</v>
      </c>
      <c r="BL26" s="261">
        <v>13</v>
      </c>
      <c r="BM26" s="261">
        <v>14</v>
      </c>
      <c r="BN26" s="261">
        <v>21</v>
      </c>
      <c r="BO26" s="258">
        <v>127</v>
      </c>
      <c r="BP26" s="263">
        <v>127</v>
      </c>
      <c r="BQ26" s="257">
        <v>0</v>
      </c>
      <c r="BR26" s="261">
        <v>0</v>
      </c>
      <c r="BS26" s="258">
        <v>0</v>
      </c>
      <c r="BT26" s="260">
        <v>0</v>
      </c>
      <c r="BU26" s="261">
        <v>0</v>
      </c>
      <c r="BV26" s="261">
        <v>2</v>
      </c>
      <c r="BW26" s="261">
        <v>1</v>
      </c>
      <c r="BX26" s="261">
        <v>11</v>
      </c>
      <c r="BY26" s="261">
        <v>10</v>
      </c>
      <c r="BZ26" s="258">
        <v>24</v>
      </c>
      <c r="CA26" s="263">
        <v>24</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58">
        <v>0</v>
      </c>
      <c r="E27" s="259">
        <v>0</v>
      </c>
      <c r="F27" s="260">
        <v>0</v>
      </c>
      <c r="G27" s="261">
        <v>27</v>
      </c>
      <c r="H27" s="261">
        <v>54</v>
      </c>
      <c r="I27" s="261">
        <v>8</v>
      </c>
      <c r="J27" s="261">
        <v>6</v>
      </c>
      <c r="K27" s="261">
        <v>0</v>
      </c>
      <c r="L27" s="262">
        <v>95</v>
      </c>
      <c r="M27" s="263">
        <v>95</v>
      </c>
      <c r="N27" s="257">
        <v>0</v>
      </c>
      <c r="O27" s="261">
        <v>0</v>
      </c>
      <c r="P27" s="258">
        <v>0</v>
      </c>
      <c r="Q27" s="260">
        <v>0</v>
      </c>
      <c r="R27" s="261">
        <v>0</v>
      </c>
      <c r="S27" s="261">
        <v>5</v>
      </c>
      <c r="T27" s="261">
        <v>0</v>
      </c>
      <c r="U27" s="261">
        <v>0</v>
      </c>
      <c r="V27" s="261">
        <v>7</v>
      </c>
      <c r="W27" s="258">
        <v>12</v>
      </c>
      <c r="X27" s="263">
        <v>12</v>
      </c>
      <c r="Y27" s="257">
        <v>4</v>
      </c>
      <c r="Z27" s="261">
        <v>15</v>
      </c>
      <c r="AA27" s="258">
        <v>19</v>
      </c>
      <c r="AB27" s="260">
        <v>0</v>
      </c>
      <c r="AC27" s="261">
        <v>34</v>
      </c>
      <c r="AD27" s="261">
        <v>46</v>
      </c>
      <c r="AE27" s="261">
        <v>0</v>
      </c>
      <c r="AF27" s="261">
        <v>0</v>
      </c>
      <c r="AG27" s="261">
        <v>29</v>
      </c>
      <c r="AH27" s="258">
        <v>109</v>
      </c>
      <c r="AI27" s="263">
        <v>128</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26</v>
      </c>
      <c r="AZ27" s="261">
        <v>27</v>
      </c>
      <c r="BA27" s="261">
        <v>26</v>
      </c>
      <c r="BB27" s="261">
        <v>6</v>
      </c>
      <c r="BC27" s="261">
        <v>0</v>
      </c>
      <c r="BD27" s="262">
        <v>85</v>
      </c>
      <c r="BE27" s="263">
        <v>85</v>
      </c>
      <c r="BF27" s="257">
        <v>0</v>
      </c>
      <c r="BG27" s="261">
        <v>0</v>
      </c>
      <c r="BH27" s="258">
        <v>0</v>
      </c>
      <c r="BI27" s="260">
        <v>0</v>
      </c>
      <c r="BJ27" s="261">
        <v>0</v>
      </c>
      <c r="BK27" s="261">
        <v>24</v>
      </c>
      <c r="BL27" s="261">
        <v>9</v>
      </c>
      <c r="BM27" s="261">
        <v>0</v>
      </c>
      <c r="BN27" s="261">
        <v>7</v>
      </c>
      <c r="BO27" s="258">
        <v>40</v>
      </c>
      <c r="BP27" s="263">
        <v>40</v>
      </c>
      <c r="BQ27" s="257">
        <v>0</v>
      </c>
      <c r="BR27" s="261">
        <v>0</v>
      </c>
      <c r="BS27" s="258">
        <v>0</v>
      </c>
      <c r="BT27" s="260">
        <v>0</v>
      </c>
      <c r="BU27" s="261">
        <v>8</v>
      </c>
      <c r="BV27" s="261">
        <v>2</v>
      </c>
      <c r="BW27" s="261">
        <v>0</v>
      </c>
      <c r="BX27" s="261">
        <v>4</v>
      </c>
      <c r="BY27" s="261">
        <v>0</v>
      </c>
      <c r="BZ27" s="258">
        <v>14</v>
      </c>
      <c r="CA27" s="263">
        <v>14</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58">
        <v>0</v>
      </c>
      <c r="E28" s="259">
        <v>0</v>
      </c>
      <c r="F28" s="260">
        <v>0</v>
      </c>
      <c r="G28" s="261">
        <v>41</v>
      </c>
      <c r="H28" s="261">
        <v>69</v>
      </c>
      <c r="I28" s="261">
        <v>5</v>
      </c>
      <c r="J28" s="261">
        <v>49</v>
      </c>
      <c r="K28" s="261">
        <v>195</v>
      </c>
      <c r="L28" s="262">
        <v>359</v>
      </c>
      <c r="M28" s="263">
        <v>359</v>
      </c>
      <c r="N28" s="257">
        <v>0</v>
      </c>
      <c r="O28" s="261">
        <v>0</v>
      </c>
      <c r="P28" s="258">
        <v>0</v>
      </c>
      <c r="Q28" s="260">
        <v>0</v>
      </c>
      <c r="R28" s="261">
        <v>0</v>
      </c>
      <c r="S28" s="261">
        <v>0</v>
      </c>
      <c r="T28" s="261">
        <v>0</v>
      </c>
      <c r="U28" s="261">
        <v>0</v>
      </c>
      <c r="V28" s="261">
        <v>20</v>
      </c>
      <c r="W28" s="258">
        <v>20</v>
      </c>
      <c r="X28" s="263">
        <v>20</v>
      </c>
      <c r="Y28" s="257">
        <v>0</v>
      </c>
      <c r="Z28" s="261">
        <v>0</v>
      </c>
      <c r="AA28" s="258">
        <v>0</v>
      </c>
      <c r="AB28" s="260">
        <v>0</v>
      </c>
      <c r="AC28" s="261">
        <v>18</v>
      </c>
      <c r="AD28" s="261">
        <v>81</v>
      </c>
      <c r="AE28" s="261">
        <v>4</v>
      </c>
      <c r="AF28" s="261">
        <v>48</v>
      </c>
      <c r="AG28" s="261">
        <v>89</v>
      </c>
      <c r="AH28" s="258">
        <v>240</v>
      </c>
      <c r="AI28" s="263">
        <v>240</v>
      </c>
      <c r="AJ28" s="257">
        <v>0</v>
      </c>
      <c r="AK28" s="261">
        <v>27</v>
      </c>
      <c r="AL28" s="258">
        <v>27</v>
      </c>
      <c r="AM28" s="260">
        <v>0</v>
      </c>
      <c r="AN28" s="261">
        <v>0</v>
      </c>
      <c r="AO28" s="261">
        <v>0</v>
      </c>
      <c r="AP28" s="261">
        <v>0</v>
      </c>
      <c r="AQ28" s="261">
        <v>0</v>
      </c>
      <c r="AR28" s="261">
        <v>0</v>
      </c>
      <c r="AS28" s="258">
        <v>0</v>
      </c>
      <c r="AT28" s="263">
        <v>27</v>
      </c>
      <c r="AU28" s="257">
        <v>0</v>
      </c>
      <c r="AV28" s="261">
        <v>0</v>
      </c>
      <c r="AW28" s="258">
        <v>0</v>
      </c>
      <c r="AX28" s="260">
        <v>0</v>
      </c>
      <c r="AY28" s="261">
        <v>70</v>
      </c>
      <c r="AZ28" s="261">
        <v>16</v>
      </c>
      <c r="BA28" s="261">
        <v>12</v>
      </c>
      <c r="BB28" s="261">
        <v>28</v>
      </c>
      <c r="BC28" s="261">
        <v>0</v>
      </c>
      <c r="BD28" s="262">
        <v>126</v>
      </c>
      <c r="BE28" s="263">
        <v>126</v>
      </c>
      <c r="BF28" s="257">
        <v>0</v>
      </c>
      <c r="BG28" s="261">
        <v>0</v>
      </c>
      <c r="BH28" s="258">
        <v>0</v>
      </c>
      <c r="BI28" s="260">
        <v>0</v>
      </c>
      <c r="BJ28" s="261">
        <v>29</v>
      </c>
      <c r="BK28" s="261">
        <v>16</v>
      </c>
      <c r="BL28" s="261">
        <v>5</v>
      </c>
      <c r="BM28" s="261">
        <v>0</v>
      </c>
      <c r="BN28" s="261">
        <v>0</v>
      </c>
      <c r="BO28" s="258">
        <v>50</v>
      </c>
      <c r="BP28" s="263">
        <v>50</v>
      </c>
      <c r="BQ28" s="257">
        <v>0</v>
      </c>
      <c r="BR28" s="261">
        <v>0</v>
      </c>
      <c r="BS28" s="258">
        <v>0</v>
      </c>
      <c r="BT28" s="260">
        <v>0</v>
      </c>
      <c r="BU28" s="261">
        <v>6</v>
      </c>
      <c r="BV28" s="261">
        <v>1</v>
      </c>
      <c r="BW28" s="261">
        <v>8</v>
      </c>
      <c r="BX28" s="261">
        <v>0</v>
      </c>
      <c r="BY28" s="261">
        <v>0</v>
      </c>
      <c r="BZ28" s="258">
        <v>15</v>
      </c>
      <c r="CA28" s="263">
        <v>15</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58">
        <v>0</v>
      </c>
      <c r="E29" s="259">
        <v>0</v>
      </c>
      <c r="F29" s="260">
        <v>0</v>
      </c>
      <c r="G29" s="261">
        <v>9</v>
      </c>
      <c r="H29" s="261">
        <v>48</v>
      </c>
      <c r="I29" s="261">
        <v>147</v>
      </c>
      <c r="J29" s="261">
        <v>0</v>
      </c>
      <c r="K29" s="261">
        <v>0</v>
      </c>
      <c r="L29" s="262">
        <v>204</v>
      </c>
      <c r="M29" s="263">
        <v>204</v>
      </c>
      <c r="N29" s="257">
        <v>0</v>
      </c>
      <c r="O29" s="261">
        <v>0</v>
      </c>
      <c r="P29" s="258">
        <v>0</v>
      </c>
      <c r="Q29" s="260">
        <v>0</v>
      </c>
      <c r="R29" s="261">
        <v>0</v>
      </c>
      <c r="S29" s="261">
        <v>0</v>
      </c>
      <c r="T29" s="261">
        <v>0</v>
      </c>
      <c r="U29" s="261">
        <v>10</v>
      </c>
      <c r="V29" s="261">
        <v>0</v>
      </c>
      <c r="W29" s="258">
        <v>10</v>
      </c>
      <c r="X29" s="263">
        <v>10</v>
      </c>
      <c r="Y29" s="257">
        <v>12</v>
      </c>
      <c r="Z29" s="261">
        <v>13</v>
      </c>
      <c r="AA29" s="258">
        <v>25</v>
      </c>
      <c r="AB29" s="260">
        <v>0</v>
      </c>
      <c r="AC29" s="261">
        <v>0</v>
      </c>
      <c r="AD29" s="261">
        <v>56</v>
      </c>
      <c r="AE29" s="261">
        <v>25</v>
      </c>
      <c r="AF29" s="261">
        <v>18</v>
      </c>
      <c r="AG29" s="261">
        <v>0</v>
      </c>
      <c r="AH29" s="258">
        <v>99</v>
      </c>
      <c r="AI29" s="263">
        <v>124</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45</v>
      </c>
      <c r="AZ29" s="261">
        <v>25</v>
      </c>
      <c r="BA29" s="261">
        <v>8</v>
      </c>
      <c r="BB29" s="261">
        <v>11</v>
      </c>
      <c r="BC29" s="261">
        <v>0</v>
      </c>
      <c r="BD29" s="262">
        <v>89</v>
      </c>
      <c r="BE29" s="263">
        <v>89</v>
      </c>
      <c r="BF29" s="257">
        <v>0</v>
      </c>
      <c r="BG29" s="261">
        <v>0</v>
      </c>
      <c r="BH29" s="258">
        <v>0</v>
      </c>
      <c r="BI29" s="260">
        <v>0</v>
      </c>
      <c r="BJ29" s="261">
        <v>9</v>
      </c>
      <c r="BK29" s="261">
        <v>16</v>
      </c>
      <c r="BL29" s="261">
        <v>7</v>
      </c>
      <c r="BM29" s="261">
        <v>0</v>
      </c>
      <c r="BN29" s="261">
        <v>0</v>
      </c>
      <c r="BO29" s="258">
        <v>32</v>
      </c>
      <c r="BP29" s="263">
        <v>32</v>
      </c>
      <c r="BQ29" s="257">
        <v>0</v>
      </c>
      <c r="BR29" s="261">
        <v>0</v>
      </c>
      <c r="BS29" s="258">
        <v>0</v>
      </c>
      <c r="BT29" s="260">
        <v>0</v>
      </c>
      <c r="BU29" s="261">
        <v>7</v>
      </c>
      <c r="BV29" s="261">
        <v>3</v>
      </c>
      <c r="BW29" s="261">
        <v>0</v>
      </c>
      <c r="BX29" s="261">
        <v>8</v>
      </c>
      <c r="BY29" s="261">
        <v>0</v>
      </c>
      <c r="BZ29" s="258">
        <v>18</v>
      </c>
      <c r="CA29" s="263">
        <v>18</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58">
        <v>0</v>
      </c>
      <c r="E30" s="259">
        <v>0</v>
      </c>
      <c r="F30" s="260">
        <v>0</v>
      </c>
      <c r="G30" s="261">
        <v>7</v>
      </c>
      <c r="H30" s="261">
        <v>13</v>
      </c>
      <c r="I30" s="261">
        <v>0</v>
      </c>
      <c r="J30" s="261">
        <v>28</v>
      </c>
      <c r="K30" s="261">
        <v>0</v>
      </c>
      <c r="L30" s="262">
        <v>48</v>
      </c>
      <c r="M30" s="263">
        <v>48</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4</v>
      </c>
      <c r="AE30" s="261">
        <v>4</v>
      </c>
      <c r="AF30" s="261">
        <v>0</v>
      </c>
      <c r="AG30" s="261">
        <v>0</v>
      </c>
      <c r="AH30" s="258">
        <v>18</v>
      </c>
      <c r="AI30" s="263">
        <v>18</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2</v>
      </c>
      <c r="AZ30" s="261">
        <v>22</v>
      </c>
      <c r="BA30" s="261">
        <v>13</v>
      </c>
      <c r="BB30" s="261">
        <v>11</v>
      </c>
      <c r="BC30" s="261">
        <v>0</v>
      </c>
      <c r="BD30" s="262">
        <v>48</v>
      </c>
      <c r="BE30" s="263">
        <v>48</v>
      </c>
      <c r="BF30" s="257">
        <v>0</v>
      </c>
      <c r="BG30" s="261">
        <v>0</v>
      </c>
      <c r="BH30" s="258">
        <v>0</v>
      </c>
      <c r="BI30" s="260">
        <v>0</v>
      </c>
      <c r="BJ30" s="261">
        <v>0</v>
      </c>
      <c r="BK30" s="261">
        <v>3</v>
      </c>
      <c r="BL30" s="261">
        <v>0</v>
      </c>
      <c r="BM30" s="261">
        <v>0</v>
      </c>
      <c r="BN30" s="261">
        <v>0</v>
      </c>
      <c r="BO30" s="258">
        <v>3</v>
      </c>
      <c r="BP30" s="263">
        <v>3</v>
      </c>
      <c r="BQ30" s="257">
        <v>0</v>
      </c>
      <c r="BR30" s="261">
        <v>0</v>
      </c>
      <c r="BS30" s="258">
        <v>0</v>
      </c>
      <c r="BT30" s="260">
        <v>0</v>
      </c>
      <c r="BU30" s="261">
        <v>0</v>
      </c>
      <c r="BV30" s="261">
        <v>5</v>
      </c>
      <c r="BW30" s="261">
        <v>6</v>
      </c>
      <c r="BX30" s="261">
        <v>0</v>
      </c>
      <c r="BY30" s="261">
        <v>0</v>
      </c>
      <c r="BZ30" s="258">
        <v>11</v>
      </c>
      <c r="CA30" s="263">
        <v>11</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58">
        <v>0</v>
      </c>
      <c r="E31" s="259">
        <v>0</v>
      </c>
      <c r="F31" s="260">
        <v>0</v>
      </c>
      <c r="G31" s="261">
        <v>17</v>
      </c>
      <c r="H31" s="261">
        <v>28</v>
      </c>
      <c r="I31" s="261">
        <v>0</v>
      </c>
      <c r="J31" s="261">
        <v>77</v>
      </c>
      <c r="K31" s="261">
        <v>0</v>
      </c>
      <c r="L31" s="262">
        <v>122</v>
      </c>
      <c r="M31" s="263">
        <v>122</v>
      </c>
      <c r="N31" s="257">
        <v>0</v>
      </c>
      <c r="O31" s="261">
        <v>0</v>
      </c>
      <c r="P31" s="258">
        <v>0</v>
      </c>
      <c r="Q31" s="260">
        <v>0</v>
      </c>
      <c r="R31" s="261">
        <v>0</v>
      </c>
      <c r="S31" s="261">
        <v>0</v>
      </c>
      <c r="T31" s="261">
        <v>0</v>
      </c>
      <c r="U31" s="261">
        <v>0</v>
      </c>
      <c r="V31" s="261">
        <v>0</v>
      </c>
      <c r="W31" s="258">
        <v>0</v>
      </c>
      <c r="X31" s="263">
        <v>0</v>
      </c>
      <c r="Y31" s="257">
        <v>0</v>
      </c>
      <c r="Z31" s="261">
        <v>5</v>
      </c>
      <c r="AA31" s="258">
        <v>5</v>
      </c>
      <c r="AB31" s="260">
        <v>0</v>
      </c>
      <c r="AC31" s="261">
        <v>25</v>
      </c>
      <c r="AD31" s="261">
        <v>16</v>
      </c>
      <c r="AE31" s="261">
        <v>30</v>
      </c>
      <c r="AF31" s="261">
        <v>5</v>
      </c>
      <c r="AG31" s="261">
        <v>0</v>
      </c>
      <c r="AH31" s="258">
        <v>76</v>
      </c>
      <c r="AI31" s="263">
        <v>81</v>
      </c>
      <c r="AJ31" s="257">
        <v>0</v>
      </c>
      <c r="AK31" s="261">
        <v>0</v>
      </c>
      <c r="AL31" s="258">
        <v>0</v>
      </c>
      <c r="AM31" s="260">
        <v>0</v>
      </c>
      <c r="AN31" s="261">
        <v>9</v>
      </c>
      <c r="AO31" s="261">
        <v>0</v>
      </c>
      <c r="AP31" s="261">
        <v>0</v>
      </c>
      <c r="AQ31" s="261">
        <v>21</v>
      </c>
      <c r="AR31" s="261">
        <v>0</v>
      </c>
      <c r="AS31" s="258">
        <v>30</v>
      </c>
      <c r="AT31" s="263">
        <v>30</v>
      </c>
      <c r="AU31" s="257">
        <v>0</v>
      </c>
      <c r="AV31" s="261">
        <v>0</v>
      </c>
      <c r="AW31" s="258">
        <v>0</v>
      </c>
      <c r="AX31" s="260">
        <v>0</v>
      </c>
      <c r="AY31" s="261">
        <v>18</v>
      </c>
      <c r="AZ31" s="261">
        <v>3</v>
      </c>
      <c r="BA31" s="261">
        <v>2</v>
      </c>
      <c r="BB31" s="261">
        <v>13</v>
      </c>
      <c r="BC31" s="261">
        <v>0</v>
      </c>
      <c r="BD31" s="262">
        <v>36</v>
      </c>
      <c r="BE31" s="263">
        <v>36</v>
      </c>
      <c r="BF31" s="257">
        <v>0</v>
      </c>
      <c r="BG31" s="261">
        <v>0</v>
      </c>
      <c r="BH31" s="258">
        <v>0</v>
      </c>
      <c r="BI31" s="260">
        <v>0</v>
      </c>
      <c r="BJ31" s="261">
        <v>17</v>
      </c>
      <c r="BK31" s="261">
        <v>0</v>
      </c>
      <c r="BL31" s="261">
        <v>13</v>
      </c>
      <c r="BM31" s="261">
        <v>0</v>
      </c>
      <c r="BN31" s="261">
        <v>0</v>
      </c>
      <c r="BO31" s="258">
        <v>30</v>
      </c>
      <c r="BP31" s="263">
        <v>3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2</v>
      </c>
      <c r="CG31" s="261">
        <v>0</v>
      </c>
      <c r="CH31" s="261">
        <v>0</v>
      </c>
      <c r="CI31" s="261">
        <v>0</v>
      </c>
      <c r="CJ31" s="261">
        <v>0</v>
      </c>
      <c r="CK31" s="258">
        <v>2</v>
      </c>
      <c r="CL31" s="263">
        <v>2</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58">
        <v>0</v>
      </c>
      <c r="E32" s="259">
        <v>0</v>
      </c>
      <c r="F32" s="260">
        <v>0</v>
      </c>
      <c r="G32" s="261">
        <v>19</v>
      </c>
      <c r="H32" s="261">
        <v>0</v>
      </c>
      <c r="I32" s="261">
        <v>93</v>
      </c>
      <c r="J32" s="261">
        <v>42</v>
      </c>
      <c r="K32" s="261">
        <v>0</v>
      </c>
      <c r="L32" s="262">
        <v>154</v>
      </c>
      <c r="M32" s="263">
        <v>154</v>
      </c>
      <c r="N32" s="257">
        <v>0</v>
      </c>
      <c r="O32" s="261">
        <v>0</v>
      </c>
      <c r="P32" s="258">
        <v>0</v>
      </c>
      <c r="Q32" s="260">
        <v>0</v>
      </c>
      <c r="R32" s="261">
        <v>3</v>
      </c>
      <c r="S32" s="261">
        <v>0</v>
      </c>
      <c r="T32" s="261">
        <v>0</v>
      </c>
      <c r="U32" s="261">
        <v>4</v>
      </c>
      <c r="V32" s="261">
        <v>0</v>
      </c>
      <c r="W32" s="258">
        <v>7</v>
      </c>
      <c r="X32" s="263">
        <v>7</v>
      </c>
      <c r="Y32" s="257">
        <v>0</v>
      </c>
      <c r="Z32" s="261">
        <v>0</v>
      </c>
      <c r="AA32" s="258">
        <v>0</v>
      </c>
      <c r="AB32" s="260">
        <v>0</v>
      </c>
      <c r="AC32" s="261">
        <v>7</v>
      </c>
      <c r="AD32" s="261">
        <v>0</v>
      </c>
      <c r="AE32" s="261">
        <v>0</v>
      </c>
      <c r="AF32" s="261">
        <v>5</v>
      </c>
      <c r="AG32" s="261">
        <v>0</v>
      </c>
      <c r="AH32" s="258">
        <v>12</v>
      </c>
      <c r="AI32" s="263">
        <v>12</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17</v>
      </c>
      <c r="AZ32" s="261">
        <v>16</v>
      </c>
      <c r="BA32" s="261">
        <v>0</v>
      </c>
      <c r="BB32" s="261">
        <v>0</v>
      </c>
      <c r="BC32" s="261">
        <v>0</v>
      </c>
      <c r="BD32" s="262">
        <v>33</v>
      </c>
      <c r="BE32" s="263">
        <v>33</v>
      </c>
      <c r="BF32" s="257">
        <v>0</v>
      </c>
      <c r="BG32" s="261">
        <v>0</v>
      </c>
      <c r="BH32" s="258">
        <v>0</v>
      </c>
      <c r="BI32" s="260">
        <v>0</v>
      </c>
      <c r="BJ32" s="261">
        <v>7</v>
      </c>
      <c r="BK32" s="261">
        <v>0</v>
      </c>
      <c r="BL32" s="261">
        <v>0</v>
      </c>
      <c r="BM32" s="261">
        <v>7</v>
      </c>
      <c r="BN32" s="261">
        <v>0</v>
      </c>
      <c r="BO32" s="258">
        <v>14</v>
      </c>
      <c r="BP32" s="263">
        <v>14</v>
      </c>
      <c r="BQ32" s="257">
        <v>0</v>
      </c>
      <c r="BR32" s="261">
        <v>0</v>
      </c>
      <c r="BS32" s="258">
        <v>0</v>
      </c>
      <c r="BT32" s="260">
        <v>0</v>
      </c>
      <c r="BU32" s="261">
        <v>0</v>
      </c>
      <c r="BV32" s="261">
        <v>15</v>
      </c>
      <c r="BW32" s="261">
        <v>0</v>
      </c>
      <c r="BX32" s="261">
        <v>13</v>
      </c>
      <c r="BY32" s="261">
        <v>0</v>
      </c>
      <c r="BZ32" s="258">
        <v>28</v>
      </c>
      <c r="CA32" s="263">
        <v>28</v>
      </c>
      <c r="CB32" s="257">
        <v>0</v>
      </c>
      <c r="CC32" s="261">
        <v>0</v>
      </c>
      <c r="CD32" s="258">
        <v>0</v>
      </c>
      <c r="CE32" s="260">
        <v>0</v>
      </c>
      <c r="CF32" s="261">
        <v>2</v>
      </c>
      <c r="CG32" s="261">
        <v>0</v>
      </c>
      <c r="CH32" s="261">
        <v>0</v>
      </c>
      <c r="CI32" s="261">
        <v>0</v>
      </c>
      <c r="CJ32" s="261">
        <v>0</v>
      </c>
      <c r="CK32" s="258">
        <v>2</v>
      </c>
      <c r="CL32" s="263">
        <v>2</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58">
        <v>0</v>
      </c>
      <c r="E33" s="259">
        <v>0</v>
      </c>
      <c r="F33" s="260">
        <v>0</v>
      </c>
      <c r="G33" s="261">
        <v>17</v>
      </c>
      <c r="H33" s="261">
        <v>0</v>
      </c>
      <c r="I33" s="261">
        <v>0</v>
      </c>
      <c r="J33" s="261">
        <v>1</v>
      </c>
      <c r="K33" s="261">
        <v>0</v>
      </c>
      <c r="L33" s="262">
        <v>18</v>
      </c>
      <c r="M33" s="263">
        <v>18</v>
      </c>
      <c r="N33" s="257">
        <v>0</v>
      </c>
      <c r="O33" s="261">
        <v>0</v>
      </c>
      <c r="P33" s="258">
        <v>0</v>
      </c>
      <c r="Q33" s="260">
        <v>0</v>
      </c>
      <c r="R33" s="261">
        <v>0</v>
      </c>
      <c r="S33" s="261">
        <v>0</v>
      </c>
      <c r="T33" s="261">
        <v>0</v>
      </c>
      <c r="U33" s="261">
        <v>0</v>
      </c>
      <c r="V33" s="261">
        <v>9</v>
      </c>
      <c r="W33" s="258">
        <v>9</v>
      </c>
      <c r="X33" s="263">
        <v>9</v>
      </c>
      <c r="Y33" s="257">
        <v>0</v>
      </c>
      <c r="Z33" s="261">
        <v>0</v>
      </c>
      <c r="AA33" s="258">
        <v>0</v>
      </c>
      <c r="AB33" s="260">
        <v>0</v>
      </c>
      <c r="AC33" s="261">
        <v>31</v>
      </c>
      <c r="AD33" s="261">
        <v>5</v>
      </c>
      <c r="AE33" s="261">
        <v>20</v>
      </c>
      <c r="AF33" s="261">
        <v>6</v>
      </c>
      <c r="AG33" s="261">
        <v>26</v>
      </c>
      <c r="AH33" s="258">
        <v>88</v>
      </c>
      <c r="AI33" s="263">
        <v>88</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12</v>
      </c>
      <c r="AZ33" s="261">
        <v>33</v>
      </c>
      <c r="BA33" s="261">
        <v>16</v>
      </c>
      <c r="BB33" s="261">
        <v>0</v>
      </c>
      <c r="BC33" s="261">
        <v>0</v>
      </c>
      <c r="BD33" s="262">
        <v>61</v>
      </c>
      <c r="BE33" s="263">
        <v>61</v>
      </c>
      <c r="BF33" s="257">
        <v>0</v>
      </c>
      <c r="BG33" s="261">
        <v>0</v>
      </c>
      <c r="BH33" s="258">
        <v>0</v>
      </c>
      <c r="BI33" s="260">
        <v>0</v>
      </c>
      <c r="BJ33" s="261">
        <v>3</v>
      </c>
      <c r="BK33" s="261">
        <v>12</v>
      </c>
      <c r="BL33" s="261">
        <v>0</v>
      </c>
      <c r="BM33" s="261">
        <v>0</v>
      </c>
      <c r="BN33" s="261">
        <v>0</v>
      </c>
      <c r="BO33" s="258">
        <v>15</v>
      </c>
      <c r="BP33" s="263">
        <v>15</v>
      </c>
      <c r="BQ33" s="257">
        <v>0</v>
      </c>
      <c r="BR33" s="261">
        <v>0</v>
      </c>
      <c r="BS33" s="258">
        <v>0</v>
      </c>
      <c r="BT33" s="260">
        <v>0</v>
      </c>
      <c r="BU33" s="261">
        <v>4</v>
      </c>
      <c r="BV33" s="261">
        <v>0</v>
      </c>
      <c r="BW33" s="261">
        <v>0</v>
      </c>
      <c r="BX33" s="261">
        <v>0</v>
      </c>
      <c r="BY33" s="261">
        <v>0</v>
      </c>
      <c r="BZ33" s="258">
        <v>4</v>
      </c>
      <c r="CA33" s="263">
        <v>4</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58">
        <v>0</v>
      </c>
      <c r="E34" s="259">
        <v>0</v>
      </c>
      <c r="F34" s="260">
        <v>0</v>
      </c>
      <c r="G34" s="261">
        <v>0</v>
      </c>
      <c r="H34" s="261">
        <v>17</v>
      </c>
      <c r="I34" s="261">
        <v>0</v>
      </c>
      <c r="J34" s="261">
        <v>0</v>
      </c>
      <c r="K34" s="261">
        <v>124</v>
      </c>
      <c r="L34" s="262">
        <v>141</v>
      </c>
      <c r="M34" s="263">
        <v>141</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13</v>
      </c>
      <c r="AD34" s="261">
        <v>15</v>
      </c>
      <c r="AE34" s="261">
        <v>0</v>
      </c>
      <c r="AF34" s="261">
        <v>0</v>
      </c>
      <c r="AG34" s="261">
        <v>17</v>
      </c>
      <c r="AH34" s="258">
        <v>45</v>
      </c>
      <c r="AI34" s="263">
        <v>45</v>
      </c>
      <c r="AJ34" s="257">
        <v>0</v>
      </c>
      <c r="AK34" s="261">
        <v>0</v>
      </c>
      <c r="AL34" s="258">
        <v>0</v>
      </c>
      <c r="AM34" s="260">
        <v>0</v>
      </c>
      <c r="AN34" s="261">
        <v>0</v>
      </c>
      <c r="AO34" s="261">
        <v>9</v>
      </c>
      <c r="AP34" s="261">
        <v>0</v>
      </c>
      <c r="AQ34" s="261">
        <v>9</v>
      </c>
      <c r="AR34" s="261">
        <v>0</v>
      </c>
      <c r="AS34" s="258">
        <v>18</v>
      </c>
      <c r="AT34" s="263">
        <v>18</v>
      </c>
      <c r="AU34" s="257">
        <v>0</v>
      </c>
      <c r="AV34" s="261">
        <v>0</v>
      </c>
      <c r="AW34" s="258">
        <v>0</v>
      </c>
      <c r="AX34" s="260">
        <v>0</v>
      </c>
      <c r="AY34" s="261">
        <v>28</v>
      </c>
      <c r="AZ34" s="261">
        <v>10</v>
      </c>
      <c r="BA34" s="261">
        <v>1</v>
      </c>
      <c r="BB34" s="261">
        <v>14</v>
      </c>
      <c r="BC34" s="261">
        <v>5</v>
      </c>
      <c r="BD34" s="262">
        <v>58</v>
      </c>
      <c r="BE34" s="263">
        <v>58</v>
      </c>
      <c r="BF34" s="257">
        <v>0</v>
      </c>
      <c r="BG34" s="261">
        <v>0</v>
      </c>
      <c r="BH34" s="258">
        <v>0</v>
      </c>
      <c r="BI34" s="260">
        <v>0</v>
      </c>
      <c r="BJ34" s="261">
        <v>0</v>
      </c>
      <c r="BK34" s="261">
        <v>0</v>
      </c>
      <c r="BL34" s="261">
        <v>9</v>
      </c>
      <c r="BM34" s="261">
        <v>13</v>
      </c>
      <c r="BN34" s="261">
        <v>5</v>
      </c>
      <c r="BO34" s="258">
        <v>27</v>
      </c>
      <c r="BP34" s="263">
        <v>27</v>
      </c>
      <c r="BQ34" s="257">
        <v>0</v>
      </c>
      <c r="BR34" s="261">
        <v>2</v>
      </c>
      <c r="BS34" s="258">
        <v>2</v>
      </c>
      <c r="BT34" s="260">
        <v>0</v>
      </c>
      <c r="BU34" s="261">
        <v>0</v>
      </c>
      <c r="BV34" s="261">
        <v>3</v>
      </c>
      <c r="BW34" s="261">
        <v>0</v>
      </c>
      <c r="BX34" s="261">
        <v>7</v>
      </c>
      <c r="BY34" s="261">
        <v>3</v>
      </c>
      <c r="BZ34" s="258">
        <v>13</v>
      </c>
      <c r="CA34" s="263">
        <v>15</v>
      </c>
      <c r="CB34" s="257">
        <v>0</v>
      </c>
      <c r="CC34" s="261">
        <v>0</v>
      </c>
      <c r="CD34" s="258">
        <v>0</v>
      </c>
      <c r="CE34" s="260">
        <v>0</v>
      </c>
      <c r="CF34" s="261">
        <v>0</v>
      </c>
      <c r="CG34" s="261">
        <v>0</v>
      </c>
      <c r="CH34" s="261">
        <v>0</v>
      </c>
      <c r="CI34" s="261">
        <v>0</v>
      </c>
      <c r="CJ34" s="261">
        <v>3</v>
      </c>
      <c r="CK34" s="258">
        <v>3</v>
      </c>
      <c r="CL34" s="263">
        <v>3</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58">
        <v>0</v>
      </c>
      <c r="E35" s="259">
        <v>0</v>
      </c>
      <c r="F35" s="260">
        <v>0</v>
      </c>
      <c r="G35" s="261">
        <v>34</v>
      </c>
      <c r="H35" s="261">
        <v>0</v>
      </c>
      <c r="I35" s="261">
        <v>0</v>
      </c>
      <c r="J35" s="261">
        <v>0</v>
      </c>
      <c r="K35" s="261">
        <v>97</v>
      </c>
      <c r="L35" s="262">
        <v>131</v>
      </c>
      <c r="M35" s="263">
        <v>131</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0</v>
      </c>
      <c r="AD35" s="261">
        <v>4</v>
      </c>
      <c r="AE35" s="261">
        <v>0</v>
      </c>
      <c r="AF35" s="261">
        <v>0</v>
      </c>
      <c r="AG35" s="261">
        <v>2</v>
      </c>
      <c r="AH35" s="258">
        <v>6</v>
      </c>
      <c r="AI35" s="263">
        <v>6</v>
      </c>
      <c r="AJ35" s="257">
        <v>0</v>
      </c>
      <c r="AK35" s="261">
        <v>0</v>
      </c>
      <c r="AL35" s="258">
        <v>0</v>
      </c>
      <c r="AM35" s="260">
        <v>0</v>
      </c>
      <c r="AN35" s="261">
        <v>45</v>
      </c>
      <c r="AO35" s="261">
        <v>21</v>
      </c>
      <c r="AP35" s="261">
        <v>6</v>
      </c>
      <c r="AQ35" s="261">
        <v>0</v>
      </c>
      <c r="AR35" s="261">
        <v>21</v>
      </c>
      <c r="AS35" s="258">
        <v>93</v>
      </c>
      <c r="AT35" s="263">
        <v>93</v>
      </c>
      <c r="AU35" s="257">
        <v>0</v>
      </c>
      <c r="AV35" s="261">
        <v>0</v>
      </c>
      <c r="AW35" s="258">
        <v>0</v>
      </c>
      <c r="AX35" s="260">
        <v>0</v>
      </c>
      <c r="AY35" s="261">
        <v>14</v>
      </c>
      <c r="AZ35" s="261">
        <v>0</v>
      </c>
      <c r="BA35" s="261">
        <v>0</v>
      </c>
      <c r="BB35" s="261">
        <v>0</v>
      </c>
      <c r="BC35" s="261">
        <v>11</v>
      </c>
      <c r="BD35" s="262">
        <v>25</v>
      </c>
      <c r="BE35" s="263">
        <v>25</v>
      </c>
      <c r="BF35" s="257">
        <v>0</v>
      </c>
      <c r="BG35" s="261">
        <v>0</v>
      </c>
      <c r="BH35" s="258">
        <v>0</v>
      </c>
      <c r="BI35" s="260">
        <v>0</v>
      </c>
      <c r="BJ35" s="261">
        <v>10</v>
      </c>
      <c r="BK35" s="261">
        <v>0</v>
      </c>
      <c r="BL35" s="261">
        <v>0</v>
      </c>
      <c r="BM35" s="261">
        <v>0</v>
      </c>
      <c r="BN35" s="261">
        <v>0</v>
      </c>
      <c r="BO35" s="258">
        <v>10</v>
      </c>
      <c r="BP35" s="263">
        <v>10</v>
      </c>
      <c r="BQ35" s="257">
        <v>0</v>
      </c>
      <c r="BR35" s="261">
        <v>0</v>
      </c>
      <c r="BS35" s="258">
        <v>0</v>
      </c>
      <c r="BT35" s="260">
        <v>0</v>
      </c>
      <c r="BU35" s="261">
        <v>0</v>
      </c>
      <c r="BV35" s="261">
        <v>0</v>
      </c>
      <c r="BW35" s="261">
        <v>3</v>
      </c>
      <c r="BX35" s="261">
        <v>-28</v>
      </c>
      <c r="BY35" s="261">
        <v>0</v>
      </c>
      <c r="BZ35" s="258">
        <v>-25</v>
      </c>
      <c r="CA35" s="263">
        <v>-25</v>
      </c>
      <c r="CB35" s="257">
        <v>0</v>
      </c>
      <c r="CC35" s="261">
        <v>0</v>
      </c>
      <c r="CD35" s="258">
        <v>0</v>
      </c>
      <c r="CE35" s="260">
        <v>0</v>
      </c>
      <c r="CF35" s="261">
        <v>6</v>
      </c>
      <c r="CG35" s="261">
        <v>0</v>
      </c>
      <c r="CH35" s="261">
        <v>0</v>
      </c>
      <c r="CI35" s="261">
        <v>0</v>
      </c>
      <c r="CJ35" s="261">
        <v>0</v>
      </c>
      <c r="CK35" s="258">
        <v>6</v>
      </c>
      <c r="CL35" s="263">
        <v>6</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58">
        <v>0</v>
      </c>
      <c r="E36" s="259">
        <v>0</v>
      </c>
      <c r="F36" s="260">
        <v>0</v>
      </c>
      <c r="G36" s="261">
        <v>13</v>
      </c>
      <c r="H36" s="261">
        <v>0</v>
      </c>
      <c r="I36" s="261">
        <v>0</v>
      </c>
      <c r="J36" s="261">
        <v>0</v>
      </c>
      <c r="K36" s="261">
        <v>0</v>
      </c>
      <c r="L36" s="262">
        <v>13</v>
      </c>
      <c r="M36" s="263">
        <v>13</v>
      </c>
      <c r="N36" s="257">
        <v>0</v>
      </c>
      <c r="O36" s="261">
        <v>0</v>
      </c>
      <c r="P36" s="258">
        <v>0</v>
      </c>
      <c r="Q36" s="260">
        <v>0</v>
      </c>
      <c r="R36" s="261">
        <v>0</v>
      </c>
      <c r="S36" s="261">
        <v>0</v>
      </c>
      <c r="T36" s="261">
        <v>0</v>
      </c>
      <c r="U36" s="261">
        <v>0</v>
      </c>
      <c r="V36" s="261">
        <v>0</v>
      </c>
      <c r="W36" s="258">
        <v>0</v>
      </c>
      <c r="X36" s="263">
        <v>0</v>
      </c>
      <c r="Y36" s="257">
        <v>0</v>
      </c>
      <c r="Z36" s="261">
        <v>19</v>
      </c>
      <c r="AA36" s="258">
        <v>19</v>
      </c>
      <c r="AB36" s="260">
        <v>0</v>
      </c>
      <c r="AC36" s="261">
        <v>0</v>
      </c>
      <c r="AD36" s="261">
        <v>0</v>
      </c>
      <c r="AE36" s="261">
        <v>0</v>
      </c>
      <c r="AF36" s="261">
        <v>0</v>
      </c>
      <c r="AG36" s="261">
        <v>0</v>
      </c>
      <c r="AH36" s="258">
        <v>0</v>
      </c>
      <c r="AI36" s="263">
        <v>19</v>
      </c>
      <c r="AJ36" s="257">
        <v>0</v>
      </c>
      <c r="AK36" s="261">
        <v>0</v>
      </c>
      <c r="AL36" s="258">
        <v>0</v>
      </c>
      <c r="AM36" s="260">
        <v>0</v>
      </c>
      <c r="AN36" s="261">
        <v>0</v>
      </c>
      <c r="AO36" s="261">
        <v>18</v>
      </c>
      <c r="AP36" s="261">
        <v>0</v>
      </c>
      <c r="AQ36" s="261">
        <v>0</v>
      </c>
      <c r="AR36" s="261">
        <v>0</v>
      </c>
      <c r="AS36" s="258">
        <v>18</v>
      </c>
      <c r="AT36" s="263">
        <v>18</v>
      </c>
      <c r="AU36" s="257">
        <v>0</v>
      </c>
      <c r="AV36" s="261">
        <v>0</v>
      </c>
      <c r="AW36" s="258">
        <v>0</v>
      </c>
      <c r="AX36" s="260">
        <v>0</v>
      </c>
      <c r="AY36" s="261">
        <v>0</v>
      </c>
      <c r="AZ36" s="261">
        <v>35</v>
      </c>
      <c r="BA36" s="261">
        <v>21</v>
      </c>
      <c r="BB36" s="261">
        <v>0</v>
      </c>
      <c r="BC36" s="261">
        <v>0</v>
      </c>
      <c r="BD36" s="262">
        <v>56</v>
      </c>
      <c r="BE36" s="263">
        <v>56</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58">
        <v>0</v>
      </c>
      <c r="E37" s="259">
        <v>0</v>
      </c>
      <c r="F37" s="260">
        <v>0</v>
      </c>
      <c r="G37" s="261">
        <v>65</v>
      </c>
      <c r="H37" s="261">
        <v>28</v>
      </c>
      <c r="I37" s="261">
        <v>10</v>
      </c>
      <c r="J37" s="261">
        <v>1</v>
      </c>
      <c r="K37" s="261">
        <v>68</v>
      </c>
      <c r="L37" s="262">
        <v>172</v>
      </c>
      <c r="M37" s="263">
        <v>172</v>
      </c>
      <c r="N37" s="257">
        <v>0</v>
      </c>
      <c r="O37" s="261">
        <v>0</v>
      </c>
      <c r="P37" s="258">
        <v>0</v>
      </c>
      <c r="Q37" s="260">
        <v>0</v>
      </c>
      <c r="R37" s="261">
        <v>0</v>
      </c>
      <c r="S37" s="261">
        <v>0</v>
      </c>
      <c r="T37" s="261">
        <v>2</v>
      </c>
      <c r="U37" s="261">
        <v>1</v>
      </c>
      <c r="V37" s="261">
        <v>4</v>
      </c>
      <c r="W37" s="258">
        <v>7</v>
      </c>
      <c r="X37" s="263">
        <v>7</v>
      </c>
      <c r="Y37" s="257">
        <v>5</v>
      </c>
      <c r="Z37" s="261">
        <v>4</v>
      </c>
      <c r="AA37" s="258">
        <v>9</v>
      </c>
      <c r="AB37" s="260">
        <v>0</v>
      </c>
      <c r="AC37" s="261">
        <v>16</v>
      </c>
      <c r="AD37" s="261">
        <v>10</v>
      </c>
      <c r="AE37" s="261">
        <v>25</v>
      </c>
      <c r="AF37" s="261">
        <v>37</v>
      </c>
      <c r="AG37" s="261">
        <v>16</v>
      </c>
      <c r="AH37" s="258">
        <v>104</v>
      </c>
      <c r="AI37" s="263">
        <v>113</v>
      </c>
      <c r="AJ37" s="257">
        <v>9</v>
      </c>
      <c r="AK37" s="261">
        <v>0</v>
      </c>
      <c r="AL37" s="258">
        <v>9</v>
      </c>
      <c r="AM37" s="260">
        <v>0</v>
      </c>
      <c r="AN37" s="261">
        <v>13</v>
      </c>
      <c r="AO37" s="261">
        <v>0</v>
      </c>
      <c r="AP37" s="261">
        <v>0</v>
      </c>
      <c r="AQ37" s="261">
        <v>27</v>
      </c>
      <c r="AR37" s="261">
        <v>0</v>
      </c>
      <c r="AS37" s="258">
        <v>40</v>
      </c>
      <c r="AT37" s="263">
        <v>49</v>
      </c>
      <c r="AU37" s="257">
        <v>0</v>
      </c>
      <c r="AV37" s="261">
        <v>0</v>
      </c>
      <c r="AW37" s="258">
        <v>0</v>
      </c>
      <c r="AX37" s="260">
        <v>0</v>
      </c>
      <c r="AY37" s="261">
        <v>18</v>
      </c>
      <c r="AZ37" s="261">
        <v>19</v>
      </c>
      <c r="BA37" s="261">
        <v>3</v>
      </c>
      <c r="BB37" s="261">
        <v>10</v>
      </c>
      <c r="BC37" s="261">
        <v>8</v>
      </c>
      <c r="BD37" s="262">
        <v>58</v>
      </c>
      <c r="BE37" s="263">
        <v>58</v>
      </c>
      <c r="BF37" s="257">
        <v>0</v>
      </c>
      <c r="BG37" s="261">
        <v>0</v>
      </c>
      <c r="BH37" s="258">
        <v>0</v>
      </c>
      <c r="BI37" s="260">
        <v>0</v>
      </c>
      <c r="BJ37" s="261">
        <v>10</v>
      </c>
      <c r="BK37" s="261">
        <v>9</v>
      </c>
      <c r="BL37" s="261">
        <v>0</v>
      </c>
      <c r="BM37" s="261">
        <v>10</v>
      </c>
      <c r="BN37" s="261">
        <v>0</v>
      </c>
      <c r="BO37" s="258">
        <v>29</v>
      </c>
      <c r="BP37" s="263">
        <v>29</v>
      </c>
      <c r="BQ37" s="257">
        <v>0</v>
      </c>
      <c r="BR37" s="261">
        <v>0</v>
      </c>
      <c r="BS37" s="258">
        <v>0</v>
      </c>
      <c r="BT37" s="260">
        <v>0</v>
      </c>
      <c r="BU37" s="261">
        <v>0</v>
      </c>
      <c r="BV37" s="261">
        <v>0</v>
      </c>
      <c r="BW37" s="261">
        <v>0</v>
      </c>
      <c r="BX37" s="261">
        <v>5</v>
      </c>
      <c r="BY37" s="261">
        <v>11</v>
      </c>
      <c r="BZ37" s="258">
        <v>16</v>
      </c>
      <c r="CA37" s="263">
        <v>16</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58">
        <v>0</v>
      </c>
      <c r="E38" s="259">
        <v>0</v>
      </c>
      <c r="F38" s="260">
        <v>0</v>
      </c>
      <c r="G38" s="261">
        <v>12</v>
      </c>
      <c r="H38" s="261">
        <v>5</v>
      </c>
      <c r="I38" s="261">
        <v>0</v>
      </c>
      <c r="J38" s="261">
        <v>93</v>
      </c>
      <c r="K38" s="261">
        <v>124</v>
      </c>
      <c r="L38" s="262">
        <v>234</v>
      </c>
      <c r="M38" s="263">
        <v>234</v>
      </c>
      <c r="N38" s="257">
        <v>0</v>
      </c>
      <c r="O38" s="261">
        <v>0</v>
      </c>
      <c r="P38" s="258">
        <v>0</v>
      </c>
      <c r="Q38" s="260">
        <v>0</v>
      </c>
      <c r="R38" s="261">
        <v>0</v>
      </c>
      <c r="S38" s="261">
        <v>0</v>
      </c>
      <c r="T38" s="261">
        <v>0</v>
      </c>
      <c r="U38" s="261">
        <v>0</v>
      </c>
      <c r="V38" s="261">
        <v>0</v>
      </c>
      <c r="W38" s="258">
        <v>0</v>
      </c>
      <c r="X38" s="263">
        <v>0</v>
      </c>
      <c r="Y38" s="257">
        <v>0</v>
      </c>
      <c r="Z38" s="261">
        <v>17</v>
      </c>
      <c r="AA38" s="258">
        <v>17</v>
      </c>
      <c r="AB38" s="260">
        <v>0</v>
      </c>
      <c r="AC38" s="261">
        <v>15</v>
      </c>
      <c r="AD38" s="261">
        <v>4</v>
      </c>
      <c r="AE38" s="261">
        <v>0</v>
      </c>
      <c r="AF38" s="261">
        <v>1</v>
      </c>
      <c r="AG38" s="261">
        <v>10</v>
      </c>
      <c r="AH38" s="258">
        <v>30</v>
      </c>
      <c r="AI38" s="263">
        <v>47</v>
      </c>
      <c r="AJ38" s="257">
        <v>0</v>
      </c>
      <c r="AK38" s="261">
        <v>0</v>
      </c>
      <c r="AL38" s="258">
        <v>0</v>
      </c>
      <c r="AM38" s="260">
        <v>0</v>
      </c>
      <c r="AN38" s="261">
        <v>14</v>
      </c>
      <c r="AO38" s="261">
        <v>0</v>
      </c>
      <c r="AP38" s="261">
        <v>0</v>
      </c>
      <c r="AQ38" s="261">
        <v>0</v>
      </c>
      <c r="AR38" s="261">
        <v>0</v>
      </c>
      <c r="AS38" s="258">
        <v>14</v>
      </c>
      <c r="AT38" s="263">
        <v>14</v>
      </c>
      <c r="AU38" s="257">
        <v>0</v>
      </c>
      <c r="AV38" s="261">
        <v>0</v>
      </c>
      <c r="AW38" s="258">
        <v>0</v>
      </c>
      <c r="AX38" s="260">
        <v>0</v>
      </c>
      <c r="AY38" s="261">
        <v>4</v>
      </c>
      <c r="AZ38" s="261">
        <v>41</v>
      </c>
      <c r="BA38" s="261">
        <v>0</v>
      </c>
      <c r="BB38" s="261">
        <v>15</v>
      </c>
      <c r="BC38" s="261">
        <v>5</v>
      </c>
      <c r="BD38" s="262">
        <v>65</v>
      </c>
      <c r="BE38" s="263">
        <v>65</v>
      </c>
      <c r="BF38" s="257">
        <v>0</v>
      </c>
      <c r="BG38" s="261">
        <v>0</v>
      </c>
      <c r="BH38" s="258">
        <v>0</v>
      </c>
      <c r="BI38" s="260">
        <v>0</v>
      </c>
      <c r="BJ38" s="261">
        <v>4</v>
      </c>
      <c r="BK38" s="261">
        <v>0</v>
      </c>
      <c r="BL38" s="261">
        <v>0</v>
      </c>
      <c r="BM38" s="261">
        <v>0</v>
      </c>
      <c r="BN38" s="261">
        <v>0</v>
      </c>
      <c r="BO38" s="258">
        <v>4</v>
      </c>
      <c r="BP38" s="263">
        <v>4</v>
      </c>
      <c r="BQ38" s="257">
        <v>0</v>
      </c>
      <c r="BR38" s="261">
        <v>0</v>
      </c>
      <c r="BS38" s="258">
        <v>0</v>
      </c>
      <c r="BT38" s="260">
        <v>0</v>
      </c>
      <c r="BU38" s="261">
        <v>0</v>
      </c>
      <c r="BV38" s="261">
        <v>23</v>
      </c>
      <c r="BW38" s="261">
        <v>0</v>
      </c>
      <c r="BX38" s="261">
        <v>8</v>
      </c>
      <c r="BY38" s="261">
        <v>0</v>
      </c>
      <c r="BZ38" s="258">
        <v>31</v>
      </c>
      <c r="CA38" s="263">
        <v>31</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5">
        <v>0</v>
      </c>
      <c r="E39" s="266">
        <v>0</v>
      </c>
      <c r="F39" s="267">
        <v>0</v>
      </c>
      <c r="G39" s="268">
        <v>0</v>
      </c>
      <c r="H39" s="268">
        <v>0</v>
      </c>
      <c r="I39" s="268">
        <v>0</v>
      </c>
      <c r="J39" s="268">
        <v>0</v>
      </c>
      <c r="K39" s="268">
        <v>26</v>
      </c>
      <c r="L39" s="269">
        <v>26</v>
      </c>
      <c r="M39" s="270">
        <v>26</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4</v>
      </c>
      <c r="AH39" s="265">
        <v>4</v>
      </c>
      <c r="AI39" s="270">
        <v>4</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9">
        <v>0</v>
      </c>
      <c r="BE39" s="270">
        <v>0</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15" t="s">
        <v>128</v>
      </c>
      <c r="F1" s="17"/>
      <c r="H1" s="501">
        <f>第１表!F2</f>
        <v>5</v>
      </c>
      <c r="I1" s="501"/>
      <c r="J1" s="477">
        <f>第１表!G2</f>
        <v>10</v>
      </c>
      <c r="K1" s="531">
        <f>IF(J1&lt;3,J1-2+12,J1-2)</f>
        <v>8</v>
      </c>
      <c r="L1" s="531"/>
    </row>
    <row r="2" spans="2:35" ht="24" customHeight="1" thickBot="1" x14ac:dyDescent="0.25">
      <c r="J2" s="5"/>
      <c r="K2" s="5"/>
      <c r="L2" s="5"/>
      <c r="M2" s="5"/>
      <c r="N2" s="5"/>
      <c r="O2" s="5"/>
      <c r="P2" s="25"/>
      <c r="Q2" s="25"/>
      <c r="R2" s="25"/>
    </row>
    <row r="3" spans="2:35" ht="21" customHeight="1" thickBot="1" x14ac:dyDescent="0.25">
      <c r="B3" s="21"/>
      <c r="C3" s="532" t="s">
        <v>53</v>
      </c>
      <c r="D3" s="533"/>
      <c r="E3" s="533"/>
      <c r="F3" s="533"/>
      <c r="G3" s="533"/>
      <c r="H3" s="533"/>
      <c r="I3" s="533"/>
      <c r="J3" s="533"/>
      <c r="K3" s="533"/>
      <c r="L3" s="533"/>
      <c r="M3" s="534"/>
      <c r="N3" s="532" t="s">
        <v>54</v>
      </c>
      <c r="O3" s="533"/>
      <c r="P3" s="533"/>
      <c r="Q3" s="533"/>
      <c r="R3" s="533"/>
      <c r="S3" s="533"/>
      <c r="T3" s="533"/>
      <c r="U3" s="533"/>
      <c r="V3" s="533"/>
      <c r="W3" s="533"/>
      <c r="X3" s="534"/>
      <c r="Y3" s="532" t="s">
        <v>55</v>
      </c>
      <c r="Z3" s="533"/>
      <c r="AA3" s="533"/>
      <c r="AB3" s="533"/>
      <c r="AC3" s="533"/>
      <c r="AD3" s="533"/>
      <c r="AE3" s="533"/>
      <c r="AF3" s="533"/>
      <c r="AG3" s="533"/>
      <c r="AH3" s="533"/>
      <c r="AI3" s="534"/>
    </row>
    <row r="4" spans="2:35" ht="30" customHeight="1" thickBot="1" x14ac:dyDescent="0.25">
      <c r="B4" s="21" t="s">
        <v>42</v>
      </c>
      <c r="C4" s="22" t="s">
        <v>43</v>
      </c>
      <c r="D4" s="6" t="s">
        <v>44</v>
      </c>
      <c r="E4" s="23" t="s">
        <v>45</v>
      </c>
      <c r="F4" s="24" t="s">
        <v>46</v>
      </c>
      <c r="G4" s="6" t="s">
        <v>47</v>
      </c>
      <c r="H4" s="6" t="s">
        <v>48</v>
      </c>
      <c r="I4" s="6" t="s">
        <v>49</v>
      </c>
      <c r="J4" s="6" t="s">
        <v>50</v>
      </c>
      <c r="K4" s="6" t="s">
        <v>51</v>
      </c>
      <c r="L4" s="23" t="s">
        <v>45</v>
      </c>
      <c r="M4" s="11" t="s">
        <v>52</v>
      </c>
      <c r="N4" s="22" t="s">
        <v>43</v>
      </c>
      <c r="O4" s="6" t="s">
        <v>44</v>
      </c>
      <c r="P4" s="23" t="s">
        <v>45</v>
      </c>
      <c r="Q4" s="24" t="s">
        <v>46</v>
      </c>
      <c r="R4" s="6" t="s">
        <v>47</v>
      </c>
      <c r="S4" s="6" t="s">
        <v>48</v>
      </c>
      <c r="T4" s="6" t="s">
        <v>49</v>
      </c>
      <c r="U4" s="6" t="s">
        <v>50</v>
      </c>
      <c r="V4" s="6" t="s">
        <v>51</v>
      </c>
      <c r="W4" s="23" t="s">
        <v>45</v>
      </c>
      <c r="X4" s="11" t="s">
        <v>52</v>
      </c>
      <c r="Y4" s="22" t="s">
        <v>43</v>
      </c>
      <c r="Z4" s="6" t="s">
        <v>44</v>
      </c>
      <c r="AA4" s="23" t="s">
        <v>45</v>
      </c>
      <c r="AB4" s="24" t="s">
        <v>46</v>
      </c>
      <c r="AC4" s="6" t="s">
        <v>47</v>
      </c>
      <c r="AD4" s="6" t="s">
        <v>48</v>
      </c>
      <c r="AE4" s="6" t="s">
        <v>49</v>
      </c>
      <c r="AF4" s="6" t="s">
        <v>50</v>
      </c>
      <c r="AG4" s="6" t="s">
        <v>51</v>
      </c>
      <c r="AH4" s="23" t="s">
        <v>45</v>
      </c>
      <c r="AI4" s="11" t="s">
        <v>52</v>
      </c>
    </row>
    <row r="5" spans="2:35" ht="21" customHeight="1" x14ac:dyDescent="0.2">
      <c r="B5" s="470" t="s">
        <v>4</v>
      </c>
      <c r="C5" s="81">
        <v>180</v>
      </c>
      <c r="D5" s="82">
        <v>313</v>
      </c>
      <c r="E5" s="83">
        <v>493</v>
      </c>
      <c r="F5" s="84">
        <v>0</v>
      </c>
      <c r="G5" s="82">
        <v>18638</v>
      </c>
      <c r="H5" s="82">
        <v>19060</v>
      </c>
      <c r="I5" s="82">
        <v>12910</v>
      </c>
      <c r="J5" s="82">
        <v>8172</v>
      </c>
      <c r="K5" s="82">
        <v>5176</v>
      </c>
      <c r="L5" s="83">
        <v>63956</v>
      </c>
      <c r="M5" s="85">
        <v>64449</v>
      </c>
      <c r="N5" s="86">
        <v>0</v>
      </c>
      <c r="O5" s="82">
        <v>3</v>
      </c>
      <c r="P5" s="83">
        <v>3</v>
      </c>
      <c r="Q5" s="84">
        <v>0</v>
      </c>
      <c r="R5" s="82">
        <v>211</v>
      </c>
      <c r="S5" s="82">
        <v>351</v>
      </c>
      <c r="T5" s="82">
        <v>226</v>
      </c>
      <c r="U5" s="82">
        <v>167</v>
      </c>
      <c r="V5" s="82">
        <v>166</v>
      </c>
      <c r="W5" s="83">
        <v>1121</v>
      </c>
      <c r="X5" s="85">
        <v>1124</v>
      </c>
      <c r="Y5" s="86">
        <v>180</v>
      </c>
      <c r="Z5" s="82">
        <v>316</v>
      </c>
      <c r="AA5" s="83">
        <v>496</v>
      </c>
      <c r="AB5" s="84">
        <v>0</v>
      </c>
      <c r="AC5" s="82">
        <v>18849</v>
      </c>
      <c r="AD5" s="82">
        <v>19411</v>
      </c>
      <c r="AE5" s="82">
        <v>13136</v>
      </c>
      <c r="AF5" s="82">
        <v>8339</v>
      </c>
      <c r="AG5" s="82">
        <v>5342</v>
      </c>
      <c r="AH5" s="83">
        <v>65077</v>
      </c>
      <c r="AI5" s="85">
        <v>65573</v>
      </c>
    </row>
    <row r="6" spans="2:35" ht="21" customHeight="1" x14ac:dyDescent="0.2">
      <c r="B6" s="471" t="s">
        <v>5</v>
      </c>
      <c r="C6" s="87">
        <v>81</v>
      </c>
      <c r="D6" s="88">
        <v>119</v>
      </c>
      <c r="E6" s="89">
        <v>200</v>
      </c>
      <c r="F6" s="90">
        <v>0</v>
      </c>
      <c r="G6" s="88">
        <v>6994</v>
      </c>
      <c r="H6" s="88">
        <v>9041</v>
      </c>
      <c r="I6" s="88">
        <v>5730</v>
      </c>
      <c r="J6" s="88">
        <v>3630</v>
      </c>
      <c r="K6" s="88">
        <v>2401</v>
      </c>
      <c r="L6" s="89">
        <v>27796</v>
      </c>
      <c r="M6" s="91">
        <v>27996</v>
      </c>
      <c r="N6" s="92">
        <v>0</v>
      </c>
      <c r="O6" s="88">
        <v>0</v>
      </c>
      <c r="P6" s="89">
        <v>0</v>
      </c>
      <c r="Q6" s="90">
        <v>0</v>
      </c>
      <c r="R6" s="88">
        <v>70</v>
      </c>
      <c r="S6" s="88">
        <v>167</v>
      </c>
      <c r="T6" s="88">
        <v>124</v>
      </c>
      <c r="U6" s="88">
        <v>80</v>
      </c>
      <c r="V6" s="88">
        <v>80</v>
      </c>
      <c r="W6" s="89">
        <v>521</v>
      </c>
      <c r="X6" s="91">
        <v>521</v>
      </c>
      <c r="Y6" s="92">
        <v>81</v>
      </c>
      <c r="Z6" s="88">
        <v>119</v>
      </c>
      <c r="AA6" s="89">
        <v>200</v>
      </c>
      <c r="AB6" s="90">
        <v>0</v>
      </c>
      <c r="AC6" s="88">
        <v>7064</v>
      </c>
      <c r="AD6" s="88">
        <v>9208</v>
      </c>
      <c r="AE6" s="88">
        <v>5854</v>
      </c>
      <c r="AF6" s="88">
        <v>3710</v>
      </c>
      <c r="AG6" s="88">
        <v>2481</v>
      </c>
      <c r="AH6" s="89">
        <v>28317</v>
      </c>
      <c r="AI6" s="91">
        <v>28517</v>
      </c>
    </row>
    <row r="7" spans="2:35" ht="21" customHeight="1" x14ac:dyDescent="0.2">
      <c r="B7" s="472" t="s">
        <v>6</v>
      </c>
      <c r="C7" s="87">
        <v>29</v>
      </c>
      <c r="D7" s="88">
        <v>41</v>
      </c>
      <c r="E7" s="89">
        <v>70</v>
      </c>
      <c r="F7" s="90">
        <v>0</v>
      </c>
      <c r="G7" s="88">
        <v>2867</v>
      </c>
      <c r="H7" s="88">
        <v>2538</v>
      </c>
      <c r="I7" s="88">
        <v>1900</v>
      </c>
      <c r="J7" s="88">
        <v>1366</v>
      </c>
      <c r="K7" s="88">
        <v>931</v>
      </c>
      <c r="L7" s="89">
        <v>9602</v>
      </c>
      <c r="M7" s="91">
        <v>9672</v>
      </c>
      <c r="N7" s="92">
        <v>0</v>
      </c>
      <c r="O7" s="88">
        <v>0</v>
      </c>
      <c r="P7" s="89">
        <v>0</v>
      </c>
      <c r="Q7" s="90">
        <v>0</v>
      </c>
      <c r="R7" s="88">
        <v>26</v>
      </c>
      <c r="S7" s="88">
        <v>33</v>
      </c>
      <c r="T7" s="88">
        <v>24</v>
      </c>
      <c r="U7" s="88">
        <v>26</v>
      </c>
      <c r="V7" s="88">
        <v>28</v>
      </c>
      <c r="W7" s="89">
        <v>137</v>
      </c>
      <c r="X7" s="91">
        <v>137</v>
      </c>
      <c r="Y7" s="92">
        <v>29</v>
      </c>
      <c r="Z7" s="88">
        <v>41</v>
      </c>
      <c r="AA7" s="89">
        <v>70</v>
      </c>
      <c r="AB7" s="90">
        <v>0</v>
      </c>
      <c r="AC7" s="88">
        <v>2893</v>
      </c>
      <c r="AD7" s="88">
        <v>2571</v>
      </c>
      <c r="AE7" s="88">
        <v>1924</v>
      </c>
      <c r="AF7" s="88">
        <v>1392</v>
      </c>
      <c r="AG7" s="88">
        <v>959</v>
      </c>
      <c r="AH7" s="89">
        <v>9739</v>
      </c>
      <c r="AI7" s="91">
        <v>9809</v>
      </c>
    </row>
    <row r="8" spans="2:35" ht="21" customHeight="1" x14ac:dyDescent="0.2">
      <c r="B8" s="472" t="s">
        <v>14</v>
      </c>
      <c r="C8" s="87">
        <v>18</v>
      </c>
      <c r="D8" s="88">
        <v>31</v>
      </c>
      <c r="E8" s="89">
        <v>49</v>
      </c>
      <c r="F8" s="90">
        <v>0</v>
      </c>
      <c r="G8" s="88">
        <v>1394</v>
      </c>
      <c r="H8" s="88">
        <v>1605</v>
      </c>
      <c r="I8" s="88">
        <v>1152</v>
      </c>
      <c r="J8" s="88">
        <v>633</v>
      </c>
      <c r="K8" s="88">
        <v>353</v>
      </c>
      <c r="L8" s="89">
        <v>5137</v>
      </c>
      <c r="M8" s="91">
        <v>5186</v>
      </c>
      <c r="N8" s="92">
        <v>0</v>
      </c>
      <c r="O8" s="88">
        <v>0</v>
      </c>
      <c r="P8" s="89">
        <v>0</v>
      </c>
      <c r="Q8" s="90">
        <v>0</v>
      </c>
      <c r="R8" s="88">
        <v>13</v>
      </c>
      <c r="S8" s="88">
        <v>36</v>
      </c>
      <c r="T8" s="88">
        <v>13</v>
      </c>
      <c r="U8" s="88">
        <v>12</v>
      </c>
      <c r="V8" s="88">
        <v>8</v>
      </c>
      <c r="W8" s="89">
        <v>82</v>
      </c>
      <c r="X8" s="91">
        <v>82</v>
      </c>
      <c r="Y8" s="92">
        <v>18</v>
      </c>
      <c r="Z8" s="88">
        <v>31</v>
      </c>
      <c r="AA8" s="89">
        <v>49</v>
      </c>
      <c r="AB8" s="90">
        <v>0</v>
      </c>
      <c r="AC8" s="88">
        <v>1407</v>
      </c>
      <c r="AD8" s="88">
        <v>1641</v>
      </c>
      <c r="AE8" s="88">
        <v>1165</v>
      </c>
      <c r="AF8" s="88">
        <v>645</v>
      </c>
      <c r="AG8" s="88">
        <v>361</v>
      </c>
      <c r="AH8" s="89">
        <v>5219</v>
      </c>
      <c r="AI8" s="91">
        <v>5268</v>
      </c>
    </row>
    <row r="9" spans="2:35" ht="21" customHeight="1" x14ac:dyDescent="0.2">
      <c r="B9" s="472" t="s">
        <v>7</v>
      </c>
      <c r="C9" s="87">
        <v>3</v>
      </c>
      <c r="D9" s="88">
        <v>4</v>
      </c>
      <c r="E9" s="89">
        <v>7</v>
      </c>
      <c r="F9" s="90">
        <v>0</v>
      </c>
      <c r="G9" s="88">
        <v>1371</v>
      </c>
      <c r="H9" s="88">
        <v>943</v>
      </c>
      <c r="I9" s="88">
        <v>573</v>
      </c>
      <c r="J9" s="88">
        <v>319</v>
      </c>
      <c r="K9" s="88">
        <v>185</v>
      </c>
      <c r="L9" s="89">
        <v>3391</v>
      </c>
      <c r="M9" s="91">
        <v>3398</v>
      </c>
      <c r="N9" s="92">
        <v>0</v>
      </c>
      <c r="O9" s="88">
        <v>0</v>
      </c>
      <c r="P9" s="89">
        <v>0</v>
      </c>
      <c r="Q9" s="90">
        <v>0</v>
      </c>
      <c r="R9" s="88">
        <v>17</v>
      </c>
      <c r="S9" s="88">
        <v>21</v>
      </c>
      <c r="T9" s="88">
        <v>7</v>
      </c>
      <c r="U9" s="88">
        <v>8</v>
      </c>
      <c r="V9" s="88">
        <v>10</v>
      </c>
      <c r="W9" s="89">
        <v>63</v>
      </c>
      <c r="X9" s="91">
        <v>63</v>
      </c>
      <c r="Y9" s="92">
        <v>3</v>
      </c>
      <c r="Z9" s="88">
        <v>4</v>
      </c>
      <c r="AA9" s="89">
        <v>7</v>
      </c>
      <c r="AB9" s="90">
        <v>0</v>
      </c>
      <c r="AC9" s="88">
        <v>1388</v>
      </c>
      <c r="AD9" s="88">
        <v>964</v>
      </c>
      <c r="AE9" s="88">
        <v>580</v>
      </c>
      <c r="AF9" s="88">
        <v>327</v>
      </c>
      <c r="AG9" s="88">
        <v>195</v>
      </c>
      <c r="AH9" s="89">
        <v>3454</v>
      </c>
      <c r="AI9" s="91">
        <v>3461</v>
      </c>
    </row>
    <row r="10" spans="2:35" ht="21" customHeight="1" x14ac:dyDescent="0.2">
      <c r="B10" s="472" t="s">
        <v>8</v>
      </c>
      <c r="C10" s="87">
        <v>8</v>
      </c>
      <c r="D10" s="88">
        <v>12</v>
      </c>
      <c r="E10" s="89">
        <v>20</v>
      </c>
      <c r="F10" s="90">
        <v>0</v>
      </c>
      <c r="G10" s="88">
        <v>730</v>
      </c>
      <c r="H10" s="88">
        <v>638</v>
      </c>
      <c r="I10" s="88">
        <v>399</v>
      </c>
      <c r="J10" s="88">
        <v>244</v>
      </c>
      <c r="K10" s="88">
        <v>126</v>
      </c>
      <c r="L10" s="89">
        <v>2137</v>
      </c>
      <c r="M10" s="91">
        <v>2157</v>
      </c>
      <c r="N10" s="92">
        <v>0</v>
      </c>
      <c r="O10" s="88">
        <v>0</v>
      </c>
      <c r="P10" s="89">
        <v>0</v>
      </c>
      <c r="Q10" s="90">
        <v>0</v>
      </c>
      <c r="R10" s="88">
        <v>16</v>
      </c>
      <c r="S10" s="88">
        <v>23</v>
      </c>
      <c r="T10" s="88">
        <v>8</v>
      </c>
      <c r="U10" s="88">
        <v>7</v>
      </c>
      <c r="V10" s="88">
        <v>1</v>
      </c>
      <c r="W10" s="89">
        <v>55</v>
      </c>
      <c r="X10" s="91">
        <v>55</v>
      </c>
      <c r="Y10" s="92">
        <v>8</v>
      </c>
      <c r="Z10" s="88">
        <v>12</v>
      </c>
      <c r="AA10" s="89">
        <v>20</v>
      </c>
      <c r="AB10" s="90">
        <v>0</v>
      </c>
      <c r="AC10" s="88">
        <v>746</v>
      </c>
      <c r="AD10" s="88">
        <v>661</v>
      </c>
      <c r="AE10" s="88">
        <v>407</v>
      </c>
      <c r="AF10" s="88">
        <v>251</v>
      </c>
      <c r="AG10" s="88">
        <v>127</v>
      </c>
      <c r="AH10" s="89">
        <v>2192</v>
      </c>
      <c r="AI10" s="91">
        <v>2212</v>
      </c>
    </row>
    <row r="11" spans="2:35" ht="21" customHeight="1" x14ac:dyDescent="0.2">
      <c r="B11" s="472" t="s">
        <v>9</v>
      </c>
      <c r="C11" s="87">
        <v>5</v>
      </c>
      <c r="D11" s="88">
        <v>8</v>
      </c>
      <c r="E11" s="89">
        <v>13</v>
      </c>
      <c r="F11" s="90">
        <v>0</v>
      </c>
      <c r="G11" s="88">
        <v>507</v>
      </c>
      <c r="H11" s="88">
        <v>327</v>
      </c>
      <c r="I11" s="88">
        <v>277</v>
      </c>
      <c r="J11" s="88">
        <v>200</v>
      </c>
      <c r="K11" s="88">
        <v>93</v>
      </c>
      <c r="L11" s="89">
        <v>1404</v>
      </c>
      <c r="M11" s="91">
        <v>1417</v>
      </c>
      <c r="N11" s="92">
        <v>0</v>
      </c>
      <c r="O11" s="88">
        <v>0</v>
      </c>
      <c r="P11" s="89">
        <v>0</v>
      </c>
      <c r="Q11" s="90">
        <v>0</v>
      </c>
      <c r="R11" s="88">
        <v>11</v>
      </c>
      <c r="S11" s="88">
        <v>11</v>
      </c>
      <c r="T11" s="88">
        <v>6</v>
      </c>
      <c r="U11" s="88">
        <v>4</v>
      </c>
      <c r="V11" s="88">
        <v>3</v>
      </c>
      <c r="W11" s="89">
        <v>35</v>
      </c>
      <c r="X11" s="91">
        <v>35</v>
      </c>
      <c r="Y11" s="92">
        <v>5</v>
      </c>
      <c r="Z11" s="88">
        <v>8</v>
      </c>
      <c r="AA11" s="89">
        <v>13</v>
      </c>
      <c r="AB11" s="90">
        <v>0</v>
      </c>
      <c r="AC11" s="88">
        <v>518</v>
      </c>
      <c r="AD11" s="88">
        <v>338</v>
      </c>
      <c r="AE11" s="88">
        <v>283</v>
      </c>
      <c r="AF11" s="88">
        <v>204</v>
      </c>
      <c r="AG11" s="88">
        <v>96</v>
      </c>
      <c r="AH11" s="89">
        <v>1439</v>
      </c>
      <c r="AI11" s="91">
        <v>1452</v>
      </c>
    </row>
    <row r="12" spans="2:35" ht="21" customHeight="1" x14ac:dyDescent="0.2">
      <c r="B12" s="472" t="s">
        <v>10</v>
      </c>
      <c r="C12" s="87">
        <v>11</v>
      </c>
      <c r="D12" s="88">
        <v>21</v>
      </c>
      <c r="E12" s="89">
        <v>32</v>
      </c>
      <c r="F12" s="90">
        <v>0</v>
      </c>
      <c r="G12" s="88">
        <v>806</v>
      </c>
      <c r="H12" s="88">
        <v>538</v>
      </c>
      <c r="I12" s="88">
        <v>410</v>
      </c>
      <c r="J12" s="88">
        <v>323</v>
      </c>
      <c r="K12" s="88">
        <v>253</v>
      </c>
      <c r="L12" s="89">
        <v>2330</v>
      </c>
      <c r="M12" s="91">
        <v>2362</v>
      </c>
      <c r="N12" s="92">
        <v>0</v>
      </c>
      <c r="O12" s="88">
        <v>1</v>
      </c>
      <c r="P12" s="89">
        <v>1</v>
      </c>
      <c r="Q12" s="90">
        <v>0</v>
      </c>
      <c r="R12" s="88">
        <v>16</v>
      </c>
      <c r="S12" s="88">
        <v>7</v>
      </c>
      <c r="T12" s="88">
        <v>5</v>
      </c>
      <c r="U12" s="88">
        <v>6</v>
      </c>
      <c r="V12" s="88">
        <v>6</v>
      </c>
      <c r="W12" s="89">
        <v>40</v>
      </c>
      <c r="X12" s="91">
        <v>41</v>
      </c>
      <c r="Y12" s="92">
        <v>11</v>
      </c>
      <c r="Z12" s="88">
        <v>22</v>
      </c>
      <c r="AA12" s="89">
        <v>33</v>
      </c>
      <c r="AB12" s="90">
        <v>0</v>
      </c>
      <c r="AC12" s="88">
        <v>822</v>
      </c>
      <c r="AD12" s="88">
        <v>545</v>
      </c>
      <c r="AE12" s="88">
        <v>415</v>
      </c>
      <c r="AF12" s="88">
        <v>329</v>
      </c>
      <c r="AG12" s="88">
        <v>259</v>
      </c>
      <c r="AH12" s="89">
        <v>2370</v>
      </c>
      <c r="AI12" s="91">
        <v>2403</v>
      </c>
    </row>
    <row r="13" spans="2:35" ht="21" customHeight="1" x14ac:dyDescent="0.2">
      <c r="B13" s="472" t="s">
        <v>11</v>
      </c>
      <c r="C13" s="87">
        <v>1</v>
      </c>
      <c r="D13" s="88">
        <v>8</v>
      </c>
      <c r="E13" s="89">
        <v>9</v>
      </c>
      <c r="F13" s="90">
        <v>0</v>
      </c>
      <c r="G13" s="88">
        <v>645</v>
      </c>
      <c r="H13" s="88">
        <v>409</v>
      </c>
      <c r="I13" s="88">
        <v>304</v>
      </c>
      <c r="J13" s="88">
        <v>159</v>
      </c>
      <c r="K13" s="88">
        <v>69</v>
      </c>
      <c r="L13" s="89">
        <v>1586</v>
      </c>
      <c r="M13" s="91">
        <v>1595</v>
      </c>
      <c r="N13" s="92">
        <v>0</v>
      </c>
      <c r="O13" s="88">
        <v>1</v>
      </c>
      <c r="P13" s="89">
        <v>1</v>
      </c>
      <c r="Q13" s="90">
        <v>0</v>
      </c>
      <c r="R13" s="88">
        <v>10</v>
      </c>
      <c r="S13" s="88">
        <v>4</v>
      </c>
      <c r="T13" s="88">
        <v>2</v>
      </c>
      <c r="U13" s="88">
        <v>4</v>
      </c>
      <c r="V13" s="88">
        <v>3</v>
      </c>
      <c r="W13" s="89">
        <v>23</v>
      </c>
      <c r="X13" s="91">
        <v>24</v>
      </c>
      <c r="Y13" s="92">
        <v>1</v>
      </c>
      <c r="Z13" s="88">
        <v>9</v>
      </c>
      <c r="AA13" s="89">
        <v>10</v>
      </c>
      <c r="AB13" s="90">
        <v>0</v>
      </c>
      <c r="AC13" s="88">
        <v>655</v>
      </c>
      <c r="AD13" s="88">
        <v>413</v>
      </c>
      <c r="AE13" s="88">
        <v>306</v>
      </c>
      <c r="AF13" s="88">
        <v>163</v>
      </c>
      <c r="AG13" s="88">
        <v>72</v>
      </c>
      <c r="AH13" s="89">
        <v>1609</v>
      </c>
      <c r="AI13" s="91">
        <v>1619</v>
      </c>
    </row>
    <row r="14" spans="2:35" ht="21" customHeight="1" x14ac:dyDescent="0.2">
      <c r="B14" s="472" t="s">
        <v>12</v>
      </c>
      <c r="C14" s="87">
        <v>0</v>
      </c>
      <c r="D14" s="88">
        <v>1</v>
      </c>
      <c r="E14" s="89">
        <v>1</v>
      </c>
      <c r="F14" s="90">
        <v>0</v>
      </c>
      <c r="G14" s="88">
        <v>438</v>
      </c>
      <c r="H14" s="88">
        <v>358</v>
      </c>
      <c r="I14" s="88">
        <v>271</v>
      </c>
      <c r="J14" s="88">
        <v>180</v>
      </c>
      <c r="K14" s="88">
        <v>123</v>
      </c>
      <c r="L14" s="89">
        <v>1370</v>
      </c>
      <c r="M14" s="91">
        <v>1371</v>
      </c>
      <c r="N14" s="92">
        <v>0</v>
      </c>
      <c r="O14" s="88">
        <v>0</v>
      </c>
      <c r="P14" s="89">
        <v>0</v>
      </c>
      <c r="Q14" s="90">
        <v>0</v>
      </c>
      <c r="R14" s="88">
        <v>6</v>
      </c>
      <c r="S14" s="88">
        <v>4</v>
      </c>
      <c r="T14" s="88">
        <v>2</v>
      </c>
      <c r="U14" s="88">
        <v>1</v>
      </c>
      <c r="V14" s="88">
        <v>3</v>
      </c>
      <c r="W14" s="89">
        <v>16</v>
      </c>
      <c r="X14" s="91">
        <v>16</v>
      </c>
      <c r="Y14" s="92">
        <v>0</v>
      </c>
      <c r="Z14" s="88">
        <v>1</v>
      </c>
      <c r="AA14" s="89">
        <v>1</v>
      </c>
      <c r="AB14" s="90">
        <v>0</v>
      </c>
      <c r="AC14" s="88">
        <v>444</v>
      </c>
      <c r="AD14" s="88">
        <v>362</v>
      </c>
      <c r="AE14" s="88">
        <v>273</v>
      </c>
      <c r="AF14" s="88">
        <v>181</v>
      </c>
      <c r="AG14" s="88">
        <v>126</v>
      </c>
      <c r="AH14" s="89">
        <v>1386</v>
      </c>
      <c r="AI14" s="91">
        <v>1387</v>
      </c>
    </row>
    <row r="15" spans="2:35" ht="21" customHeight="1" x14ac:dyDescent="0.2">
      <c r="B15" s="472" t="s">
        <v>13</v>
      </c>
      <c r="C15" s="87">
        <v>2</v>
      </c>
      <c r="D15" s="88">
        <v>2</v>
      </c>
      <c r="E15" s="89">
        <v>4</v>
      </c>
      <c r="F15" s="90">
        <v>0</v>
      </c>
      <c r="G15" s="88">
        <v>174</v>
      </c>
      <c r="H15" s="88">
        <v>177</v>
      </c>
      <c r="I15" s="88">
        <v>108</v>
      </c>
      <c r="J15" s="88">
        <v>61</v>
      </c>
      <c r="K15" s="88">
        <v>37</v>
      </c>
      <c r="L15" s="89">
        <v>557</v>
      </c>
      <c r="M15" s="91">
        <v>561</v>
      </c>
      <c r="N15" s="92">
        <v>0</v>
      </c>
      <c r="O15" s="88">
        <v>0</v>
      </c>
      <c r="P15" s="89">
        <v>0</v>
      </c>
      <c r="Q15" s="90">
        <v>0</v>
      </c>
      <c r="R15" s="88">
        <v>1</v>
      </c>
      <c r="S15" s="88">
        <v>3</v>
      </c>
      <c r="T15" s="88">
        <v>3</v>
      </c>
      <c r="U15" s="88">
        <v>0</v>
      </c>
      <c r="V15" s="88">
        <v>0</v>
      </c>
      <c r="W15" s="89">
        <v>7</v>
      </c>
      <c r="X15" s="91">
        <v>7</v>
      </c>
      <c r="Y15" s="92">
        <v>2</v>
      </c>
      <c r="Z15" s="88">
        <v>2</v>
      </c>
      <c r="AA15" s="89">
        <v>4</v>
      </c>
      <c r="AB15" s="90">
        <v>0</v>
      </c>
      <c r="AC15" s="88">
        <v>175</v>
      </c>
      <c r="AD15" s="88">
        <v>180</v>
      </c>
      <c r="AE15" s="88">
        <v>111</v>
      </c>
      <c r="AF15" s="88">
        <v>61</v>
      </c>
      <c r="AG15" s="88">
        <v>37</v>
      </c>
      <c r="AH15" s="89">
        <v>564</v>
      </c>
      <c r="AI15" s="91">
        <v>568</v>
      </c>
    </row>
    <row r="16" spans="2:35" ht="21" customHeight="1" x14ac:dyDescent="0.2">
      <c r="B16" s="472" t="s">
        <v>15</v>
      </c>
      <c r="C16" s="87">
        <v>2</v>
      </c>
      <c r="D16" s="88">
        <v>16</v>
      </c>
      <c r="E16" s="89">
        <v>18</v>
      </c>
      <c r="F16" s="90">
        <v>0</v>
      </c>
      <c r="G16" s="88">
        <v>220</v>
      </c>
      <c r="H16" s="88">
        <v>248</v>
      </c>
      <c r="I16" s="88">
        <v>143</v>
      </c>
      <c r="J16" s="88">
        <v>81</v>
      </c>
      <c r="K16" s="88">
        <v>51</v>
      </c>
      <c r="L16" s="89">
        <v>743</v>
      </c>
      <c r="M16" s="91">
        <v>761</v>
      </c>
      <c r="N16" s="92">
        <v>0</v>
      </c>
      <c r="O16" s="88">
        <v>1</v>
      </c>
      <c r="P16" s="89">
        <v>1</v>
      </c>
      <c r="Q16" s="90">
        <v>0</v>
      </c>
      <c r="R16" s="88">
        <v>3</v>
      </c>
      <c r="S16" s="88">
        <v>3</v>
      </c>
      <c r="T16" s="88">
        <v>1</v>
      </c>
      <c r="U16" s="88">
        <v>2</v>
      </c>
      <c r="V16" s="88">
        <v>2</v>
      </c>
      <c r="W16" s="89">
        <v>11</v>
      </c>
      <c r="X16" s="91">
        <v>12</v>
      </c>
      <c r="Y16" s="92">
        <v>2</v>
      </c>
      <c r="Z16" s="88">
        <v>17</v>
      </c>
      <c r="AA16" s="89">
        <v>19</v>
      </c>
      <c r="AB16" s="90">
        <v>0</v>
      </c>
      <c r="AC16" s="88">
        <v>223</v>
      </c>
      <c r="AD16" s="88">
        <v>251</v>
      </c>
      <c r="AE16" s="88">
        <v>144</v>
      </c>
      <c r="AF16" s="88">
        <v>83</v>
      </c>
      <c r="AG16" s="88">
        <v>53</v>
      </c>
      <c r="AH16" s="89">
        <v>754</v>
      </c>
      <c r="AI16" s="91">
        <v>773</v>
      </c>
    </row>
    <row r="17" spans="2:35" ht="21" customHeight="1" x14ac:dyDescent="0.2">
      <c r="B17" s="472" t="s">
        <v>16</v>
      </c>
      <c r="C17" s="87">
        <v>3</v>
      </c>
      <c r="D17" s="88">
        <v>2</v>
      </c>
      <c r="E17" s="89">
        <v>5</v>
      </c>
      <c r="F17" s="90">
        <v>0</v>
      </c>
      <c r="G17" s="88">
        <v>201</v>
      </c>
      <c r="H17" s="88">
        <v>262</v>
      </c>
      <c r="I17" s="88">
        <v>187</v>
      </c>
      <c r="J17" s="88">
        <v>113</v>
      </c>
      <c r="K17" s="88">
        <v>87</v>
      </c>
      <c r="L17" s="89">
        <v>850</v>
      </c>
      <c r="M17" s="91">
        <v>855</v>
      </c>
      <c r="N17" s="92">
        <v>0</v>
      </c>
      <c r="O17" s="88">
        <v>0</v>
      </c>
      <c r="P17" s="89">
        <v>0</v>
      </c>
      <c r="Q17" s="90">
        <v>0</v>
      </c>
      <c r="R17" s="88">
        <v>2</v>
      </c>
      <c r="S17" s="88">
        <v>2</v>
      </c>
      <c r="T17" s="88">
        <v>5</v>
      </c>
      <c r="U17" s="88">
        <v>2</v>
      </c>
      <c r="V17" s="88">
        <v>2</v>
      </c>
      <c r="W17" s="89">
        <v>13</v>
      </c>
      <c r="X17" s="91">
        <v>13</v>
      </c>
      <c r="Y17" s="92">
        <v>3</v>
      </c>
      <c r="Z17" s="88">
        <v>2</v>
      </c>
      <c r="AA17" s="89">
        <v>5</v>
      </c>
      <c r="AB17" s="90">
        <v>0</v>
      </c>
      <c r="AC17" s="88">
        <v>203</v>
      </c>
      <c r="AD17" s="88">
        <v>264</v>
      </c>
      <c r="AE17" s="88">
        <v>192</v>
      </c>
      <c r="AF17" s="88">
        <v>115</v>
      </c>
      <c r="AG17" s="88">
        <v>89</v>
      </c>
      <c r="AH17" s="89">
        <v>863</v>
      </c>
      <c r="AI17" s="91">
        <v>868</v>
      </c>
    </row>
    <row r="18" spans="2:35" ht="21" customHeight="1" x14ac:dyDescent="0.2">
      <c r="B18" s="472" t="s">
        <v>17</v>
      </c>
      <c r="C18" s="87">
        <v>1</v>
      </c>
      <c r="D18" s="88">
        <v>5</v>
      </c>
      <c r="E18" s="89">
        <v>6</v>
      </c>
      <c r="F18" s="90">
        <v>0</v>
      </c>
      <c r="G18" s="88">
        <v>350</v>
      </c>
      <c r="H18" s="88">
        <v>407</v>
      </c>
      <c r="I18" s="88">
        <v>274</v>
      </c>
      <c r="J18" s="88">
        <v>218</v>
      </c>
      <c r="K18" s="88">
        <v>117</v>
      </c>
      <c r="L18" s="89">
        <v>1366</v>
      </c>
      <c r="M18" s="91">
        <v>1372</v>
      </c>
      <c r="N18" s="92">
        <v>0</v>
      </c>
      <c r="O18" s="88">
        <v>0</v>
      </c>
      <c r="P18" s="89">
        <v>0</v>
      </c>
      <c r="Q18" s="90">
        <v>0</v>
      </c>
      <c r="R18" s="88">
        <v>3</v>
      </c>
      <c r="S18" s="88">
        <v>15</v>
      </c>
      <c r="T18" s="88">
        <v>10</v>
      </c>
      <c r="U18" s="88">
        <v>7</v>
      </c>
      <c r="V18" s="88">
        <v>6</v>
      </c>
      <c r="W18" s="89">
        <v>41</v>
      </c>
      <c r="X18" s="91">
        <v>41</v>
      </c>
      <c r="Y18" s="92">
        <v>1</v>
      </c>
      <c r="Z18" s="88">
        <v>5</v>
      </c>
      <c r="AA18" s="89">
        <v>6</v>
      </c>
      <c r="AB18" s="90">
        <v>0</v>
      </c>
      <c r="AC18" s="88">
        <v>353</v>
      </c>
      <c r="AD18" s="88">
        <v>422</v>
      </c>
      <c r="AE18" s="88">
        <v>284</v>
      </c>
      <c r="AF18" s="88">
        <v>225</v>
      </c>
      <c r="AG18" s="88">
        <v>123</v>
      </c>
      <c r="AH18" s="89">
        <v>1407</v>
      </c>
      <c r="AI18" s="91">
        <v>1413</v>
      </c>
    </row>
    <row r="19" spans="2:35" ht="21" customHeight="1" x14ac:dyDescent="0.2">
      <c r="B19" s="472" t="s">
        <v>18</v>
      </c>
      <c r="C19" s="87">
        <v>6</v>
      </c>
      <c r="D19" s="88">
        <v>17</v>
      </c>
      <c r="E19" s="89">
        <v>23</v>
      </c>
      <c r="F19" s="90">
        <v>0</v>
      </c>
      <c r="G19" s="88">
        <v>409</v>
      </c>
      <c r="H19" s="88">
        <v>328</v>
      </c>
      <c r="I19" s="88">
        <v>273</v>
      </c>
      <c r="J19" s="88">
        <v>166</v>
      </c>
      <c r="K19" s="88">
        <v>82</v>
      </c>
      <c r="L19" s="89">
        <v>1258</v>
      </c>
      <c r="M19" s="91">
        <v>1281</v>
      </c>
      <c r="N19" s="92">
        <v>0</v>
      </c>
      <c r="O19" s="88">
        <v>0</v>
      </c>
      <c r="P19" s="89">
        <v>0</v>
      </c>
      <c r="Q19" s="90">
        <v>0</v>
      </c>
      <c r="R19" s="88">
        <v>2</v>
      </c>
      <c r="S19" s="88">
        <v>5</v>
      </c>
      <c r="T19" s="88">
        <v>0</v>
      </c>
      <c r="U19" s="88">
        <v>3</v>
      </c>
      <c r="V19" s="88">
        <v>6</v>
      </c>
      <c r="W19" s="89">
        <v>16</v>
      </c>
      <c r="X19" s="91">
        <v>16</v>
      </c>
      <c r="Y19" s="92">
        <v>6</v>
      </c>
      <c r="Z19" s="88">
        <v>17</v>
      </c>
      <c r="AA19" s="89">
        <v>23</v>
      </c>
      <c r="AB19" s="90">
        <v>0</v>
      </c>
      <c r="AC19" s="88">
        <v>411</v>
      </c>
      <c r="AD19" s="88">
        <v>333</v>
      </c>
      <c r="AE19" s="88">
        <v>273</v>
      </c>
      <c r="AF19" s="88">
        <v>169</v>
      </c>
      <c r="AG19" s="88">
        <v>88</v>
      </c>
      <c r="AH19" s="89">
        <v>1274</v>
      </c>
      <c r="AI19" s="91">
        <v>1297</v>
      </c>
    </row>
    <row r="20" spans="2:35" ht="21" customHeight="1" x14ac:dyDescent="0.2">
      <c r="B20" s="472" t="s">
        <v>19</v>
      </c>
      <c r="C20" s="87">
        <v>0</v>
      </c>
      <c r="D20" s="88">
        <v>4</v>
      </c>
      <c r="E20" s="89">
        <v>4</v>
      </c>
      <c r="F20" s="90">
        <v>0</v>
      </c>
      <c r="G20" s="88">
        <v>190</v>
      </c>
      <c r="H20" s="88">
        <v>203</v>
      </c>
      <c r="I20" s="88">
        <v>149</v>
      </c>
      <c r="J20" s="88">
        <v>67</v>
      </c>
      <c r="K20" s="88">
        <v>55</v>
      </c>
      <c r="L20" s="89">
        <v>664</v>
      </c>
      <c r="M20" s="91">
        <v>668</v>
      </c>
      <c r="N20" s="92">
        <v>0</v>
      </c>
      <c r="O20" s="88">
        <v>0</v>
      </c>
      <c r="P20" s="89">
        <v>0</v>
      </c>
      <c r="Q20" s="90">
        <v>0</v>
      </c>
      <c r="R20" s="88">
        <v>0</v>
      </c>
      <c r="S20" s="88">
        <v>1</v>
      </c>
      <c r="T20" s="88">
        <v>4</v>
      </c>
      <c r="U20" s="88">
        <v>2</v>
      </c>
      <c r="V20" s="88">
        <v>1</v>
      </c>
      <c r="W20" s="89">
        <v>8</v>
      </c>
      <c r="X20" s="91">
        <v>8</v>
      </c>
      <c r="Y20" s="92">
        <v>0</v>
      </c>
      <c r="Z20" s="88">
        <v>4</v>
      </c>
      <c r="AA20" s="89">
        <v>4</v>
      </c>
      <c r="AB20" s="90">
        <v>0</v>
      </c>
      <c r="AC20" s="88">
        <v>190</v>
      </c>
      <c r="AD20" s="88">
        <v>204</v>
      </c>
      <c r="AE20" s="88">
        <v>153</v>
      </c>
      <c r="AF20" s="88">
        <v>69</v>
      </c>
      <c r="AG20" s="88">
        <v>56</v>
      </c>
      <c r="AH20" s="89">
        <v>672</v>
      </c>
      <c r="AI20" s="91">
        <v>676</v>
      </c>
    </row>
    <row r="21" spans="2:35" ht="21" customHeight="1" x14ac:dyDescent="0.2">
      <c r="B21" s="472" t="s">
        <v>20</v>
      </c>
      <c r="C21" s="87">
        <v>0</v>
      </c>
      <c r="D21" s="88">
        <v>0</v>
      </c>
      <c r="E21" s="89">
        <v>0</v>
      </c>
      <c r="F21" s="90">
        <v>0</v>
      </c>
      <c r="G21" s="88">
        <v>213</v>
      </c>
      <c r="H21" s="88">
        <v>136</v>
      </c>
      <c r="I21" s="88">
        <v>114</v>
      </c>
      <c r="J21" s="88">
        <v>34</v>
      </c>
      <c r="K21" s="88">
        <v>27</v>
      </c>
      <c r="L21" s="89">
        <v>524</v>
      </c>
      <c r="M21" s="91">
        <v>524</v>
      </c>
      <c r="N21" s="92">
        <v>0</v>
      </c>
      <c r="O21" s="88">
        <v>0</v>
      </c>
      <c r="P21" s="89">
        <v>0</v>
      </c>
      <c r="Q21" s="90">
        <v>0</v>
      </c>
      <c r="R21" s="88">
        <v>5</v>
      </c>
      <c r="S21" s="88">
        <v>3</v>
      </c>
      <c r="T21" s="88">
        <v>1</v>
      </c>
      <c r="U21" s="88">
        <v>0</v>
      </c>
      <c r="V21" s="88">
        <v>1</v>
      </c>
      <c r="W21" s="89">
        <v>10</v>
      </c>
      <c r="X21" s="91">
        <v>10</v>
      </c>
      <c r="Y21" s="92">
        <v>0</v>
      </c>
      <c r="Z21" s="88">
        <v>0</v>
      </c>
      <c r="AA21" s="89">
        <v>0</v>
      </c>
      <c r="AB21" s="90">
        <v>0</v>
      </c>
      <c r="AC21" s="88">
        <v>218</v>
      </c>
      <c r="AD21" s="88">
        <v>139</v>
      </c>
      <c r="AE21" s="88">
        <v>115</v>
      </c>
      <c r="AF21" s="88">
        <v>34</v>
      </c>
      <c r="AG21" s="88">
        <v>28</v>
      </c>
      <c r="AH21" s="89">
        <v>534</v>
      </c>
      <c r="AI21" s="91">
        <v>534</v>
      </c>
    </row>
    <row r="22" spans="2:35" ht="21" customHeight="1" x14ac:dyDescent="0.2">
      <c r="B22" s="472" t="s">
        <v>21</v>
      </c>
      <c r="C22" s="87">
        <v>0</v>
      </c>
      <c r="D22" s="88">
        <v>0</v>
      </c>
      <c r="E22" s="89">
        <v>0</v>
      </c>
      <c r="F22" s="90">
        <v>0</v>
      </c>
      <c r="G22" s="88">
        <v>225</v>
      </c>
      <c r="H22" s="88">
        <v>234</v>
      </c>
      <c r="I22" s="88">
        <v>134</v>
      </c>
      <c r="J22" s="88">
        <v>57</v>
      </c>
      <c r="K22" s="88">
        <v>31</v>
      </c>
      <c r="L22" s="89">
        <v>681</v>
      </c>
      <c r="M22" s="91">
        <v>681</v>
      </c>
      <c r="N22" s="92">
        <v>0</v>
      </c>
      <c r="O22" s="88">
        <v>0</v>
      </c>
      <c r="P22" s="89">
        <v>0</v>
      </c>
      <c r="Q22" s="90">
        <v>0</v>
      </c>
      <c r="R22" s="88">
        <v>2</v>
      </c>
      <c r="S22" s="88">
        <v>6</v>
      </c>
      <c r="T22" s="88">
        <v>5</v>
      </c>
      <c r="U22" s="88">
        <v>1</v>
      </c>
      <c r="V22" s="88">
        <v>2</v>
      </c>
      <c r="W22" s="89">
        <v>16</v>
      </c>
      <c r="X22" s="91">
        <v>16</v>
      </c>
      <c r="Y22" s="92">
        <v>0</v>
      </c>
      <c r="Z22" s="88">
        <v>0</v>
      </c>
      <c r="AA22" s="89">
        <v>0</v>
      </c>
      <c r="AB22" s="90">
        <v>0</v>
      </c>
      <c r="AC22" s="88">
        <v>227</v>
      </c>
      <c r="AD22" s="88">
        <v>240</v>
      </c>
      <c r="AE22" s="88">
        <v>139</v>
      </c>
      <c r="AF22" s="88">
        <v>58</v>
      </c>
      <c r="AG22" s="88">
        <v>33</v>
      </c>
      <c r="AH22" s="89">
        <v>697</v>
      </c>
      <c r="AI22" s="91">
        <v>697</v>
      </c>
    </row>
    <row r="23" spans="2:35" ht="21" customHeight="1" x14ac:dyDescent="0.2">
      <c r="B23" s="472" t="s">
        <v>22</v>
      </c>
      <c r="C23" s="87">
        <v>3</v>
      </c>
      <c r="D23" s="88">
        <v>3</v>
      </c>
      <c r="E23" s="89">
        <v>6</v>
      </c>
      <c r="F23" s="90">
        <v>0</v>
      </c>
      <c r="G23" s="88">
        <v>156</v>
      </c>
      <c r="H23" s="88">
        <v>136</v>
      </c>
      <c r="I23" s="88">
        <v>83</v>
      </c>
      <c r="J23" s="88">
        <v>62</v>
      </c>
      <c r="K23" s="88">
        <v>21</v>
      </c>
      <c r="L23" s="89">
        <v>458</v>
      </c>
      <c r="M23" s="91">
        <v>464</v>
      </c>
      <c r="N23" s="92">
        <v>0</v>
      </c>
      <c r="O23" s="88">
        <v>0</v>
      </c>
      <c r="P23" s="89">
        <v>0</v>
      </c>
      <c r="Q23" s="90">
        <v>0</v>
      </c>
      <c r="R23" s="88">
        <v>2</v>
      </c>
      <c r="S23" s="88">
        <v>0</v>
      </c>
      <c r="T23" s="88">
        <v>1</v>
      </c>
      <c r="U23" s="88">
        <v>0</v>
      </c>
      <c r="V23" s="88">
        <v>1</v>
      </c>
      <c r="W23" s="89">
        <v>4</v>
      </c>
      <c r="X23" s="91">
        <v>4</v>
      </c>
      <c r="Y23" s="92">
        <v>3</v>
      </c>
      <c r="Z23" s="88">
        <v>3</v>
      </c>
      <c r="AA23" s="89">
        <v>6</v>
      </c>
      <c r="AB23" s="90">
        <v>0</v>
      </c>
      <c r="AC23" s="88">
        <v>158</v>
      </c>
      <c r="AD23" s="88">
        <v>136</v>
      </c>
      <c r="AE23" s="88">
        <v>84</v>
      </c>
      <c r="AF23" s="88">
        <v>62</v>
      </c>
      <c r="AG23" s="88">
        <v>22</v>
      </c>
      <c r="AH23" s="89">
        <v>462</v>
      </c>
      <c r="AI23" s="91">
        <v>468</v>
      </c>
    </row>
    <row r="24" spans="2:35" ht="21" customHeight="1" x14ac:dyDescent="0.2">
      <c r="B24" s="472" t="s">
        <v>23</v>
      </c>
      <c r="C24" s="87">
        <v>0</v>
      </c>
      <c r="D24" s="88">
        <v>0</v>
      </c>
      <c r="E24" s="89">
        <v>0</v>
      </c>
      <c r="F24" s="90">
        <v>0</v>
      </c>
      <c r="G24" s="88">
        <v>92</v>
      </c>
      <c r="H24" s="88">
        <v>66</v>
      </c>
      <c r="I24" s="88">
        <v>52</v>
      </c>
      <c r="J24" s="88">
        <v>32</v>
      </c>
      <c r="K24" s="88">
        <v>16</v>
      </c>
      <c r="L24" s="89">
        <v>258</v>
      </c>
      <c r="M24" s="91">
        <v>258</v>
      </c>
      <c r="N24" s="92">
        <v>0</v>
      </c>
      <c r="O24" s="88">
        <v>0</v>
      </c>
      <c r="P24" s="89">
        <v>0</v>
      </c>
      <c r="Q24" s="90">
        <v>0</v>
      </c>
      <c r="R24" s="88">
        <v>1</v>
      </c>
      <c r="S24" s="88">
        <v>2</v>
      </c>
      <c r="T24" s="88">
        <v>1</v>
      </c>
      <c r="U24" s="88">
        <v>0</v>
      </c>
      <c r="V24" s="88">
        <v>0</v>
      </c>
      <c r="W24" s="89">
        <v>4</v>
      </c>
      <c r="X24" s="91">
        <v>4</v>
      </c>
      <c r="Y24" s="92">
        <v>0</v>
      </c>
      <c r="Z24" s="88">
        <v>0</v>
      </c>
      <c r="AA24" s="89">
        <v>0</v>
      </c>
      <c r="AB24" s="90">
        <v>0</v>
      </c>
      <c r="AC24" s="88">
        <v>93</v>
      </c>
      <c r="AD24" s="88">
        <v>68</v>
      </c>
      <c r="AE24" s="88">
        <v>53</v>
      </c>
      <c r="AF24" s="88">
        <v>32</v>
      </c>
      <c r="AG24" s="88">
        <v>16</v>
      </c>
      <c r="AH24" s="89">
        <v>262</v>
      </c>
      <c r="AI24" s="91">
        <v>262</v>
      </c>
    </row>
    <row r="25" spans="2:35" ht="21" customHeight="1" x14ac:dyDescent="0.2">
      <c r="B25" s="472" t="s">
        <v>24</v>
      </c>
      <c r="C25" s="87">
        <v>0</v>
      </c>
      <c r="D25" s="88">
        <v>3</v>
      </c>
      <c r="E25" s="89">
        <v>3</v>
      </c>
      <c r="F25" s="90">
        <v>0</v>
      </c>
      <c r="G25" s="88">
        <v>56</v>
      </c>
      <c r="H25" s="88">
        <v>36</v>
      </c>
      <c r="I25" s="88">
        <v>39</v>
      </c>
      <c r="J25" s="88">
        <v>20</v>
      </c>
      <c r="K25" s="88">
        <v>10</v>
      </c>
      <c r="L25" s="89">
        <v>161</v>
      </c>
      <c r="M25" s="91">
        <v>164</v>
      </c>
      <c r="N25" s="92">
        <v>0</v>
      </c>
      <c r="O25" s="88">
        <v>0</v>
      </c>
      <c r="P25" s="89">
        <v>0</v>
      </c>
      <c r="Q25" s="90">
        <v>0</v>
      </c>
      <c r="R25" s="88">
        <v>0</v>
      </c>
      <c r="S25" s="88">
        <v>1</v>
      </c>
      <c r="T25" s="88">
        <v>0</v>
      </c>
      <c r="U25" s="88">
        <v>1</v>
      </c>
      <c r="V25" s="88">
        <v>0</v>
      </c>
      <c r="W25" s="89">
        <v>2</v>
      </c>
      <c r="X25" s="91">
        <v>2</v>
      </c>
      <c r="Y25" s="92">
        <v>0</v>
      </c>
      <c r="Z25" s="88">
        <v>3</v>
      </c>
      <c r="AA25" s="89">
        <v>3</v>
      </c>
      <c r="AB25" s="90">
        <v>0</v>
      </c>
      <c r="AC25" s="88">
        <v>56</v>
      </c>
      <c r="AD25" s="88">
        <v>37</v>
      </c>
      <c r="AE25" s="88">
        <v>39</v>
      </c>
      <c r="AF25" s="88">
        <v>21</v>
      </c>
      <c r="AG25" s="88">
        <v>10</v>
      </c>
      <c r="AH25" s="89">
        <v>163</v>
      </c>
      <c r="AI25" s="91">
        <v>166</v>
      </c>
    </row>
    <row r="26" spans="2:35" ht="21" customHeight="1" x14ac:dyDescent="0.2">
      <c r="B26" s="472" t="s">
        <v>25</v>
      </c>
      <c r="C26" s="87">
        <v>2</v>
      </c>
      <c r="D26" s="88">
        <v>0</v>
      </c>
      <c r="E26" s="89">
        <v>2</v>
      </c>
      <c r="F26" s="90">
        <v>0</v>
      </c>
      <c r="G26" s="88">
        <v>98</v>
      </c>
      <c r="H26" s="88">
        <v>48</v>
      </c>
      <c r="I26" s="88">
        <v>25</v>
      </c>
      <c r="J26" s="88">
        <v>14</v>
      </c>
      <c r="K26" s="88">
        <v>2</v>
      </c>
      <c r="L26" s="89">
        <v>187</v>
      </c>
      <c r="M26" s="91">
        <v>189</v>
      </c>
      <c r="N26" s="92">
        <v>0</v>
      </c>
      <c r="O26" s="88">
        <v>0</v>
      </c>
      <c r="P26" s="89">
        <v>0</v>
      </c>
      <c r="Q26" s="90">
        <v>0</v>
      </c>
      <c r="R26" s="88">
        <v>1</v>
      </c>
      <c r="S26" s="88">
        <v>1</v>
      </c>
      <c r="T26" s="88">
        <v>1</v>
      </c>
      <c r="U26" s="88">
        <v>0</v>
      </c>
      <c r="V26" s="88">
        <v>0</v>
      </c>
      <c r="W26" s="89">
        <v>3</v>
      </c>
      <c r="X26" s="91">
        <v>3</v>
      </c>
      <c r="Y26" s="92">
        <v>2</v>
      </c>
      <c r="Z26" s="88">
        <v>0</v>
      </c>
      <c r="AA26" s="89">
        <v>2</v>
      </c>
      <c r="AB26" s="90">
        <v>0</v>
      </c>
      <c r="AC26" s="88">
        <v>99</v>
      </c>
      <c r="AD26" s="88">
        <v>49</v>
      </c>
      <c r="AE26" s="88">
        <v>26</v>
      </c>
      <c r="AF26" s="88">
        <v>14</v>
      </c>
      <c r="AG26" s="88">
        <v>2</v>
      </c>
      <c r="AH26" s="89">
        <v>190</v>
      </c>
      <c r="AI26" s="91">
        <v>192</v>
      </c>
    </row>
    <row r="27" spans="2:35" ht="21" customHeight="1" x14ac:dyDescent="0.2">
      <c r="B27" s="472" t="s">
        <v>26</v>
      </c>
      <c r="C27" s="87">
        <v>0</v>
      </c>
      <c r="D27" s="88">
        <v>1</v>
      </c>
      <c r="E27" s="89">
        <v>1</v>
      </c>
      <c r="F27" s="90">
        <v>0</v>
      </c>
      <c r="G27" s="88">
        <v>62</v>
      </c>
      <c r="H27" s="88">
        <v>62</v>
      </c>
      <c r="I27" s="88">
        <v>56</v>
      </c>
      <c r="J27" s="88">
        <v>22</v>
      </c>
      <c r="K27" s="88">
        <v>9</v>
      </c>
      <c r="L27" s="89">
        <v>211</v>
      </c>
      <c r="M27" s="91">
        <v>212</v>
      </c>
      <c r="N27" s="92">
        <v>0</v>
      </c>
      <c r="O27" s="88">
        <v>0</v>
      </c>
      <c r="P27" s="89">
        <v>0</v>
      </c>
      <c r="Q27" s="90">
        <v>0</v>
      </c>
      <c r="R27" s="88">
        <v>0</v>
      </c>
      <c r="S27" s="88">
        <v>0</v>
      </c>
      <c r="T27" s="88">
        <v>0</v>
      </c>
      <c r="U27" s="88">
        <v>0</v>
      </c>
      <c r="V27" s="88">
        <v>1</v>
      </c>
      <c r="W27" s="89">
        <v>1</v>
      </c>
      <c r="X27" s="91">
        <v>1</v>
      </c>
      <c r="Y27" s="92">
        <v>0</v>
      </c>
      <c r="Z27" s="88">
        <v>1</v>
      </c>
      <c r="AA27" s="89">
        <v>1</v>
      </c>
      <c r="AB27" s="90">
        <v>0</v>
      </c>
      <c r="AC27" s="88">
        <v>62</v>
      </c>
      <c r="AD27" s="88">
        <v>62</v>
      </c>
      <c r="AE27" s="88">
        <v>56</v>
      </c>
      <c r="AF27" s="88">
        <v>22</v>
      </c>
      <c r="AG27" s="88">
        <v>10</v>
      </c>
      <c r="AH27" s="89">
        <v>212</v>
      </c>
      <c r="AI27" s="91">
        <v>213</v>
      </c>
    </row>
    <row r="28" spans="2:35" ht="21" customHeight="1" x14ac:dyDescent="0.2">
      <c r="B28" s="472" t="s">
        <v>27</v>
      </c>
      <c r="C28" s="87">
        <v>0</v>
      </c>
      <c r="D28" s="88">
        <v>0</v>
      </c>
      <c r="E28" s="89">
        <v>0</v>
      </c>
      <c r="F28" s="90">
        <v>0</v>
      </c>
      <c r="G28" s="88">
        <v>51</v>
      </c>
      <c r="H28" s="88">
        <v>24</v>
      </c>
      <c r="I28" s="88">
        <v>28</v>
      </c>
      <c r="J28" s="88">
        <v>22</v>
      </c>
      <c r="K28" s="88">
        <v>14</v>
      </c>
      <c r="L28" s="89">
        <v>139</v>
      </c>
      <c r="M28" s="91">
        <v>139</v>
      </c>
      <c r="N28" s="92">
        <v>0</v>
      </c>
      <c r="O28" s="88">
        <v>0</v>
      </c>
      <c r="P28" s="89">
        <v>0</v>
      </c>
      <c r="Q28" s="90">
        <v>0</v>
      </c>
      <c r="R28" s="88">
        <v>1</v>
      </c>
      <c r="S28" s="88">
        <v>0</v>
      </c>
      <c r="T28" s="88">
        <v>1</v>
      </c>
      <c r="U28" s="88">
        <v>0</v>
      </c>
      <c r="V28" s="88">
        <v>0</v>
      </c>
      <c r="W28" s="89">
        <v>2</v>
      </c>
      <c r="X28" s="91">
        <v>2</v>
      </c>
      <c r="Y28" s="92">
        <v>0</v>
      </c>
      <c r="Z28" s="88">
        <v>0</v>
      </c>
      <c r="AA28" s="89">
        <v>0</v>
      </c>
      <c r="AB28" s="90">
        <v>0</v>
      </c>
      <c r="AC28" s="88">
        <v>52</v>
      </c>
      <c r="AD28" s="88">
        <v>24</v>
      </c>
      <c r="AE28" s="88">
        <v>29</v>
      </c>
      <c r="AF28" s="88">
        <v>22</v>
      </c>
      <c r="AG28" s="88">
        <v>14</v>
      </c>
      <c r="AH28" s="89">
        <v>141</v>
      </c>
      <c r="AI28" s="91">
        <v>141</v>
      </c>
    </row>
    <row r="29" spans="2:35" ht="21" customHeight="1" x14ac:dyDescent="0.2">
      <c r="B29" s="472" t="s">
        <v>28</v>
      </c>
      <c r="C29" s="87">
        <v>0</v>
      </c>
      <c r="D29" s="88">
        <v>0</v>
      </c>
      <c r="E29" s="89">
        <v>0</v>
      </c>
      <c r="F29" s="90">
        <v>0</v>
      </c>
      <c r="G29" s="88">
        <v>21</v>
      </c>
      <c r="H29" s="88">
        <v>19</v>
      </c>
      <c r="I29" s="88">
        <v>6</v>
      </c>
      <c r="J29" s="88">
        <v>6</v>
      </c>
      <c r="K29" s="88">
        <v>3</v>
      </c>
      <c r="L29" s="89">
        <v>55</v>
      </c>
      <c r="M29" s="91">
        <v>55</v>
      </c>
      <c r="N29" s="92">
        <v>0</v>
      </c>
      <c r="O29" s="88">
        <v>0</v>
      </c>
      <c r="P29" s="89">
        <v>0</v>
      </c>
      <c r="Q29" s="90">
        <v>0</v>
      </c>
      <c r="R29" s="88">
        <v>0</v>
      </c>
      <c r="S29" s="88">
        <v>1</v>
      </c>
      <c r="T29" s="88">
        <v>0</v>
      </c>
      <c r="U29" s="88">
        <v>0</v>
      </c>
      <c r="V29" s="88">
        <v>1</v>
      </c>
      <c r="W29" s="89">
        <v>2</v>
      </c>
      <c r="X29" s="91">
        <v>2</v>
      </c>
      <c r="Y29" s="92">
        <v>0</v>
      </c>
      <c r="Z29" s="88">
        <v>0</v>
      </c>
      <c r="AA29" s="89">
        <v>0</v>
      </c>
      <c r="AB29" s="90">
        <v>0</v>
      </c>
      <c r="AC29" s="88">
        <v>21</v>
      </c>
      <c r="AD29" s="88">
        <v>20</v>
      </c>
      <c r="AE29" s="88">
        <v>6</v>
      </c>
      <c r="AF29" s="88">
        <v>6</v>
      </c>
      <c r="AG29" s="88">
        <v>4</v>
      </c>
      <c r="AH29" s="89">
        <v>57</v>
      </c>
      <c r="AI29" s="91">
        <v>57</v>
      </c>
    </row>
    <row r="30" spans="2:35" ht="21" customHeight="1" x14ac:dyDescent="0.2">
      <c r="B30" s="472" t="s">
        <v>29</v>
      </c>
      <c r="C30" s="87">
        <v>0</v>
      </c>
      <c r="D30" s="88">
        <v>3</v>
      </c>
      <c r="E30" s="89">
        <v>3</v>
      </c>
      <c r="F30" s="90">
        <v>0</v>
      </c>
      <c r="G30" s="88">
        <v>34</v>
      </c>
      <c r="H30" s="88">
        <v>28</v>
      </c>
      <c r="I30" s="88">
        <v>32</v>
      </c>
      <c r="J30" s="88">
        <v>18</v>
      </c>
      <c r="K30" s="88">
        <v>8</v>
      </c>
      <c r="L30" s="89">
        <v>120</v>
      </c>
      <c r="M30" s="91">
        <v>123</v>
      </c>
      <c r="N30" s="92">
        <v>0</v>
      </c>
      <c r="O30" s="88">
        <v>0</v>
      </c>
      <c r="P30" s="89">
        <v>0</v>
      </c>
      <c r="Q30" s="90">
        <v>0</v>
      </c>
      <c r="R30" s="88">
        <v>1</v>
      </c>
      <c r="S30" s="88">
        <v>0</v>
      </c>
      <c r="T30" s="88">
        <v>0</v>
      </c>
      <c r="U30" s="88">
        <v>0</v>
      </c>
      <c r="V30" s="88">
        <v>0</v>
      </c>
      <c r="W30" s="89">
        <v>1</v>
      </c>
      <c r="X30" s="91">
        <v>1</v>
      </c>
      <c r="Y30" s="92">
        <v>0</v>
      </c>
      <c r="Z30" s="88">
        <v>3</v>
      </c>
      <c r="AA30" s="89">
        <v>3</v>
      </c>
      <c r="AB30" s="90">
        <v>0</v>
      </c>
      <c r="AC30" s="88">
        <v>35</v>
      </c>
      <c r="AD30" s="88">
        <v>28</v>
      </c>
      <c r="AE30" s="88">
        <v>32</v>
      </c>
      <c r="AF30" s="88">
        <v>18</v>
      </c>
      <c r="AG30" s="88">
        <v>8</v>
      </c>
      <c r="AH30" s="89">
        <v>121</v>
      </c>
      <c r="AI30" s="91">
        <v>124</v>
      </c>
    </row>
    <row r="31" spans="2:35" ht="21" customHeight="1" x14ac:dyDescent="0.2">
      <c r="B31" s="472" t="s">
        <v>30</v>
      </c>
      <c r="C31" s="87">
        <v>0</v>
      </c>
      <c r="D31" s="88">
        <v>0</v>
      </c>
      <c r="E31" s="89">
        <v>0</v>
      </c>
      <c r="F31" s="90">
        <v>0</v>
      </c>
      <c r="G31" s="88">
        <v>30</v>
      </c>
      <c r="H31" s="88">
        <v>16</v>
      </c>
      <c r="I31" s="88">
        <v>18</v>
      </c>
      <c r="J31" s="88">
        <v>9</v>
      </c>
      <c r="K31" s="88">
        <v>1</v>
      </c>
      <c r="L31" s="89">
        <v>74</v>
      </c>
      <c r="M31" s="91">
        <v>74</v>
      </c>
      <c r="N31" s="92">
        <v>0</v>
      </c>
      <c r="O31" s="88">
        <v>0</v>
      </c>
      <c r="P31" s="89">
        <v>0</v>
      </c>
      <c r="Q31" s="90">
        <v>0</v>
      </c>
      <c r="R31" s="88">
        <v>1</v>
      </c>
      <c r="S31" s="88">
        <v>0</v>
      </c>
      <c r="T31" s="88">
        <v>0</v>
      </c>
      <c r="U31" s="88">
        <v>0</v>
      </c>
      <c r="V31" s="88">
        <v>0</v>
      </c>
      <c r="W31" s="89">
        <v>1</v>
      </c>
      <c r="X31" s="91">
        <v>1</v>
      </c>
      <c r="Y31" s="92">
        <v>0</v>
      </c>
      <c r="Z31" s="88">
        <v>0</v>
      </c>
      <c r="AA31" s="89">
        <v>0</v>
      </c>
      <c r="AB31" s="90">
        <v>0</v>
      </c>
      <c r="AC31" s="88">
        <v>31</v>
      </c>
      <c r="AD31" s="88">
        <v>16</v>
      </c>
      <c r="AE31" s="88">
        <v>18</v>
      </c>
      <c r="AF31" s="88">
        <v>9</v>
      </c>
      <c r="AG31" s="88">
        <v>1</v>
      </c>
      <c r="AH31" s="89">
        <v>75</v>
      </c>
      <c r="AI31" s="91">
        <v>75</v>
      </c>
    </row>
    <row r="32" spans="2:35" ht="21" customHeight="1" x14ac:dyDescent="0.2">
      <c r="B32" s="472" t="s">
        <v>31</v>
      </c>
      <c r="C32" s="87">
        <v>0</v>
      </c>
      <c r="D32" s="88">
        <v>1</v>
      </c>
      <c r="E32" s="89">
        <v>1</v>
      </c>
      <c r="F32" s="90">
        <v>0</v>
      </c>
      <c r="G32" s="88">
        <v>48</v>
      </c>
      <c r="H32" s="88">
        <v>32</v>
      </c>
      <c r="I32" s="88">
        <v>24</v>
      </c>
      <c r="J32" s="88">
        <v>21</v>
      </c>
      <c r="K32" s="88">
        <v>7</v>
      </c>
      <c r="L32" s="89">
        <v>132</v>
      </c>
      <c r="M32" s="91">
        <v>133</v>
      </c>
      <c r="N32" s="92">
        <v>0</v>
      </c>
      <c r="O32" s="88">
        <v>0</v>
      </c>
      <c r="P32" s="89">
        <v>0</v>
      </c>
      <c r="Q32" s="90">
        <v>0</v>
      </c>
      <c r="R32" s="88">
        <v>0</v>
      </c>
      <c r="S32" s="88">
        <v>0</v>
      </c>
      <c r="T32" s="88">
        <v>0</v>
      </c>
      <c r="U32" s="88">
        <v>0</v>
      </c>
      <c r="V32" s="88">
        <v>0</v>
      </c>
      <c r="W32" s="89">
        <v>0</v>
      </c>
      <c r="X32" s="91">
        <v>0</v>
      </c>
      <c r="Y32" s="92">
        <v>0</v>
      </c>
      <c r="Z32" s="88">
        <v>1</v>
      </c>
      <c r="AA32" s="89">
        <v>1</v>
      </c>
      <c r="AB32" s="90">
        <v>0</v>
      </c>
      <c r="AC32" s="88">
        <v>48</v>
      </c>
      <c r="AD32" s="88">
        <v>32</v>
      </c>
      <c r="AE32" s="88">
        <v>24</v>
      </c>
      <c r="AF32" s="88">
        <v>21</v>
      </c>
      <c r="AG32" s="88">
        <v>7</v>
      </c>
      <c r="AH32" s="89">
        <v>132</v>
      </c>
      <c r="AI32" s="91">
        <v>133</v>
      </c>
    </row>
    <row r="33" spans="2:35" ht="21" customHeight="1" x14ac:dyDescent="0.2">
      <c r="B33" s="472" t="s">
        <v>32</v>
      </c>
      <c r="C33" s="87">
        <v>0</v>
      </c>
      <c r="D33" s="88">
        <v>3</v>
      </c>
      <c r="E33" s="89">
        <v>3</v>
      </c>
      <c r="F33" s="90">
        <v>0</v>
      </c>
      <c r="G33" s="88">
        <v>51</v>
      </c>
      <c r="H33" s="88">
        <v>38</v>
      </c>
      <c r="I33" s="88">
        <v>32</v>
      </c>
      <c r="J33" s="88">
        <v>22</v>
      </c>
      <c r="K33" s="88">
        <v>15</v>
      </c>
      <c r="L33" s="89">
        <v>158</v>
      </c>
      <c r="M33" s="91">
        <v>161</v>
      </c>
      <c r="N33" s="92">
        <v>0</v>
      </c>
      <c r="O33" s="88">
        <v>0</v>
      </c>
      <c r="P33" s="89">
        <v>0</v>
      </c>
      <c r="Q33" s="90">
        <v>0</v>
      </c>
      <c r="R33" s="88">
        <v>1</v>
      </c>
      <c r="S33" s="88">
        <v>1</v>
      </c>
      <c r="T33" s="88">
        <v>1</v>
      </c>
      <c r="U33" s="88">
        <v>0</v>
      </c>
      <c r="V33" s="88">
        <v>0</v>
      </c>
      <c r="W33" s="89">
        <v>3</v>
      </c>
      <c r="X33" s="91">
        <v>3</v>
      </c>
      <c r="Y33" s="92">
        <v>0</v>
      </c>
      <c r="Z33" s="88">
        <v>3</v>
      </c>
      <c r="AA33" s="89">
        <v>3</v>
      </c>
      <c r="AB33" s="90">
        <v>0</v>
      </c>
      <c r="AC33" s="88">
        <v>52</v>
      </c>
      <c r="AD33" s="88">
        <v>39</v>
      </c>
      <c r="AE33" s="88">
        <v>33</v>
      </c>
      <c r="AF33" s="88">
        <v>22</v>
      </c>
      <c r="AG33" s="88">
        <v>15</v>
      </c>
      <c r="AH33" s="89">
        <v>161</v>
      </c>
      <c r="AI33" s="91">
        <v>164</v>
      </c>
    </row>
    <row r="34" spans="2:35" ht="21" customHeight="1" x14ac:dyDescent="0.2">
      <c r="B34" s="472" t="s">
        <v>33</v>
      </c>
      <c r="C34" s="87">
        <v>0</v>
      </c>
      <c r="D34" s="88">
        <v>1</v>
      </c>
      <c r="E34" s="89">
        <v>1</v>
      </c>
      <c r="F34" s="90">
        <v>0</v>
      </c>
      <c r="G34" s="88">
        <v>34</v>
      </c>
      <c r="H34" s="88">
        <v>18</v>
      </c>
      <c r="I34" s="88">
        <v>20</v>
      </c>
      <c r="J34" s="88">
        <v>4</v>
      </c>
      <c r="K34" s="88">
        <v>10</v>
      </c>
      <c r="L34" s="89">
        <v>86</v>
      </c>
      <c r="M34" s="91">
        <v>87</v>
      </c>
      <c r="N34" s="92">
        <v>0</v>
      </c>
      <c r="O34" s="88">
        <v>0</v>
      </c>
      <c r="P34" s="89">
        <v>0</v>
      </c>
      <c r="Q34" s="90">
        <v>0</v>
      </c>
      <c r="R34" s="88">
        <v>0</v>
      </c>
      <c r="S34" s="88">
        <v>0</v>
      </c>
      <c r="T34" s="88">
        <v>0</v>
      </c>
      <c r="U34" s="88">
        <v>0</v>
      </c>
      <c r="V34" s="88">
        <v>0</v>
      </c>
      <c r="W34" s="89">
        <v>0</v>
      </c>
      <c r="X34" s="91">
        <v>0</v>
      </c>
      <c r="Y34" s="92">
        <v>0</v>
      </c>
      <c r="Z34" s="88">
        <v>1</v>
      </c>
      <c r="AA34" s="89">
        <v>1</v>
      </c>
      <c r="AB34" s="90">
        <v>0</v>
      </c>
      <c r="AC34" s="88">
        <v>34</v>
      </c>
      <c r="AD34" s="88">
        <v>18</v>
      </c>
      <c r="AE34" s="88">
        <v>20</v>
      </c>
      <c r="AF34" s="88">
        <v>4</v>
      </c>
      <c r="AG34" s="88">
        <v>10</v>
      </c>
      <c r="AH34" s="89">
        <v>86</v>
      </c>
      <c r="AI34" s="91">
        <v>87</v>
      </c>
    </row>
    <row r="35" spans="2:35" ht="21" customHeight="1" x14ac:dyDescent="0.2">
      <c r="B35" s="472" t="s">
        <v>34</v>
      </c>
      <c r="C35" s="87">
        <v>1</v>
      </c>
      <c r="D35" s="88">
        <v>1</v>
      </c>
      <c r="E35" s="89">
        <v>2</v>
      </c>
      <c r="F35" s="90">
        <v>0</v>
      </c>
      <c r="G35" s="88">
        <v>28</v>
      </c>
      <c r="H35" s="88">
        <v>24</v>
      </c>
      <c r="I35" s="88">
        <v>15</v>
      </c>
      <c r="J35" s="88">
        <v>8</v>
      </c>
      <c r="K35" s="88">
        <v>6</v>
      </c>
      <c r="L35" s="89">
        <v>81</v>
      </c>
      <c r="M35" s="91">
        <v>83</v>
      </c>
      <c r="N35" s="92">
        <v>0</v>
      </c>
      <c r="O35" s="88">
        <v>0</v>
      </c>
      <c r="P35" s="89">
        <v>0</v>
      </c>
      <c r="Q35" s="90">
        <v>0</v>
      </c>
      <c r="R35" s="88">
        <v>0</v>
      </c>
      <c r="S35" s="88">
        <v>0</v>
      </c>
      <c r="T35" s="88">
        <v>0</v>
      </c>
      <c r="U35" s="88">
        <v>1</v>
      </c>
      <c r="V35" s="88">
        <v>0</v>
      </c>
      <c r="W35" s="89">
        <v>1</v>
      </c>
      <c r="X35" s="91">
        <v>1</v>
      </c>
      <c r="Y35" s="92">
        <v>1</v>
      </c>
      <c r="Z35" s="88">
        <v>1</v>
      </c>
      <c r="AA35" s="89">
        <v>2</v>
      </c>
      <c r="AB35" s="90">
        <v>0</v>
      </c>
      <c r="AC35" s="88">
        <v>28</v>
      </c>
      <c r="AD35" s="88">
        <v>24</v>
      </c>
      <c r="AE35" s="88">
        <v>15</v>
      </c>
      <c r="AF35" s="88">
        <v>9</v>
      </c>
      <c r="AG35" s="88">
        <v>6</v>
      </c>
      <c r="AH35" s="89">
        <v>82</v>
      </c>
      <c r="AI35" s="91">
        <v>84</v>
      </c>
    </row>
    <row r="36" spans="2:35" ht="21" customHeight="1" x14ac:dyDescent="0.2">
      <c r="B36" s="472" t="s">
        <v>35</v>
      </c>
      <c r="C36" s="87">
        <v>4</v>
      </c>
      <c r="D36" s="88">
        <v>2</v>
      </c>
      <c r="E36" s="89">
        <v>6</v>
      </c>
      <c r="F36" s="90">
        <v>0</v>
      </c>
      <c r="G36" s="88">
        <v>44</v>
      </c>
      <c r="H36" s="88">
        <v>40</v>
      </c>
      <c r="I36" s="88">
        <v>29</v>
      </c>
      <c r="J36" s="88">
        <v>27</v>
      </c>
      <c r="K36" s="88">
        <v>10</v>
      </c>
      <c r="L36" s="89">
        <v>150</v>
      </c>
      <c r="M36" s="91">
        <v>156</v>
      </c>
      <c r="N36" s="92">
        <v>0</v>
      </c>
      <c r="O36" s="88">
        <v>0</v>
      </c>
      <c r="P36" s="89">
        <v>0</v>
      </c>
      <c r="Q36" s="90">
        <v>0</v>
      </c>
      <c r="R36" s="88">
        <v>0</v>
      </c>
      <c r="S36" s="88">
        <v>0</v>
      </c>
      <c r="T36" s="88">
        <v>0</v>
      </c>
      <c r="U36" s="88">
        <v>0</v>
      </c>
      <c r="V36" s="88">
        <v>0</v>
      </c>
      <c r="W36" s="89">
        <v>0</v>
      </c>
      <c r="X36" s="91">
        <v>0</v>
      </c>
      <c r="Y36" s="92">
        <v>4</v>
      </c>
      <c r="Z36" s="88">
        <v>2</v>
      </c>
      <c r="AA36" s="89">
        <v>6</v>
      </c>
      <c r="AB36" s="90">
        <v>0</v>
      </c>
      <c r="AC36" s="88">
        <v>44</v>
      </c>
      <c r="AD36" s="88">
        <v>40</v>
      </c>
      <c r="AE36" s="88">
        <v>29</v>
      </c>
      <c r="AF36" s="88">
        <v>27</v>
      </c>
      <c r="AG36" s="88">
        <v>10</v>
      </c>
      <c r="AH36" s="89">
        <v>150</v>
      </c>
      <c r="AI36" s="91">
        <v>156</v>
      </c>
    </row>
    <row r="37" spans="2:35" ht="21" customHeight="1" x14ac:dyDescent="0.2">
      <c r="B37" s="472" t="s">
        <v>36</v>
      </c>
      <c r="C37" s="87">
        <v>0</v>
      </c>
      <c r="D37" s="88">
        <v>4</v>
      </c>
      <c r="E37" s="89">
        <v>4</v>
      </c>
      <c r="F37" s="90">
        <v>0</v>
      </c>
      <c r="G37" s="88">
        <v>86</v>
      </c>
      <c r="H37" s="88">
        <v>73</v>
      </c>
      <c r="I37" s="88">
        <v>45</v>
      </c>
      <c r="J37" s="88">
        <v>28</v>
      </c>
      <c r="K37" s="88">
        <v>19</v>
      </c>
      <c r="L37" s="89">
        <v>251</v>
      </c>
      <c r="M37" s="91">
        <v>255</v>
      </c>
      <c r="N37" s="92">
        <v>0</v>
      </c>
      <c r="O37" s="88">
        <v>0</v>
      </c>
      <c r="P37" s="89">
        <v>0</v>
      </c>
      <c r="Q37" s="90">
        <v>0</v>
      </c>
      <c r="R37" s="88">
        <v>0</v>
      </c>
      <c r="S37" s="88">
        <v>1</v>
      </c>
      <c r="T37" s="88">
        <v>1</v>
      </c>
      <c r="U37" s="88">
        <v>0</v>
      </c>
      <c r="V37" s="88">
        <v>1</v>
      </c>
      <c r="W37" s="89">
        <v>3</v>
      </c>
      <c r="X37" s="91">
        <v>3</v>
      </c>
      <c r="Y37" s="92">
        <v>0</v>
      </c>
      <c r="Z37" s="88">
        <v>4</v>
      </c>
      <c r="AA37" s="89">
        <v>4</v>
      </c>
      <c r="AB37" s="90">
        <v>0</v>
      </c>
      <c r="AC37" s="88">
        <v>86</v>
      </c>
      <c r="AD37" s="88">
        <v>74</v>
      </c>
      <c r="AE37" s="88">
        <v>46</v>
      </c>
      <c r="AF37" s="88">
        <v>28</v>
      </c>
      <c r="AG37" s="88">
        <v>20</v>
      </c>
      <c r="AH37" s="89">
        <v>254</v>
      </c>
      <c r="AI37" s="91">
        <v>258</v>
      </c>
    </row>
    <row r="38" spans="2:35" ht="21" customHeight="1" thickBot="1" x14ac:dyDescent="0.25">
      <c r="B38" s="473" t="s">
        <v>37</v>
      </c>
      <c r="C38" s="93">
        <v>0</v>
      </c>
      <c r="D38" s="94">
        <v>0</v>
      </c>
      <c r="E38" s="95">
        <v>0</v>
      </c>
      <c r="F38" s="96">
        <v>0</v>
      </c>
      <c r="G38" s="94">
        <v>13</v>
      </c>
      <c r="H38" s="94">
        <v>8</v>
      </c>
      <c r="I38" s="94">
        <v>8</v>
      </c>
      <c r="J38" s="94">
        <v>6</v>
      </c>
      <c r="K38" s="94">
        <v>4</v>
      </c>
      <c r="L38" s="95">
        <v>39</v>
      </c>
      <c r="M38" s="97">
        <v>39</v>
      </c>
      <c r="N38" s="98">
        <v>0</v>
      </c>
      <c r="O38" s="94">
        <v>0</v>
      </c>
      <c r="P38" s="95">
        <v>0</v>
      </c>
      <c r="Q38" s="96">
        <v>0</v>
      </c>
      <c r="R38" s="94">
        <v>0</v>
      </c>
      <c r="S38" s="94">
        <v>0</v>
      </c>
      <c r="T38" s="94">
        <v>0</v>
      </c>
      <c r="U38" s="94">
        <v>0</v>
      </c>
      <c r="V38" s="94">
        <v>0</v>
      </c>
      <c r="W38" s="95">
        <v>0</v>
      </c>
      <c r="X38" s="97">
        <v>0</v>
      </c>
      <c r="Y38" s="98">
        <v>0</v>
      </c>
      <c r="Z38" s="94">
        <v>0</v>
      </c>
      <c r="AA38" s="95">
        <v>0</v>
      </c>
      <c r="AB38" s="96">
        <v>0</v>
      </c>
      <c r="AC38" s="94">
        <v>13</v>
      </c>
      <c r="AD38" s="94">
        <v>8</v>
      </c>
      <c r="AE38" s="94">
        <v>8</v>
      </c>
      <c r="AF38" s="94">
        <v>6</v>
      </c>
      <c r="AG38" s="94">
        <v>4</v>
      </c>
      <c r="AH38" s="95">
        <v>39</v>
      </c>
      <c r="AI38" s="97">
        <v>39</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501">
        <f>第１表!F2</f>
        <v>5</v>
      </c>
      <c r="J1" s="501"/>
      <c r="K1" s="235">
        <f>第１表!G2</f>
        <v>10</v>
      </c>
      <c r="L1" s="505">
        <f>IF(K1&lt;3,K1+12-2,K1-2)</f>
        <v>8</v>
      </c>
      <c r="M1" s="505"/>
    </row>
    <row r="2" spans="1:101" s="272" customFormat="1" ht="24" customHeight="1" thickBot="1" x14ac:dyDescent="0.25">
      <c r="A2" s="39"/>
      <c r="B2" s="271" t="s">
        <v>132</v>
      </c>
    </row>
    <row r="3" spans="1:101" ht="21" customHeight="1" thickBot="1" x14ac:dyDescent="0.25">
      <c r="B3" s="518"/>
      <c r="C3" s="509" t="s">
        <v>114</v>
      </c>
      <c r="D3" s="510"/>
      <c r="E3" s="510"/>
      <c r="F3" s="510"/>
      <c r="G3" s="510"/>
      <c r="H3" s="510"/>
      <c r="I3" s="510"/>
      <c r="J3" s="510"/>
      <c r="K3" s="510"/>
      <c r="L3" s="510"/>
      <c r="M3" s="511"/>
      <c r="N3" s="509" t="s">
        <v>115</v>
      </c>
      <c r="O3" s="510"/>
      <c r="P3" s="510"/>
      <c r="Q3" s="510"/>
      <c r="R3" s="510"/>
      <c r="S3" s="510"/>
      <c r="T3" s="510"/>
      <c r="U3" s="510"/>
      <c r="V3" s="510"/>
      <c r="W3" s="510"/>
      <c r="X3" s="511"/>
      <c r="Y3" s="509" t="s">
        <v>141</v>
      </c>
      <c r="Z3" s="510"/>
      <c r="AA3" s="510"/>
      <c r="AB3" s="510"/>
      <c r="AC3" s="510"/>
      <c r="AD3" s="510"/>
      <c r="AE3" s="510"/>
      <c r="AF3" s="510"/>
      <c r="AG3" s="510"/>
      <c r="AH3" s="510"/>
      <c r="AI3" s="511"/>
      <c r="AJ3" s="509" t="s">
        <v>90</v>
      </c>
      <c r="AK3" s="510"/>
      <c r="AL3" s="510"/>
      <c r="AM3" s="510"/>
      <c r="AN3" s="510"/>
      <c r="AO3" s="510"/>
      <c r="AP3" s="510"/>
      <c r="AQ3" s="510"/>
      <c r="AR3" s="510"/>
      <c r="AS3" s="510"/>
      <c r="AT3" s="511"/>
      <c r="AU3" s="522" t="s">
        <v>89</v>
      </c>
      <c r="AV3" s="523"/>
      <c r="AW3" s="523"/>
      <c r="AX3" s="523"/>
      <c r="AY3" s="523"/>
      <c r="AZ3" s="523"/>
      <c r="BA3" s="523"/>
      <c r="BB3" s="523"/>
      <c r="BC3" s="523"/>
      <c r="BD3" s="523"/>
      <c r="BE3" s="524"/>
      <c r="BF3" s="522" t="s">
        <v>91</v>
      </c>
      <c r="BG3" s="523"/>
      <c r="BH3" s="523"/>
      <c r="BI3" s="523"/>
      <c r="BJ3" s="523"/>
      <c r="BK3" s="523"/>
      <c r="BL3" s="523"/>
      <c r="BM3" s="523"/>
      <c r="BN3" s="523"/>
      <c r="BO3" s="523"/>
      <c r="BP3" s="524"/>
      <c r="BQ3" s="522" t="s">
        <v>92</v>
      </c>
      <c r="BR3" s="523"/>
      <c r="BS3" s="523"/>
      <c r="BT3" s="523"/>
      <c r="BU3" s="523"/>
      <c r="BV3" s="523"/>
      <c r="BW3" s="523"/>
      <c r="BX3" s="523"/>
      <c r="BY3" s="523"/>
      <c r="BZ3" s="523"/>
      <c r="CA3" s="524"/>
      <c r="CB3" s="522" t="s">
        <v>93</v>
      </c>
      <c r="CC3" s="523"/>
      <c r="CD3" s="523"/>
      <c r="CE3" s="523"/>
      <c r="CF3" s="523"/>
      <c r="CG3" s="523"/>
      <c r="CH3" s="523"/>
      <c r="CI3" s="523"/>
      <c r="CJ3" s="523"/>
      <c r="CK3" s="523"/>
      <c r="CL3" s="524"/>
      <c r="CM3" s="523" t="s">
        <v>140</v>
      </c>
      <c r="CN3" s="523"/>
      <c r="CO3" s="523"/>
      <c r="CP3" s="523"/>
      <c r="CQ3" s="523"/>
      <c r="CR3" s="523"/>
      <c r="CS3" s="523"/>
      <c r="CT3" s="523"/>
      <c r="CU3" s="523"/>
      <c r="CV3" s="523"/>
      <c r="CW3" s="524"/>
    </row>
    <row r="4" spans="1:101" ht="21" customHeight="1" x14ac:dyDescent="0.2">
      <c r="B4" s="519"/>
      <c r="C4" s="517" t="s">
        <v>61</v>
      </c>
      <c r="D4" s="513"/>
      <c r="E4" s="514"/>
      <c r="F4" s="512" t="s">
        <v>62</v>
      </c>
      <c r="G4" s="513"/>
      <c r="H4" s="513"/>
      <c r="I4" s="513"/>
      <c r="J4" s="513"/>
      <c r="K4" s="513"/>
      <c r="L4" s="521"/>
      <c r="M4" s="515" t="s">
        <v>52</v>
      </c>
      <c r="N4" s="517" t="s">
        <v>61</v>
      </c>
      <c r="O4" s="513"/>
      <c r="P4" s="514"/>
      <c r="Q4" s="512" t="s">
        <v>62</v>
      </c>
      <c r="R4" s="513"/>
      <c r="S4" s="513"/>
      <c r="T4" s="513"/>
      <c r="U4" s="513"/>
      <c r="V4" s="513"/>
      <c r="W4" s="514"/>
      <c r="X4" s="515" t="s">
        <v>52</v>
      </c>
      <c r="Y4" s="517" t="s">
        <v>61</v>
      </c>
      <c r="Z4" s="513"/>
      <c r="AA4" s="514"/>
      <c r="AB4" s="512" t="s">
        <v>62</v>
      </c>
      <c r="AC4" s="513"/>
      <c r="AD4" s="513"/>
      <c r="AE4" s="513"/>
      <c r="AF4" s="513"/>
      <c r="AG4" s="513"/>
      <c r="AH4" s="514"/>
      <c r="AI4" s="515" t="s">
        <v>52</v>
      </c>
      <c r="AJ4" s="517" t="s">
        <v>61</v>
      </c>
      <c r="AK4" s="513"/>
      <c r="AL4" s="514"/>
      <c r="AM4" s="512" t="s">
        <v>62</v>
      </c>
      <c r="AN4" s="513"/>
      <c r="AO4" s="513"/>
      <c r="AP4" s="513"/>
      <c r="AQ4" s="513"/>
      <c r="AR4" s="513"/>
      <c r="AS4" s="514"/>
      <c r="AT4" s="515" t="s">
        <v>52</v>
      </c>
      <c r="AU4" s="540" t="s">
        <v>61</v>
      </c>
      <c r="AV4" s="538"/>
      <c r="AW4" s="539"/>
      <c r="AX4" s="537" t="s">
        <v>62</v>
      </c>
      <c r="AY4" s="538"/>
      <c r="AZ4" s="538"/>
      <c r="BA4" s="538"/>
      <c r="BB4" s="538"/>
      <c r="BC4" s="538"/>
      <c r="BD4" s="539"/>
      <c r="BE4" s="535" t="s">
        <v>52</v>
      </c>
      <c r="BF4" s="540" t="s">
        <v>61</v>
      </c>
      <c r="BG4" s="538"/>
      <c r="BH4" s="539"/>
      <c r="BI4" s="537" t="s">
        <v>62</v>
      </c>
      <c r="BJ4" s="538"/>
      <c r="BK4" s="538"/>
      <c r="BL4" s="538"/>
      <c r="BM4" s="538"/>
      <c r="BN4" s="538"/>
      <c r="BO4" s="539"/>
      <c r="BP4" s="535" t="s">
        <v>52</v>
      </c>
      <c r="BQ4" s="540" t="s">
        <v>61</v>
      </c>
      <c r="BR4" s="538"/>
      <c r="BS4" s="539"/>
      <c r="BT4" s="537" t="s">
        <v>62</v>
      </c>
      <c r="BU4" s="538"/>
      <c r="BV4" s="538"/>
      <c r="BW4" s="538"/>
      <c r="BX4" s="538"/>
      <c r="BY4" s="538"/>
      <c r="BZ4" s="539"/>
      <c r="CA4" s="535" t="s">
        <v>52</v>
      </c>
      <c r="CB4" s="540" t="s">
        <v>61</v>
      </c>
      <c r="CC4" s="538"/>
      <c r="CD4" s="539"/>
      <c r="CE4" s="537" t="s">
        <v>62</v>
      </c>
      <c r="CF4" s="538"/>
      <c r="CG4" s="538"/>
      <c r="CH4" s="538"/>
      <c r="CI4" s="538"/>
      <c r="CJ4" s="538"/>
      <c r="CK4" s="539"/>
      <c r="CL4" s="535" t="s">
        <v>52</v>
      </c>
      <c r="CM4" s="540" t="s">
        <v>61</v>
      </c>
      <c r="CN4" s="538"/>
      <c r="CO4" s="539"/>
      <c r="CP4" s="537" t="s">
        <v>62</v>
      </c>
      <c r="CQ4" s="538"/>
      <c r="CR4" s="538"/>
      <c r="CS4" s="538"/>
      <c r="CT4" s="538"/>
      <c r="CU4" s="538"/>
      <c r="CV4" s="539"/>
      <c r="CW4" s="535" t="s">
        <v>52</v>
      </c>
    </row>
    <row r="5" spans="1:101" ht="30" customHeight="1" thickBot="1" x14ac:dyDescent="0.25">
      <c r="B5" s="520"/>
      <c r="C5" s="244" t="s">
        <v>43</v>
      </c>
      <c r="D5" s="246" t="s">
        <v>44</v>
      </c>
      <c r="E5" s="247" t="s">
        <v>45</v>
      </c>
      <c r="F5" s="248" t="s">
        <v>83</v>
      </c>
      <c r="G5" s="243" t="s">
        <v>47</v>
      </c>
      <c r="H5" s="243" t="s">
        <v>48</v>
      </c>
      <c r="I5" s="243" t="s">
        <v>49</v>
      </c>
      <c r="J5" s="243" t="s">
        <v>50</v>
      </c>
      <c r="K5" s="243" t="s">
        <v>51</v>
      </c>
      <c r="L5" s="249" t="s">
        <v>45</v>
      </c>
      <c r="M5" s="516"/>
      <c r="N5" s="244" t="s">
        <v>43</v>
      </c>
      <c r="O5" s="243" t="s">
        <v>44</v>
      </c>
      <c r="P5" s="246" t="s">
        <v>45</v>
      </c>
      <c r="Q5" s="248" t="s">
        <v>83</v>
      </c>
      <c r="R5" s="243" t="s">
        <v>47</v>
      </c>
      <c r="S5" s="243" t="s">
        <v>48</v>
      </c>
      <c r="T5" s="243" t="s">
        <v>49</v>
      </c>
      <c r="U5" s="243" t="s">
        <v>50</v>
      </c>
      <c r="V5" s="243" t="s">
        <v>51</v>
      </c>
      <c r="W5" s="246" t="s">
        <v>45</v>
      </c>
      <c r="X5" s="516"/>
      <c r="Y5" s="244" t="s">
        <v>43</v>
      </c>
      <c r="Z5" s="243" t="s">
        <v>44</v>
      </c>
      <c r="AA5" s="246" t="s">
        <v>45</v>
      </c>
      <c r="AB5" s="248" t="s">
        <v>83</v>
      </c>
      <c r="AC5" s="243" t="s">
        <v>47</v>
      </c>
      <c r="AD5" s="243" t="s">
        <v>48</v>
      </c>
      <c r="AE5" s="243" t="s">
        <v>49</v>
      </c>
      <c r="AF5" s="243" t="s">
        <v>50</v>
      </c>
      <c r="AG5" s="243" t="s">
        <v>51</v>
      </c>
      <c r="AH5" s="246" t="s">
        <v>45</v>
      </c>
      <c r="AI5" s="516"/>
      <c r="AJ5" s="318" t="s">
        <v>43</v>
      </c>
      <c r="AK5" s="243" t="s">
        <v>44</v>
      </c>
      <c r="AL5" s="246" t="s">
        <v>45</v>
      </c>
      <c r="AM5" s="248" t="s">
        <v>83</v>
      </c>
      <c r="AN5" s="243" t="s">
        <v>47</v>
      </c>
      <c r="AO5" s="243" t="s">
        <v>48</v>
      </c>
      <c r="AP5" s="243" t="s">
        <v>49</v>
      </c>
      <c r="AQ5" s="243" t="s">
        <v>50</v>
      </c>
      <c r="AR5" s="243" t="s">
        <v>51</v>
      </c>
      <c r="AS5" s="246" t="s">
        <v>45</v>
      </c>
      <c r="AT5" s="516"/>
      <c r="AU5" s="318" t="s">
        <v>43</v>
      </c>
      <c r="AV5" s="243" t="s">
        <v>44</v>
      </c>
      <c r="AW5" s="246" t="s">
        <v>45</v>
      </c>
      <c r="AX5" s="248" t="s">
        <v>83</v>
      </c>
      <c r="AY5" s="243" t="s">
        <v>47</v>
      </c>
      <c r="AZ5" s="243" t="s">
        <v>48</v>
      </c>
      <c r="BA5" s="243" t="s">
        <v>49</v>
      </c>
      <c r="BB5" s="243" t="s">
        <v>50</v>
      </c>
      <c r="BC5" s="243" t="s">
        <v>51</v>
      </c>
      <c r="BD5" s="246" t="s">
        <v>45</v>
      </c>
      <c r="BE5" s="536"/>
      <c r="BF5" s="318" t="s">
        <v>43</v>
      </c>
      <c r="BG5" s="243" t="s">
        <v>44</v>
      </c>
      <c r="BH5" s="246" t="s">
        <v>45</v>
      </c>
      <c r="BI5" s="248" t="s">
        <v>83</v>
      </c>
      <c r="BJ5" s="243" t="s">
        <v>47</v>
      </c>
      <c r="BK5" s="243" t="s">
        <v>48</v>
      </c>
      <c r="BL5" s="243" t="s">
        <v>49</v>
      </c>
      <c r="BM5" s="243" t="s">
        <v>50</v>
      </c>
      <c r="BN5" s="243" t="s">
        <v>51</v>
      </c>
      <c r="BO5" s="246" t="s">
        <v>45</v>
      </c>
      <c r="BP5" s="536"/>
      <c r="BQ5" s="318" t="s">
        <v>43</v>
      </c>
      <c r="BR5" s="243" t="s">
        <v>44</v>
      </c>
      <c r="BS5" s="246" t="s">
        <v>45</v>
      </c>
      <c r="BT5" s="248" t="s">
        <v>83</v>
      </c>
      <c r="BU5" s="243" t="s">
        <v>47</v>
      </c>
      <c r="BV5" s="243" t="s">
        <v>48</v>
      </c>
      <c r="BW5" s="243" t="s">
        <v>49</v>
      </c>
      <c r="BX5" s="243" t="s">
        <v>50</v>
      </c>
      <c r="BY5" s="243" t="s">
        <v>51</v>
      </c>
      <c r="BZ5" s="246" t="s">
        <v>45</v>
      </c>
      <c r="CA5" s="536"/>
      <c r="CB5" s="318" t="s">
        <v>43</v>
      </c>
      <c r="CC5" s="243" t="s">
        <v>44</v>
      </c>
      <c r="CD5" s="246" t="s">
        <v>45</v>
      </c>
      <c r="CE5" s="248" t="s">
        <v>83</v>
      </c>
      <c r="CF5" s="243" t="s">
        <v>47</v>
      </c>
      <c r="CG5" s="243" t="s">
        <v>48</v>
      </c>
      <c r="CH5" s="243" t="s">
        <v>49</v>
      </c>
      <c r="CI5" s="243" t="s">
        <v>50</v>
      </c>
      <c r="CJ5" s="243" t="s">
        <v>51</v>
      </c>
      <c r="CK5" s="246" t="s">
        <v>45</v>
      </c>
      <c r="CL5" s="536"/>
      <c r="CM5" s="318" t="s">
        <v>43</v>
      </c>
      <c r="CN5" s="243" t="s">
        <v>44</v>
      </c>
      <c r="CO5" s="246" t="s">
        <v>45</v>
      </c>
      <c r="CP5" s="248" t="s">
        <v>83</v>
      </c>
      <c r="CQ5" s="243" t="s">
        <v>47</v>
      </c>
      <c r="CR5" s="243" t="s">
        <v>48</v>
      </c>
      <c r="CS5" s="243" t="s">
        <v>49</v>
      </c>
      <c r="CT5" s="243" t="s">
        <v>50</v>
      </c>
      <c r="CU5" s="243" t="s">
        <v>51</v>
      </c>
      <c r="CV5" s="246" t="s">
        <v>45</v>
      </c>
      <c r="CW5" s="536"/>
    </row>
    <row r="6" spans="1:101" ht="21" customHeight="1" x14ac:dyDescent="0.2">
      <c r="B6" s="470" t="s">
        <v>4</v>
      </c>
      <c r="C6" s="250">
        <v>0</v>
      </c>
      <c r="D6" s="251">
        <v>0</v>
      </c>
      <c r="E6" s="252">
        <v>0</v>
      </c>
      <c r="F6" s="253">
        <v>0</v>
      </c>
      <c r="G6" s="254">
        <v>317</v>
      </c>
      <c r="H6" s="254">
        <v>405</v>
      </c>
      <c r="I6" s="254">
        <v>358</v>
      </c>
      <c r="J6" s="254">
        <v>406</v>
      </c>
      <c r="K6" s="254">
        <v>414</v>
      </c>
      <c r="L6" s="255">
        <v>1900</v>
      </c>
      <c r="M6" s="256">
        <v>1900</v>
      </c>
      <c r="N6" s="250">
        <v>0</v>
      </c>
      <c r="O6" s="254">
        <v>0</v>
      </c>
      <c r="P6" s="251">
        <v>0</v>
      </c>
      <c r="Q6" s="253">
        <v>0</v>
      </c>
      <c r="R6" s="254">
        <v>179</v>
      </c>
      <c r="S6" s="254">
        <v>538</v>
      </c>
      <c r="T6" s="254">
        <v>470</v>
      </c>
      <c r="U6" s="254">
        <v>443</v>
      </c>
      <c r="V6" s="254">
        <v>412</v>
      </c>
      <c r="W6" s="251">
        <v>2042</v>
      </c>
      <c r="X6" s="256">
        <v>2042</v>
      </c>
      <c r="Y6" s="250">
        <v>0</v>
      </c>
      <c r="Z6" s="254">
        <v>0</v>
      </c>
      <c r="AA6" s="251">
        <v>0</v>
      </c>
      <c r="AB6" s="253">
        <v>0</v>
      </c>
      <c r="AC6" s="254">
        <v>13586</v>
      </c>
      <c r="AD6" s="254">
        <v>12653</v>
      </c>
      <c r="AE6" s="254">
        <v>6027</v>
      </c>
      <c r="AF6" s="254">
        <v>2989</v>
      </c>
      <c r="AG6" s="254">
        <v>1301</v>
      </c>
      <c r="AH6" s="251">
        <v>36556</v>
      </c>
      <c r="AI6" s="256">
        <v>36556</v>
      </c>
      <c r="AJ6" s="250">
        <v>8</v>
      </c>
      <c r="AK6" s="254">
        <v>9</v>
      </c>
      <c r="AL6" s="251">
        <v>17</v>
      </c>
      <c r="AM6" s="253">
        <v>0</v>
      </c>
      <c r="AN6" s="254">
        <v>785</v>
      </c>
      <c r="AO6" s="254">
        <v>956</v>
      </c>
      <c r="AP6" s="254">
        <v>1074</v>
      </c>
      <c r="AQ6" s="254">
        <v>617</v>
      </c>
      <c r="AR6" s="254">
        <v>454</v>
      </c>
      <c r="AS6" s="251">
        <v>3886</v>
      </c>
      <c r="AT6" s="256">
        <v>3903</v>
      </c>
      <c r="AU6" s="250">
        <v>173</v>
      </c>
      <c r="AV6" s="254">
        <v>264</v>
      </c>
      <c r="AW6" s="251">
        <v>437</v>
      </c>
      <c r="AX6" s="253">
        <v>0</v>
      </c>
      <c r="AY6" s="254">
        <v>1456</v>
      </c>
      <c r="AZ6" s="254">
        <v>1564</v>
      </c>
      <c r="BA6" s="254">
        <v>1406</v>
      </c>
      <c r="BB6" s="254">
        <v>938</v>
      </c>
      <c r="BC6" s="254">
        <v>496</v>
      </c>
      <c r="BD6" s="251">
        <v>5860</v>
      </c>
      <c r="BE6" s="256">
        <v>6297</v>
      </c>
      <c r="BF6" s="250">
        <v>0</v>
      </c>
      <c r="BG6" s="254">
        <v>39</v>
      </c>
      <c r="BH6" s="251">
        <v>39</v>
      </c>
      <c r="BI6" s="253">
        <v>0</v>
      </c>
      <c r="BJ6" s="254">
        <v>2477</v>
      </c>
      <c r="BK6" s="254">
        <v>3193</v>
      </c>
      <c r="BL6" s="254">
        <v>3545</v>
      </c>
      <c r="BM6" s="254">
        <v>2359</v>
      </c>
      <c r="BN6" s="254">
        <v>1672</v>
      </c>
      <c r="BO6" s="255">
        <v>13246</v>
      </c>
      <c r="BP6" s="256">
        <v>13285</v>
      </c>
      <c r="BQ6" s="250">
        <v>0</v>
      </c>
      <c r="BR6" s="254">
        <v>0</v>
      </c>
      <c r="BS6" s="251">
        <v>0</v>
      </c>
      <c r="BT6" s="253">
        <v>0</v>
      </c>
      <c r="BU6" s="254">
        <v>39</v>
      </c>
      <c r="BV6" s="254">
        <v>43</v>
      </c>
      <c r="BW6" s="254">
        <v>71</v>
      </c>
      <c r="BX6" s="254">
        <v>64</v>
      </c>
      <c r="BY6" s="254">
        <v>53</v>
      </c>
      <c r="BZ6" s="251">
        <v>270</v>
      </c>
      <c r="CA6" s="256">
        <v>270</v>
      </c>
      <c r="CB6" s="250">
        <v>0</v>
      </c>
      <c r="CC6" s="254">
        <v>0</v>
      </c>
      <c r="CD6" s="251">
        <v>0</v>
      </c>
      <c r="CE6" s="253">
        <v>0</v>
      </c>
      <c r="CF6" s="254">
        <v>11</v>
      </c>
      <c r="CG6" s="254">
        <v>27</v>
      </c>
      <c r="CH6" s="254">
        <v>204</v>
      </c>
      <c r="CI6" s="254">
        <v>338</v>
      </c>
      <c r="CJ6" s="254">
        <v>228</v>
      </c>
      <c r="CK6" s="251">
        <v>808</v>
      </c>
      <c r="CL6" s="256">
        <v>808</v>
      </c>
      <c r="CM6" s="250">
        <v>0</v>
      </c>
      <c r="CN6" s="254">
        <v>0</v>
      </c>
      <c r="CO6" s="251">
        <v>0</v>
      </c>
      <c r="CP6" s="253">
        <v>0</v>
      </c>
      <c r="CQ6" s="254">
        <v>194</v>
      </c>
      <c r="CR6" s="254">
        <v>324</v>
      </c>
      <c r="CS6" s="254">
        <v>300</v>
      </c>
      <c r="CT6" s="254">
        <v>373</v>
      </c>
      <c r="CU6" s="254">
        <v>455</v>
      </c>
      <c r="CV6" s="251">
        <v>1646</v>
      </c>
      <c r="CW6" s="256">
        <v>1646</v>
      </c>
    </row>
    <row r="7" spans="1:101" ht="21" customHeight="1" x14ac:dyDescent="0.2">
      <c r="B7" s="471" t="s">
        <v>5</v>
      </c>
      <c r="C7" s="257">
        <v>0</v>
      </c>
      <c r="D7" s="258">
        <v>0</v>
      </c>
      <c r="E7" s="259">
        <v>0</v>
      </c>
      <c r="F7" s="260">
        <v>0</v>
      </c>
      <c r="G7" s="261">
        <v>124</v>
      </c>
      <c r="H7" s="261">
        <v>181</v>
      </c>
      <c r="I7" s="261">
        <v>180</v>
      </c>
      <c r="J7" s="261">
        <v>189</v>
      </c>
      <c r="K7" s="261">
        <v>189</v>
      </c>
      <c r="L7" s="262">
        <v>863</v>
      </c>
      <c r="M7" s="263">
        <v>863</v>
      </c>
      <c r="N7" s="257">
        <v>0</v>
      </c>
      <c r="O7" s="261">
        <v>0</v>
      </c>
      <c r="P7" s="258">
        <v>0</v>
      </c>
      <c r="Q7" s="260">
        <v>0</v>
      </c>
      <c r="R7" s="261">
        <v>93</v>
      </c>
      <c r="S7" s="261">
        <v>395</v>
      </c>
      <c r="T7" s="261">
        <v>345</v>
      </c>
      <c r="U7" s="261">
        <v>331</v>
      </c>
      <c r="V7" s="261">
        <v>304</v>
      </c>
      <c r="W7" s="258">
        <v>1468</v>
      </c>
      <c r="X7" s="263">
        <v>1468</v>
      </c>
      <c r="Y7" s="257">
        <v>0</v>
      </c>
      <c r="Z7" s="261">
        <v>0</v>
      </c>
      <c r="AA7" s="258">
        <v>0</v>
      </c>
      <c r="AB7" s="260">
        <v>0</v>
      </c>
      <c r="AC7" s="261">
        <v>4882</v>
      </c>
      <c r="AD7" s="261">
        <v>6157</v>
      </c>
      <c r="AE7" s="261">
        <v>2764</v>
      </c>
      <c r="AF7" s="261">
        <v>1406</v>
      </c>
      <c r="AG7" s="261">
        <v>598</v>
      </c>
      <c r="AH7" s="258">
        <v>15807</v>
      </c>
      <c r="AI7" s="263">
        <v>15807</v>
      </c>
      <c r="AJ7" s="257">
        <v>4</v>
      </c>
      <c r="AK7" s="261">
        <v>3</v>
      </c>
      <c r="AL7" s="258">
        <v>7</v>
      </c>
      <c r="AM7" s="260">
        <v>0</v>
      </c>
      <c r="AN7" s="261">
        <v>388</v>
      </c>
      <c r="AO7" s="261">
        <v>486</v>
      </c>
      <c r="AP7" s="261">
        <v>537</v>
      </c>
      <c r="AQ7" s="261">
        <v>336</v>
      </c>
      <c r="AR7" s="261">
        <v>244</v>
      </c>
      <c r="AS7" s="258">
        <v>1991</v>
      </c>
      <c r="AT7" s="263">
        <v>1998</v>
      </c>
      <c r="AU7" s="257">
        <v>77</v>
      </c>
      <c r="AV7" s="261">
        <v>102</v>
      </c>
      <c r="AW7" s="258">
        <v>179</v>
      </c>
      <c r="AX7" s="260">
        <v>0</v>
      </c>
      <c r="AY7" s="261">
        <v>539</v>
      </c>
      <c r="AZ7" s="261">
        <v>682</v>
      </c>
      <c r="BA7" s="261">
        <v>579</v>
      </c>
      <c r="BB7" s="261">
        <v>415</v>
      </c>
      <c r="BC7" s="261">
        <v>246</v>
      </c>
      <c r="BD7" s="258">
        <v>2461</v>
      </c>
      <c r="BE7" s="263">
        <v>2640</v>
      </c>
      <c r="BF7" s="257">
        <v>0</v>
      </c>
      <c r="BG7" s="261">
        <v>14</v>
      </c>
      <c r="BH7" s="258">
        <v>14</v>
      </c>
      <c r="BI7" s="260">
        <v>0</v>
      </c>
      <c r="BJ7" s="261">
        <v>1098</v>
      </c>
      <c r="BK7" s="261">
        <v>1393</v>
      </c>
      <c r="BL7" s="261">
        <v>1528</v>
      </c>
      <c r="BM7" s="261">
        <v>1016</v>
      </c>
      <c r="BN7" s="261">
        <v>754</v>
      </c>
      <c r="BO7" s="262">
        <v>5789</v>
      </c>
      <c r="BP7" s="263">
        <v>5803</v>
      </c>
      <c r="BQ7" s="257">
        <v>0</v>
      </c>
      <c r="BR7" s="261">
        <v>0</v>
      </c>
      <c r="BS7" s="258">
        <v>0</v>
      </c>
      <c r="BT7" s="260">
        <v>0</v>
      </c>
      <c r="BU7" s="261">
        <v>0</v>
      </c>
      <c r="BV7" s="261">
        <v>2</v>
      </c>
      <c r="BW7" s="261">
        <v>5</v>
      </c>
      <c r="BX7" s="261">
        <v>1</v>
      </c>
      <c r="BY7" s="261">
        <v>3</v>
      </c>
      <c r="BZ7" s="258">
        <v>11</v>
      </c>
      <c r="CA7" s="263">
        <v>11</v>
      </c>
      <c r="CB7" s="257">
        <v>0</v>
      </c>
      <c r="CC7" s="261">
        <v>0</v>
      </c>
      <c r="CD7" s="258">
        <v>0</v>
      </c>
      <c r="CE7" s="260">
        <v>0</v>
      </c>
      <c r="CF7" s="261">
        <v>5</v>
      </c>
      <c r="CG7" s="261">
        <v>10</v>
      </c>
      <c r="CH7" s="261">
        <v>24</v>
      </c>
      <c r="CI7" s="261">
        <v>39</v>
      </c>
      <c r="CJ7" s="261">
        <v>35</v>
      </c>
      <c r="CK7" s="258">
        <v>113</v>
      </c>
      <c r="CL7" s="263">
        <v>113</v>
      </c>
      <c r="CM7" s="257">
        <v>0</v>
      </c>
      <c r="CN7" s="261">
        <v>0</v>
      </c>
      <c r="CO7" s="258">
        <v>0</v>
      </c>
      <c r="CP7" s="260">
        <v>0</v>
      </c>
      <c r="CQ7" s="261">
        <v>28</v>
      </c>
      <c r="CR7" s="261">
        <v>70</v>
      </c>
      <c r="CS7" s="261">
        <v>67</v>
      </c>
      <c r="CT7" s="261">
        <v>95</v>
      </c>
      <c r="CU7" s="261">
        <v>171</v>
      </c>
      <c r="CV7" s="258">
        <v>431</v>
      </c>
      <c r="CW7" s="263">
        <v>431</v>
      </c>
    </row>
    <row r="8" spans="1:101" ht="21" customHeight="1" x14ac:dyDescent="0.2">
      <c r="B8" s="472" t="s">
        <v>6</v>
      </c>
      <c r="C8" s="257">
        <v>0</v>
      </c>
      <c r="D8" s="258">
        <v>0</v>
      </c>
      <c r="E8" s="259">
        <v>0</v>
      </c>
      <c r="F8" s="260">
        <v>0</v>
      </c>
      <c r="G8" s="261">
        <v>72</v>
      </c>
      <c r="H8" s="261">
        <v>79</v>
      </c>
      <c r="I8" s="261">
        <v>71</v>
      </c>
      <c r="J8" s="261">
        <v>95</v>
      </c>
      <c r="K8" s="261">
        <v>118</v>
      </c>
      <c r="L8" s="262">
        <v>435</v>
      </c>
      <c r="M8" s="263">
        <v>435</v>
      </c>
      <c r="N8" s="257">
        <v>0</v>
      </c>
      <c r="O8" s="261">
        <v>0</v>
      </c>
      <c r="P8" s="258">
        <v>0</v>
      </c>
      <c r="Q8" s="260">
        <v>0</v>
      </c>
      <c r="R8" s="261">
        <v>59</v>
      </c>
      <c r="S8" s="261">
        <v>115</v>
      </c>
      <c r="T8" s="261">
        <v>97</v>
      </c>
      <c r="U8" s="261">
        <v>91</v>
      </c>
      <c r="V8" s="261">
        <v>91</v>
      </c>
      <c r="W8" s="258">
        <v>453</v>
      </c>
      <c r="X8" s="263">
        <v>453</v>
      </c>
      <c r="Y8" s="257">
        <v>0</v>
      </c>
      <c r="Z8" s="261">
        <v>0</v>
      </c>
      <c r="AA8" s="258">
        <v>0</v>
      </c>
      <c r="AB8" s="260">
        <v>0</v>
      </c>
      <c r="AC8" s="261">
        <v>1875</v>
      </c>
      <c r="AD8" s="261">
        <v>1358</v>
      </c>
      <c r="AE8" s="261">
        <v>750</v>
      </c>
      <c r="AF8" s="261">
        <v>430</v>
      </c>
      <c r="AG8" s="261">
        <v>208</v>
      </c>
      <c r="AH8" s="258">
        <v>4621</v>
      </c>
      <c r="AI8" s="263">
        <v>4621</v>
      </c>
      <c r="AJ8" s="257">
        <v>2</v>
      </c>
      <c r="AK8" s="261">
        <v>2</v>
      </c>
      <c r="AL8" s="258">
        <v>4</v>
      </c>
      <c r="AM8" s="260">
        <v>0</v>
      </c>
      <c r="AN8" s="261">
        <v>174</v>
      </c>
      <c r="AO8" s="261">
        <v>206</v>
      </c>
      <c r="AP8" s="261">
        <v>232</v>
      </c>
      <c r="AQ8" s="261">
        <v>138</v>
      </c>
      <c r="AR8" s="261">
        <v>100</v>
      </c>
      <c r="AS8" s="258">
        <v>850</v>
      </c>
      <c r="AT8" s="263">
        <v>854</v>
      </c>
      <c r="AU8" s="257">
        <v>28</v>
      </c>
      <c r="AV8" s="261">
        <v>32</v>
      </c>
      <c r="AW8" s="258">
        <v>60</v>
      </c>
      <c r="AX8" s="260">
        <v>0</v>
      </c>
      <c r="AY8" s="261">
        <v>248</v>
      </c>
      <c r="AZ8" s="261">
        <v>222</v>
      </c>
      <c r="BA8" s="261">
        <v>183</v>
      </c>
      <c r="BB8" s="261">
        <v>141</v>
      </c>
      <c r="BC8" s="261">
        <v>67</v>
      </c>
      <c r="BD8" s="258">
        <v>861</v>
      </c>
      <c r="BE8" s="263">
        <v>921</v>
      </c>
      <c r="BF8" s="257">
        <v>0</v>
      </c>
      <c r="BG8" s="261">
        <v>5</v>
      </c>
      <c r="BH8" s="258">
        <v>5</v>
      </c>
      <c r="BI8" s="260">
        <v>0</v>
      </c>
      <c r="BJ8" s="261">
        <v>455</v>
      </c>
      <c r="BK8" s="261">
        <v>556</v>
      </c>
      <c r="BL8" s="261">
        <v>535</v>
      </c>
      <c r="BM8" s="261">
        <v>353</v>
      </c>
      <c r="BN8" s="261">
        <v>270</v>
      </c>
      <c r="BO8" s="262">
        <v>2169</v>
      </c>
      <c r="BP8" s="263">
        <v>2174</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4</v>
      </c>
      <c r="CG8" s="261">
        <v>5</v>
      </c>
      <c r="CH8" s="261">
        <v>66</v>
      </c>
      <c r="CI8" s="261">
        <v>92</v>
      </c>
      <c r="CJ8" s="261">
        <v>70</v>
      </c>
      <c r="CK8" s="258">
        <v>237</v>
      </c>
      <c r="CL8" s="263">
        <v>237</v>
      </c>
      <c r="CM8" s="257">
        <v>0</v>
      </c>
      <c r="CN8" s="261">
        <v>0</v>
      </c>
      <c r="CO8" s="258">
        <v>0</v>
      </c>
      <c r="CP8" s="260">
        <v>0</v>
      </c>
      <c r="CQ8" s="261">
        <v>70</v>
      </c>
      <c r="CR8" s="261">
        <v>99</v>
      </c>
      <c r="CS8" s="261">
        <v>78</v>
      </c>
      <c r="CT8" s="261">
        <v>93</v>
      </c>
      <c r="CU8" s="261">
        <v>98</v>
      </c>
      <c r="CV8" s="258">
        <v>438</v>
      </c>
      <c r="CW8" s="263">
        <v>438</v>
      </c>
    </row>
    <row r="9" spans="1:101" ht="21" customHeight="1" x14ac:dyDescent="0.2">
      <c r="B9" s="472" t="s">
        <v>14</v>
      </c>
      <c r="C9" s="257">
        <v>0</v>
      </c>
      <c r="D9" s="258">
        <v>0</v>
      </c>
      <c r="E9" s="259">
        <v>0</v>
      </c>
      <c r="F9" s="260">
        <v>0</v>
      </c>
      <c r="G9" s="261">
        <v>32</v>
      </c>
      <c r="H9" s="261">
        <v>33</v>
      </c>
      <c r="I9" s="261">
        <v>27</v>
      </c>
      <c r="J9" s="261">
        <v>26</v>
      </c>
      <c r="K9" s="261">
        <v>35</v>
      </c>
      <c r="L9" s="262">
        <v>153</v>
      </c>
      <c r="M9" s="263">
        <v>153</v>
      </c>
      <c r="N9" s="257">
        <v>0</v>
      </c>
      <c r="O9" s="261">
        <v>0</v>
      </c>
      <c r="P9" s="258">
        <v>0</v>
      </c>
      <c r="Q9" s="260">
        <v>0</v>
      </c>
      <c r="R9" s="261">
        <v>0</v>
      </c>
      <c r="S9" s="261">
        <v>0</v>
      </c>
      <c r="T9" s="261">
        <v>0</v>
      </c>
      <c r="U9" s="261">
        <v>0</v>
      </c>
      <c r="V9" s="261">
        <v>1</v>
      </c>
      <c r="W9" s="258">
        <v>1</v>
      </c>
      <c r="X9" s="263">
        <v>1</v>
      </c>
      <c r="Y9" s="257">
        <v>0</v>
      </c>
      <c r="Z9" s="261">
        <v>0</v>
      </c>
      <c r="AA9" s="258">
        <v>0</v>
      </c>
      <c r="AB9" s="260">
        <v>0</v>
      </c>
      <c r="AC9" s="261">
        <v>1039</v>
      </c>
      <c r="AD9" s="261">
        <v>1151</v>
      </c>
      <c r="AE9" s="261">
        <v>562</v>
      </c>
      <c r="AF9" s="261">
        <v>257</v>
      </c>
      <c r="AG9" s="261">
        <v>113</v>
      </c>
      <c r="AH9" s="258">
        <v>3122</v>
      </c>
      <c r="AI9" s="263">
        <v>3122</v>
      </c>
      <c r="AJ9" s="257">
        <v>0</v>
      </c>
      <c r="AK9" s="261">
        <v>0</v>
      </c>
      <c r="AL9" s="258">
        <v>0</v>
      </c>
      <c r="AM9" s="260">
        <v>0</v>
      </c>
      <c r="AN9" s="261">
        <v>16</v>
      </c>
      <c r="AO9" s="261">
        <v>22</v>
      </c>
      <c r="AP9" s="261">
        <v>41</v>
      </c>
      <c r="AQ9" s="261">
        <v>22</v>
      </c>
      <c r="AR9" s="261">
        <v>18</v>
      </c>
      <c r="AS9" s="258">
        <v>119</v>
      </c>
      <c r="AT9" s="263">
        <v>119</v>
      </c>
      <c r="AU9" s="257">
        <v>18</v>
      </c>
      <c r="AV9" s="261">
        <v>30</v>
      </c>
      <c r="AW9" s="258">
        <v>48</v>
      </c>
      <c r="AX9" s="260">
        <v>0</v>
      </c>
      <c r="AY9" s="261">
        <v>109</v>
      </c>
      <c r="AZ9" s="261">
        <v>142</v>
      </c>
      <c r="BA9" s="261">
        <v>128</v>
      </c>
      <c r="BB9" s="261">
        <v>72</v>
      </c>
      <c r="BC9" s="261">
        <v>20</v>
      </c>
      <c r="BD9" s="258">
        <v>471</v>
      </c>
      <c r="BE9" s="263">
        <v>519</v>
      </c>
      <c r="BF9" s="257">
        <v>0</v>
      </c>
      <c r="BG9" s="261">
        <v>1</v>
      </c>
      <c r="BH9" s="258">
        <v>1</v>
      </c>
      <c r="BI9" s="260">
        <v>0</v>
      </c>
      <c r="BJ9" s="261">
        <v>207</v>
      </c>
      <c r="BK9" s="261">
        <v>280</v>
      </c>
      <c r="BL9" s="261">
        <v>379</v>
      </c>
      <c r="BM9" s="261">
        <v>202</v>
      </c>
      <c r="BN9" s="261">
        <v>136</v>
      </c>
      <c r="BO9" s="262">
        <v>1204</v>
      </c>
      <c r="BP9" s="263">
        <v>1205</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2</v>
      </c>
      <c r="CH9" s="261">
        <v>11</v>
      </c>
      <c r="CI9" s="261">
        <v>29</v>
      </c>
      <c r="CJ9" s="261">
        <v>11</v>
      </c>
      <c r="CK9" s="258">
        <v>53</v>
      </c>
      <c r="CL9" s="263">
        <v>53</v>
      </c>
      <c r="CM9" s="257">
        <v>0</v>
      </c>
      <c r="CN9" s="261">
        <v>0</v>
      </c>
      <c r="CO9" s="258">
        <v>0</v>
      </c>
      <c r="CP9" s="260">
        <v>0</v>
      </c>
      <c r="CQ9" s="261">
        <v>7</v>
      </c>
      <c r="CR9" s="261">
        <v>21</v>
      </c>
      <c r="CS9" s="261">
        <v>26</v>
      </c>
      <c r="CT9" s="261">
        <v>39</v>
      </c>
      <c r="CU9" s="261">
        <v>34</v>
      </c>
      <c r="CV9" s="258">
        <v>127</v>
      </c>
      <c r="CW9" s="263">
        <v>127</v>
      </c>
    </row>
    <row r="10" spans="1:101" ht="21" customHeight="1" x14ac:dyDescent="0.2">
      <c r="B10" s="472" t="s">
        <v>7</v>
      </c>
      <c r="C10" s="257">
        <v>0</v>
      </c>
      <c r="D10" s="258">
        <v>0</v>
      </c>
      <c r="E10" s="259">
        <v>0</v>
      </c>
      <c r="F10" s="260">
        <v>0</v>
      </c>
      <c r="G10" s="261">
        <v>10</v>
      </c>
      <c r="H10" s="261">
        <v>8</v>
      </c>
      <c r="I10" s="261">
        <v>9</v>
      </c>
      <c r="J10" s="261">
        <v>12</v>
      </c>
      <c r="K10" s="261">
        <v>5</v>
      </c>
      <c r="L10" s="262">
        <v>44</v>
      </c>
      <c r="M10" s="263">
        <v>44</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1128</v>
      </c>
      <c r="AD10" s="261">
        <v>672</v>
      </c>
      <c r="AE10" s="261">
        <v>279</v>
      </c>
      <c r="AF10" s="261">
        <v>113</v>
      </c>
      <c r="AG10" s="261">
        <v>55</v>
      </c>
      <c r="AH10" s="258">
        <v>2247</v>
      </c>
      <c r="AI10" s="263">
        <v>2247</v>
      </c>
      <c r="AJ10" s="257">
        <v>0</v>
      </c>
      <c r="AK10" s="261">
        <v>0</v>
      </c>
      <c r="AL10" s="258">
        <v>0</v>
      </c>
      <c r="AM10" s="260">
        <v>0</v>
      </c>
      <c r="AN10" s="261">
        <v>87</v>
      </c>
      <c r="AO10" s="261">
        <v>103</v>
      </c>
      <c r="AP10" s="261">
        <v>99</v>
      </c>
      <c r="AQ10" s="261">
        <v>41</v>
      </c>
      <c r="AR10" s="261">
        <v>20</v>
      </c>
      <c r="AS10" s="258">
        <v>350</v>
      </c>
      <c r="AT10" s="263">
        <v>350</v>
      </c>
      <c r="AU10" s="257">
        <v>3</v>
      </c>
      <c r="AV10" s="261">
        <v>3</v>
      </c>
      <c r="AW10" s="258">
        <v>6</v>
      </c>
      <c r="AX10" s="260">
        <v>0</v>
      </c>
      <c r="AY10" s="261">
        <v>46</v>
      </c>
      <c r="AZ10" s="261">
        <v>41</v>
      </c>
      <c r="BA10" s="261">
        <v>38</v>
      </c>
      <c r="BB10" s="261">
        <v>23</v>
      </c>
      <c r="BC10" s="261">
        <v>10</v>
      </c>
      <c r="BD10" s="258">
        <v>158</v>
      </c>
      <c r="BE10" s="263">
        <v>164</v>
      </c>
      <c r="BF10" s="257">
        <v>0</v>
      </c>
      <c r="BG10" s="261">
        <v>1</v>
      </c>
      <c r="BH10" s="258">
        <v>1</v>
      </c>
      <c r="BI10" s="260">
        <v>0</v>
      </c>
      <c r="BJ10" s="261">
        <v>124</v>
      </c>
      <c r="BK10" s="261">
        <v>150</v>
      </c>
      <c r="BL10" s="261">
        <v>156</v>
      </c>
      <c r="BM10" s="261">
        <v>135</v>
      </c>
      <c r="BN10" s="261">
        <v>80</v>
      </c>
      <c r="BO10" s="262">
        <v>645</v>
      </c>
      <c r="BP10" s="263">
        <v>646</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9</v>
      </c>
      <c r="CR10" s="261">
        <v>9</v>
      </c>
      <c r="CS10" s="261">
        <v>6</v>
      </c>
      <c r="CT10" s="261">
        <v>10</v>
      </c>
      <c r="CU10" s="261">
        <v>26</v>
      </c>
      <c r="CV10" s="258">
        <v>60</v>
      </c>
      <c r="CW10" s="263">
        <v>60</v>
      </c>
    </row>
    <row r="11" spans="1:101" ht="21" customHeight="1" x14ac:dyDescent="0.2">
      <c r="B11" s="472" t="s">
        <v>8</v>
      </c>
      <c r="C11" s="257">
        <v>0</v>
      </c>
      <c r="D11" s="258">
        <v>0</v>
      </c>
      <c r="E11" s="259">
        <v>0</v>
      </c>
      <c r="F11" s="260">
        <v>0</v>
      </c>
      <c r="G11" s="261">
        <v>5</v>
      </c>
      <c r="H11" s="261">
        <v>5</v>
      </c>
      <c r="I11" s="261">
        <v>1</v>
      </c>
      <c r="J11" s="261">
        <v>5</v>
      </c>
      <c r="K11" s="261">
        <v>2</v>
      </c>
      <c r="L11" s="262">
        <v>18</v>
      </c>
      <c r="M11" s="263">
        <v>18</v>
      </c>
      <c r="N11" s="257">
        <v>0</v>
      </c>
      <c r="O11" s="261">
        <v>0</v>
      </c>
      <c r="P11" s="258">
        <v>0</v>
      </c>
      <c r="Q11" s="260">
        <v>0</v>
      </c>
      <c r="R11" s="261">
        <v>2</v>
      </c>
      <c r="S11" s="261">
        <v>2</v>
      </c>
      <c r="T11" s="261">
        <v>0</v>
      </c>
      <c r="U11" s="261">
        <v>2</v>
      </c>
      <c r="V11" s="261">
        <v>2</v>
      </c>
      <c r="W11" s="258">
        <v>8</v>
      </c>
      <c r="X11" s="263">
        <v>8</v>
      </c>
      <c r="Y11" s="257">
        <v>0</v>
      </c>
      <c r="Z11" s="261">
        <v>0</v>
      </c>
      <c r="AA11" s="258">
        <v>0</v>
      </c>
      <c r="AB11" s="260">
        <v>0</v>
      </c>
      <c r="AC11" s="261">
        <v>590</v>
      </c>
      <c r="AD11" s="261">
        <v>510</v>
      </c>
      <c r="AE11" s="261">
        <v>234</v>
      </c>
      <c r="AF11" s="261">
        <v>93</v>
      </c>
      <c r="AG11" s="261">
        <v>50</v>
      </c>
      <c r="AH11" s="258">
        <v>1477</v>
      </c>
      <c r="AI11" s="263">
        <v>1477</v>
      </c>
      <c r="AJ11" s="257">
        <v>0</v>
      </c>
      <c r="AK11" s="261">
        <v>0</v>
      </c>
      <c r="AL11" s="258">
        <v>0</v>
      </c>
      <c r="AM11" s="260">
        <v>0</v>
      </c>
      <c r="AN11" s="261">
        <v>8</v>
      </c>
      <c r="AO11" s="261">
        <v>9</v>
      </c>
      <c r="AP11" s="261">
        <v>11</v>
      </c>
      <c r="AQ11" s="261">
        <v>10</v>
      </c>
      <c r="AR11" s="261">
        <v>9</v>
      </c>
      <c r="AS11" s="258">
        <v>47</v>
      </c>
      <c r="AT11" s="263">
        <v>47</v>
      </c>
      <c r="AU11" s="257">
        <v>9</v>
      </c>
      <c r="AV11" s="261">
        <v>12</v>
      </c>
      <c r="AW11" s="258">
        <v>21</v>
      </c>
      <c r="AX11" s="260">
        <v>0</v>
      </c>
      <c r="AY11" s="261">
        <v>71</v>
      </c>
      <c r="AZ11" s="261">
        <v>50</v>
      </c>
      <c r="BA11" s="261">
        <v>46</v>
      </c>
      <c r="BB11" s="261">
        <v>26</v>
      </c>
      <c r="BC11" s="261">
        <v>11</v>
      </c>
      <c r="BD11" s="258">
        <v>204</v>
      </c>
      <c r="BE11" s="263">
        <v>225</v>
      </c>
      <c r="BF11" s="257">
        <v>0</v>
      </c>
      <c r="BG11" s="261">
        <v>0</v>
      </c>
      <c r="BH11" s="258">
        <v>0</v>
      </c>
      <c r="BI11" s="260">
        <v>0</v>
      </c>
      <c r="BJ11" s="261">
        <v>60</v>
      </c>
      <c r="BK11" s="261">
        <v>69</v>
      </c>
      <c r="BL11" s="261">
        <v>76</v>
      </c>
      <c r="BM11" s="261">
        <v>68</v>
      </c>
      <c r="BN11" s="261">
        <v>32</v>
      </c>
      <c r="BO11" s="262">
        <v>305</v>
      </c>
      <c r="BP11" s="263">
        <v>305</v>
      </c>
      <c r="BQ11" s="257">
        <v>0</v>
      </c>
      <c r="BR11" s="261">
        <v>0</v>
      </c>
      <c r="BS11" s="258">
        <v>0</v>
      </c>
      <c r="BT11" s="260">
        <v>0</v>
      </c>
      <c r="BU11" s="261">
        <v>3</v>
      </c>
      <c r="BV11" s="261">
        <v>8</v>
      </c>
      <c r="BW11" s="261">
        <v>14</v>
      </c>
      <c r="BX11" s="261">
        <v>16</v>
      </c>
      <c r="BY11" s="261">
        <v>6</v>
      </c>
      <c r="BZ11" s="258">
        <v>47</v>
      </c>
      <c r="CA11" s="263">
        <v>47</v>
      </c>
      <c r="CB11" s="257">
        <v>0</v>
      </c>
      <c r="CC11" s="261">
        <v>0</v>
      </c>
      <c r="CD11" s="258">
        <v>0</v>
      </c>
      <c r="CE11" s="260">
        <v>0</v>
      </c>
      <c r="CF11" s="261">
        <v>0</v>
      </c>
      <c r="CG11" s="261">
        <v>1</v>
      </c>
      <c r="CH11" s="261">
        <v>10</v>
      </c>
      <c r="CI11" s="261">
        <v>21</v>
      </c>
      <c r="CJ11" s="261">
        <v>11</v>
      </c>
      <c r="CK11" s="258">
        <v>43</v>
      </c>
      <c r="CL11" s="263">
        <v>43</v>
      </c>
      <c r="CM11" s="257">
        <v>0</v>
      </c>
      <c r="CN11" s="261">
        <v>0</v>
      </c>
      <c r="CO11" s="258">
        <v>0</v>
      </c>
      <c r="CP11" s="260">
        <v>0</v>
      </c>
      <c r="CQ11" s="261">
        <v>11</v>
      </c>
      <c r="CR11" s="261">
        <v>11</v>
      </c>
      <c r="CS11" s="261">
        <v>18</v>
      </c>
      <c r="CT11" s="261">
        <v>13</v>
      </c>
      <c r="CU11" s="261">
        <v>4</v>
      </c>
      <c r="CV11" s="258">
        <v>57</v>
      </c>
      <c r="CW11" s="263">
        <v>57</v>
      </c>
    </row>
    <row r="12" spans="1:101" ht="21" customHeight="1" x14ac:dyDescent="0.2">
      <c r="B12" s="472" t="s">
        <v>9</v>
      </c>
      <c r="C12" s="257">
        <v>0</v>
      </c>
      <c r="D12" s="258">
        <v>0</v>
      </c>
      <c r="E12" s="259">
        <v>0</v>
      </c>
      <c r="F12" s="260">
        <v>0</v>
      </c>
      <c r="G12" s="261">
        <v>1</v>
      </c>
      <c r="H12" s="261">
        <v>5</v>
      </c>
      <c r="I12" s="261">
        <v>5</v>
      </c>
      <c r="J12" s="261">
        <v>13</v>
      </c>
      <c r="K12" s="261">
        <v>3</v>
      </c>
      <c r="L12" s="262">
        <v>27</v>
      </c>
      <c r="M12" s="263">
        <v>27</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46</v>
      </c>
      <c r="AD12" s="261">
        <v>244</v>
      </c>
      <c r="AE12" s="261">
        <v>158</v>
      </c>
      <c r="AF12" s="261">
        <v>92</v>
      </c>
      <c r="AG12" s="261">
        <v>33</v>
      </c>
      <c r="AH12" s="258">
        <v>973</v>
      </c>
      <c r="AI12" s="263">
        <v>973</v>
      </c>
      <c r="AJ12" s="257">
        <v>0</v>
      </c>
      <c r="AK12" s="261">
        <v>0</v>
      </c>
      <c r="AL12" s="258">
        <v>0</v>
      </c>
      <c r="AM12" s="260">
        <v>0</v>
      </c>
      <c r="AN12" s="261">
        <v>4</v>
      </c>
      <c r="AO12" s="261">
        <v>6</v>
      </c>
      <c r="AP12" s="261">
        <v>8</v>
      </c>
      <c r="AQ12" s="261">
        <v>2</v>
      </c>
      <c r="AR12" s="261">
        <v>7</v>
      </c>
      <c r="AS12" s="258">
        <v>27</v>
      </c>
      <c r="AT12" s="263">
        <v>27</v>
      </c>
      <c r="AU12" s="257">
        <v>5</v>
      </c>
      <c r="AV12" s="261">
        <v>6</v>
      </c>
      <c r="AW12" s="258">
        <v>11</v>
      </c>
      <c r="AX12" s="260">
        <v>0</v>
      </c>
      <c r="AY12" s="261">
        <v>26</v>
      </c>
      <c r="AZ12" s="261">
        <v>22</v>
      </c>
      <c r="BA12" s="261">
        <v>19</v>
      </c>
      <c r="BB12" s="261">
        <v>17</v>
      </c>
      <c r="BC12" s="261">
        <v>9</v>
      </c>
      <c r="BD12" s="258">
        <v>93</v>
      </c>
      <c r="BE12" s="263">
        <v>104</v>
      </c>
      <c r="BF12" s="257">
        <v>0</v>
      </c>
      <c r="BG12" s="261">
        <v>2</v>
      </c>
      <c r="BH12" s="258">
        <v>2</v>
      </c>
      <c r="BI12" s="260">
        <v>0</v>
      </c>
      <c r="BJ12" s="261">
        <v>34</v>
      </c>
      <c r="BK12" s="261">
        <v>56</v>
      </c>
      <c r="BL12" s="261">
        <v>87</v>
      </c>
      <c r="BM12" s="261">
        <v>62</v>
      </c>
      <c r="BN12" s="261">
        <v>29</v>
      </c>
      <c r="BO12" s="262">
        <v>268</v>
      </c>
      <c r="BP12" s="263">
        <v>270</v>
      </c>
      <c r="BQ12" s="257">
        <v>0</v>
      </c>
      <c r="BR12" s="261">
        <v>0</v>
      </c>
      <c r="BS12" s="258">
        <v>0</v>
      </c>
      <c r="BT12" s="260">
        <v>0</v>
      </c>
      <c r="BU12" s="261">
        <v>2</v>
      </c>
      <c r="BV12" s="261">
        <v>3</v>
      </c>
      <c r="BW12" s="261">
        <v>6</v>
      </c>
      <c r="BX12" s="261">
        <v>8</v>
      </c>
      <c r="BY12" s="261">
        <v>5</v>
      </c>
      <c r="BZ12" s="258">
        <v>24</v>
      </c>
      <c r="CA12" s="263">
        <v>24</v>
      </c>
      <c r="CB12" s="257">
        <v>0</v>
      </c>
      <c r="CC12" s="261">
        <v>0</v>
      </c>
      <c r="CD12" s="258">
        <v>0</v>
      </c>
      <c r="CE12" s="260">
        <v>0</v>
      </c>
      <c r="CF12" s="261">
        <v>0</v>
      </c>
      <c r="CG12" s="261">
        <v>0</v>
      </c>
      <c r="CH12" s="261">
        <v>0</v>
      </c>
      <c r="CI12" s="261">
        <v>1</v>
      </c>
      <c r="CJ12" s="261">
        <v>0</v>
      </c>
      <c r="CK12" s="258">
        <v>1</v>
      </c>
      <c r="CL12" s="263">
        <v>1</v>
      </c>
      <c r="CM12" s="257">
        <v>0</v>
      </c>
      <c r="CN12" s="261">
        <v>0</v>
      </c>
      <c r="CO12" s="258">
        <v>0</v>
      </c>
      <c r="CP12" s="260">
        <v>0</v>
      </c>
      <c r="CQ12" s="261">
        <v>6</v>
      </c>
      <c r="CR12" s="261">
        <v>6</v>
      </c>
      <c r="CS12" s="261">
        <v>5</v>
      </c>
      <c r="CT12" s="261">
        <v>9</v>
      </c>
      <c r="CU12" s="261">
        <v>13</v>
      </c>
      <c r="CV12" s="258">
        <v>39</v>
      </c>
      <c r="CW12" s="263">
        <v>39</v>
      </c>
    </row>
    <row r="13" spans="1:101" ht="21" customHeight="1" x14ac:dyDescent="0.2">
      <c r="B13" s="472" t="s">
        <v>10</v>
      </c>
      <c r="C13" s="257">
        <v>0</v>
      </c>
      <c r="D13" s="258">
        <v>0</v>
      </c>
      <c r="E13" s="259">
        <v>0</v>
      </c>
      <c r="F13" s="260">
        <v>0</v>
      </c>
      <c r="G13" s="261">
        <v>13</v>
      </c>
      <c r="H13" s="261">
        <v>21</v>
      </c>
      <c r="I13" s="261">
        <v>15</v>
      </c>
      <c r="J13" s="261">
        <v>19</v>
      </c>
      <c r="K13" s="261">
        <v>16</v>
      </c>
      <c r="L13" s="262">
        <v>84</v>
      </c>
      <c r="M13" s="263">
        <v>84</v>
      </c>
      <c r="N13" s="257">
        <v>0</v>
      </c>
      <c r="O13" s="261">
        <v>0</v>
      </c>
      <c r="P13" s="258">
        <v>0</v>
      </c>
      <c r="Q13" s="260">
        <v>0</v>
      </c>
      <c r="R13" s="261">
        <v>10</v>
      </c>
      <c r="S13" s="261">
        <v>8</v>
      </c>
      <c r="T13" s="261">
        <v>7</v>
      </c>
      <c r="U13" s="261">
        <v>6</v>
      </c>
      <c r="V13" s="261">
        <v>7</v>
      </c>
      <c r="W13" s="258">
        <v>38</v>
      </c>
      <c r="X13" s="263">
        <v>38</v>
      </c>
      <c r="Y13" s="257">
        <v>0</v>
      </c>
      <c r="Z13" s="261">
        <v>0</v>
      </c>
      <c r="AA13" s="258">
        <v>0</v>
      </c>
      <c r="AB13" s="260">
        <v>0</v>
      </c>
      <c r="AC13" s="261">
        <v>547</v>
      </c>
      <c r="AD13" s="261">
        <v>262</v>
      </c>
      <c r="AE13" s="261">
        <v>118</v>
      </c>
      <c r="AF13" s="261">
        <v>64</v>
      </c>
      <c r="AG13" s="261">
        <v>22</v>
      </c>
      <c r="AH13" s="258">
        <v>1013</v>
      </c>
      <c r="AI13" s="263">
        <v>1013</v>
      </c>
      <c r="AJ13" s="257">
        <v>0</v>
      </c>
      <c r="AK13" s="261">
        <v>1</v>
      </c>
      <c r="AL13" s="258">
        <v>1</v>
      </c>
      <c r="AM13" s="260">
        <v>0</v>
      </c>
      <c r="AN13" s="261">
        <v>8</v>
      </c>
      <c r="AO13" s="261">
        <v>12</v>
      </c>
      <c r="AP13" s="261">
        <v>23</v>
      </c>
      <c r="AQ13" s="261">
        <v>11</v>
      </c>
      <c r="AR13" s="261">
        <v>10</v>
      </c>
      <c r="AS13" s="258">
        <v>64</v>
      </c>
      <c r="AT13" s="263">
        <v>65</v>
      </c>
      <c r="AU13" s="257">
        <v>11</v>
      </c>
      <c r="AV13" s="261">
        <v>18</v>
      </c>
      <c r="AW13" s="258">
        <v>29</v>
      </c>
      <c r="AX13" s="260">
        <v>0</v>
      </c>
      <c r="AY13" s="261">
        <v>88</v>
      </c>
      <c r="AZ13" s="261">
        <v>73</v>
      </c>
      <c r="BA13" s="261">
        <v>70</v>
      </c>
      <c r="BB13" s="261">
        <v>54</v>
      </c>
      <c r="BC13" s="261">
        <v>38</v>
      </c>
      <c r="BD13" s="258">
        <v>323</v>
      </c>
      <c r="BE13" s="263">
        <v>352</v>
      </c>
      <c r="BF13" s="257">
        <v>0</v>
      </c>
      <c r="BG13" s="261">
        <v>3</v>
      </c>
      <c r="BH13" s="258">
        <v>3</v>
      </c>
      <c r="BI13" s="260">
        <v>0</v>
      </c>
      <c r="BJ13" s="261">
        <v>99</v>
      </c>
      <c r="BK13" s="261">
        <v>115</v>
      </c>
      <c r="BL13" s="261">
        <v>117</v>
      </c>
      <c r="BM13" s="261">
        <v>85</v>
      </c>
      <c r="BN13" s="261">
        <v>87</v>
      </c>
      <c r="BO13" s="262">
        <v>503</v>
      </c>
      <c r="BP13" s="263">
        <v>506</v>
      </c>
      <c r="BQ13" s="257">
        <v>0</v>
      </c>
      <c r="BR13" s="261">
        <v>0</v>
      </c>
      <c r="BS13" s="258">
        <v>0</v>
      </c>
      <c r="BT13" s="260">
        <v>0</v>
      </c>
      <c r="BU13" s="261">
        <v>34</v>
      </c>
      <c r="BV13" s="261">
        <v>22</v>
      </c>
      <c r="BW13" s="261">
        <v>37</v>
      </c>
      <c r="BX13" s="261">
        <v>26</v>
      </c>
      <c r="BY13" s="261">
        <v>32</v>
      </c>
      <c r="BZ13" s="258">
        <v>151</v>
      </c>
      <c r="CA13" s="263">
        <v>151</v>
      </c>
      <c r="CB13" s="257">
        <v>0</v>
      </c>
      <c r="CC13" s="261">
        <v>0</v>
      </c>
      <c r="CD13" s="258">
        <v>0</v>
      </c>
      <c r="CE13" s="260">
        <v>0</v>
      </c>
      <c r="CF13" s="261">
        <v>0</v>
      </c>
      <c r="CG13" s="261">
        <v>1</v>
      </c>
      <c r="CH13" s="261">
        <v>3</v>
      </c>
      <c r="CI13" s="261">
        <v>20</v>
      </c>
      <c r="CJ13" s="261">
        <v>19</v>
      </c>
      <c r="CK13" s="258">
        <v>43</v>
      </c>
      <c r="CL13" s="263">
        <v>43</v>
      </c>
      <c r="CM13" s="257">
        <v>0</v>
      </c>
      <c r="CN13" s="261">
        <v>0</v>
      </c>
      <c r="CO13" s="258">
        <v>0</v>
      </c>
      <c r="CP13" s="260">
        <v>0</v>
      </c>
      <c r="CQ13" s="261">
        <v>25</v>
      </c>
      <c r="CR13" s="261">
        <v>34</v>
      </c>
      <c r="CS13" s="261">
        <v>29</v>
      </c>
      <c r="CT13" s="261">
        <v>46</v>
      </c>
      <c r="CU13" s="261">
        <v>29</v>
      </c>
      <c r="CV13" s="258">
        <v>163</v>
      </c>
      <c r="CW13" s="263">
        <v>163</v>
      </c>
    </row>
    <row r="14" spans="1:101" ht="21" customHeight="1" x14ac:dyDescent="0.2">
      <c r="B14" s="472" t="s">
        <v>11</v>
      </c>
      <c r="C14" s="257">
        <v>0</v>
      </c>
      <c r="D14" s="258">
        <v>0</v>
      </c>
      <c r="E14" s="259">
        <v>0</v>
      </c>
      <c r="F14" s="260">
        <v>0</v>
      </c>
      <c r="G14" s="261">
        <v>14</v>
      </c>
      <c r="H14" s="261">
        <v>9</v>
      </c>
      <c r="I14" s="261">
        <v>5</v>
      </c>
      <c r="J14" s="261">
        <v>8</v>
      </c>
      <c r="K14" s="261">
        <v>8</v>
      </c>
      <c r="L14" s="262">
        <v>44</v>
      </c>
      <c r="M14" s="263">
        <v>44</v>
      </c>
      <c r="N14" s="257">
        <v>0</v>
      </c>
      <c r="O14" s="261">
        <v>0</v>
      </c>
      <c r="P14" s="258">
        <v>0</v>
      </c>
      <c r="Q14" s="260">
        <v>0</v>
      </c>
      <c r="R14" s="261">
        <v>13</v>
      </c>
      <c r="S14" s="261">
        <v>15</v>
      </c>
      <c r="T14" s="261">
        <v>14</v>
      </c>
      <c r="U14" s="261">
        <v>9</v>
      </c>
      <c r="V14" s="261">
        <v>5</v>
      </c>
      <c r="W14" s="258">
        <v>56</v>
      </c>
      <c r="X14" s="263">
        <v>56</v>
      </c>
      <c r="Y14" s="257">
        <v>0</v>
      </c>
      <c r="Z14" s="261">
        <v>0</v>
      </c>
      <c r="AA14" s="258">
        <v>0</v>
      </c>
      <c r="AB14" s="260">
        <v>0</v>
      </c>
      <c r="AC14" s="261">
        <v>518</v>
      </c>
      <c r="AD14" s="261">
        <v>275</v>
      </c>
      <c r="AE14" s="261">
        <v>154</v>
      </c>
      <c r="AF14" s="261">
        <v>68</v>
      </c>
      <c r="AG14" s="261">
        <v>27</v>
      </c>
      <c r="AH14" s="258">
        <v>1042</v>
      </c>
      <c r="AI14" s="263">
        <v>1042</v>
      </c>
      <c r="AJ14" s="257">
        <v>0</v>
      </c>
      <c r="AK14" s="261">
        <v>0</v>
      </c>
      <c r="AL14" s="258">
        <v>0</v>
      </c>
      <c r="AM14" s="260">
        <v>0</v>
      </c>
      <c r="AN14" s="261">
        <v>20</v>
      </c>
      <c r="AO14" s="261">
        <v>12</v>
      </c>
      <c r="AP14" s="261">
        <v>15</v>
      </c>
      <c r="AQ14" s="261">
        <v>1</v>
      </c>
      <c r="AR14" s="261">
        <v>1</v>
      </c>
      <c r="AS14" s="258">
        <v>49</v>
      </c>
      <c r="AT14" s="263">
        <v>49</v>
      </c>
      <c r="AU14" s="257">
        <v>1</v>
      </c>
      <c r="AV14" s="261">
        <v>6</v>
      </c>
      <c r="AW14" s="258">
        <v>7</v>
      </c>
      <c r="AX14" s="260">
        <v>0</v>
      </c>
      <c r="AY14" s="261">
        <v>42</v>
      </c>
      <c r="AZ14" s="261">
        <v>35</v>
      </c>
      <c r="BA14" s="261">
        <v>42</v>
      </c>
      <c r="BB14" s="261">
        <v>21</v>
      </c>
      <c r="BC14" s="261">
        <v>7</v>
      </c>
      <c r="BD14" s="258">
        <v>147</v>
      </c>
      <c r="BE14" s="263">
        <v>154</v>
      </c>
      <c r="BF14" s="257">
        <v>0</v>
      </c>
      <c r="BG14" s="261">
        <v>3</v>
      </c>
      <c r="BH14" s="258">
        <v>3</v>
      </c>
      <c r="BI14" s="260">
        <v>0</v>
      </c>
      <c r="BJ14" s="261">
        <v>51</v>
      </c>
      <c r="BK14" s="261">
        <v>71</v>
      </c>
      <c r="BL14" s="261">
        <v>82</v>
      </c>
      <c r="BM14" s="261">
        <v>51</v>
      </c>
      <c r="BN14" s="261">
        <v>23</v>
      </c>
      <c r="BO14" s="262">
        <v>278</v>
      </c>
      <c r="BP14" s="263">
        <v>281</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1</v>
      </c>
      <c r="CH14" s="261">
        <v>0</v>
      </c>
      <c r="CI14" s="261">
        <v>0</v>
      </c>
      <c r="CJ14" s="261">
        <v>0</v>
      </c>
      <c r="CK14" s="258">
        <v>1</v>
      </c>
      <c r="CL14" s="263">
        <v>1</v>
      </c>
      <c r="CM14" s="257">
        <v>0</v>
      </c>
      <c r="CN14" s="261">
        <v>0</v>
      </c>
      <c r="CO14" s="258">
        <v>0</v>
      </c>
      <c r="CP14" s="260">
        <v>0</v>
      </c>
      <c r="CQ14" s="261">
        <v>6</v>
      </c>
      <c r="CR14" s="261">
        <v>6</v>
      </c>
      <c r="CS14" s="261">
        <v>4</v>
      </c>
      <c r="CT14" s="261">
        <v>7</v>
      </c>
      <c r="CU14" s="261">
        <v>2</v>
      </c>
      <c r="CV14" s="258">
        <v>25</v>
      </c>
      <c r="CW14" s="263">
        <v>25</v>
      </c>
    </row>
    <row r="15" spans="1:101" ht="21" customHeight="1" x14ac:dyDescent="0.2">
      <c r="B15" s="472" t="s">
        <v>12</v>
      </c>
      <c r="C15" s="257">
        <v>0</v>
      </c>
      <c r="D15" s="258">
        <v>0</v>
      </c>
      <c r="E15" s="259">
        <v>0</v>
      </c>
      <c r="F15" s="260">
        <v>0</v>
      </c>
      <c r="G15" s="261">
        <v>8</v>
      </c>
      <c r="H15" s="261">
        <v>7</v>
      </c>
      <c r="I15" s="261">
        <v>2</v>
      </c>
      <c r="J15" s="261">
        <v>5</v>
      </c>
      <c r="K15" s="261">
        <v>6</v>
      </c>
      <c r="L15" s="262">
        <v>28</v>
      </c>
      <c r="M15" s="263">
        <v>28</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379</v>
      </c>
      <c r="AD15" s="261">
        <v>238</v>
      </c>
      <c r="AE15" s="261">
        <v>148</v>
      </c>
      <c r="AF15" s="261">
        <v>68</v>
      </c>
      <c r="AG15" s="261">
        <v>30</v>
      </c>
      <c r="AH15" s="258">
        <v>863</v>
      </c>
      <c r="AI15" s="263">
        <v>863</v>
      </c>
      <c r="AJ15" s="257">
        <v>0</v>
      </c>
      <c r="AK15" s="261">
        <v>0</v>
      </c>
      <c r="AL15" s="258">
        <v>0</v>
      </c>
      <c r="AM15" s="260">
        <v>0</v>
      </c>
      <c r="AN15" s="261">
        <v>3</v>
      </c>
      <c r="AO15" s="261">
        <v>3</v>
      </c>
      <c r="AP15" s="261">
        <v>0</v>
      </c>
      <c r="AQ15" s="261">
        <v>1</v>
      </c>
      <c r="AR15" s="261">
        <v>2</v>
      </c>
      <c r="AS15" s="258">
        <v>9</v>
      </c>
      <c r="AT15" s="263">
        <v>9</v>
      </c>
      <c r="AU15" s="257">
        <v>0</v>
      </c>
      <c r="AV15" s="261">
        <v>1</v>
      </c>
      <c r="AW15" s="258">
        <v>1</v>
      </c>
      <c r="AX15" s="260">
        <v>0</v>
      </c>
      <c r="AY15" s="261">
        <v>21</v>
      </c>
      <c r="AZ15" s="261">
        <v>35</v>
      </c>
      <c r="BA15" s="261">
        <v>46</v>
      </c>
      <c r="BB15" s="261">
        <v>33</v>
      </c>
      <c r="BC15" s="261">
        <v>26</v>
      </c>
      <c r="BD15" s="258">
        <v>161</v>
      </c>
      <c r="BE15" s="263">
        <v>162</v>
      </c>
      <c r="BF15" s="257">
        <v>0</v>
      </c>
      <c r="BG15" s="261">
        <v>0</v>
      </c>
      <c r="BH15" s="258">
        <v>0</v>
      </c>
      <c r="BI15" s="260">
        <v>0</v>
      </c>
      <c r="BJ15" s="261">
        <v>32</v>
      </c>
      <c r="BK15" s="261">
        <v>56</v>
      </c>
      <c r="BL15" s="261">
        <v>40</v>
      </c>
      <c r="BM15" s="261">
        <v>35</v>
      </c>
      <c r="BN15" s="261">
        <v>37</v>
      </c>
      <c r="BO15" s="262">
        <v>200</v>
      </c>
      <c r="BP15" s="263">
        <v>200</v>
      </c>
      <c r="BQ15" s="257">
        <v>0</v>
      </c>
      <c r="BR15" s="261">
        <v>0</v>
      </c>
      <c r="BS15" s="258">
        <v>0</v>
      </c>
      <c r="BT15" s="260">
        <v>0</v>
      </c>
      <c r="BU15" s="261">
        <v>0</v>
      </c>
      <c r="BV15" s="261">
        <v>6</v>
      </c>
      <c r="BW15" s="261">
        <v>7</v>
      </c>
      <c r="BX15" s="261">
        <v>9</v>
      </c>
      <c r="BY15" s="261">
        <v>4</v>
      </c>
      <c r="BZ15" s="258">
        <v>26</v>
      </c>
      <c r="CA15" s="263">
        <v>26</v>
      </c>
      <c r="CB15" s="257">
        <v>0</v>
      </c>
      <c r="CC15" s="261">
        <v>0</v>
      </c>
      <c r="CD15" s="258">
        <v>0</v>
      </c>
      <c r="CE15" s="260">
        <v>0</v>
      </c>
      <c r="CF15" s="261">
        <v>0</v>
      </c>
      <c r="CG15" s="261">
        <v>0</v>
      </c>
      <c r="CH15" s="261">
        <v>8</v>
      </c>
      <c r="CI15" s="261">
        <v>12</v>
      </c>
      <c r="CJ15" s="261">
        <v>7</v>
      </c>
      <c r="CK15" s="258">
        <v>27</v>
      </c>
      <c r="CL15" s="263">
        <v>27</v>
      </c>
      <c r="CM15" s="257">
        <v>0</v>
      </c>
      <c r="CN15" s="261">
        <v>0</v>
      </c>
      <c r="CO15" s="258">
        <v>0</v>
      </c>
      <c r="CP15" s="260">
        <v>0</v>
      </c>
      <c r="CQ15" s="261">
        <v>5</v>
      </c>
      <c r="CR15" s="261">
        <v>20</v>
      </c>
      <c r="CS15" s="261">
        <v>25</v>
      </c>
      <c r="CT15" s="261">
        <v>20</v>
      </c>
      <c r="CU15" s="261">
        <v>15</v>
      </c>
      <c r="CV15" s="258">
        <v>85</v>
      </c>
      <c r="CW15" s="263">
        <v>85</v>
      </c>
    </row>
    <row r="16" spans="1:101" ht="21" customHeight="1" x14ac:dyDescent="0.2">
      <c r="B16" s="472" t="s">
        <v>13</v>
      </c>
      <c r="C16" s="257">
        <v>0</v>
      </c>
      <c r="D16" s="258">
        <v>0</v>
      </c>
      <c r="E16" s="259">
        <v>0</v>
      </c>
      <c r="F16" s="260">
        <v>0</v>
      </c>
      <c r="G16" s="261">
        <v>0</v>
      </c>
      <c r="H16" s="261">
        <v>1</v>
      </c>
      <c r="I16" s="261">
        <v>1</v>
      </c>
      <c r="J16" s="261">
        <v>0</v>
      </c>
      <c r="K16" s="261">
        <v>2</v>
      </c>
      <c r="L16" s="262">
        <v>4</v>
      </c>
      <c r="M16" s="263">
        <v>4</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53</v>
      </c>
      <c r="AD16" s="261">
        <v>144</v>
      </c>
      <c r="AE16" s="261">
        <v>74</v>
      </c>
      <c r="AF16" s="261">
        <v>35</v>
      </c>
      <c r="AG16" s="261">
        <v>18</v>
      </c>
      <c r="AH16" s="258">
        <v>424</v>
      </c>
      <c r="AI16" s="263">
        <v>424</v>
      </c>
      <c r="AJ16" s="257">
        <v>0</v>
      </c>
      <c r="AK16" s="261">
        <v>0</v>
      </c>
      <c r="AL16" s="258">
        <v>0</v>
      </c>
      <c r="AM16" s="260">
        <v>0</v>
      </c>
      <c r="AN16" s="261">
        <v>2</v>
      </c>
      <c r="AO16" s="261">
        <v>8</v>
      </c>
      <c r="AP16" s="261">
        <v>6</v>
      </c>
      <c r="AQ16" s="261">
        <v>5</v>
      </c>
      <c r="AR16" s="261">
        <v>5</v>
      </c>
      <c r="AS16" s="258">
        <v>26</v>
      </c>
      <c r="AT16" s="263">
        <v>26</v>
      </c>
      <c r="AU16" s="257">
        <v>2</v>
      </c>
      <c r="AV16" s="261">
        <v>2</v>
      </c>
      <c r="AW16" s="258">
        <v>4</v>
      </c>
      <c r="AX16" s="260">
        <v>0</v>
      </c>
      <c r="AY16" s="261">
        <v>10</v>
      </c>
      <c r="AZ16" s="261">
        <v>10</v>
      </c>
      <c r="BA16" s="261">
        <v>10</v>
      </c>
      <c r="BB16" s="261">
        <v>1</v>
      </c>
      <c r="BC16" s="261">
        <v>0</v>
      </c>
      <c r="BD16" s="258">
        <v>31</v>
      </c>
      <c r="BE16" s="263">
        <v>35</v>
      </c>
      <c r="BF16" s="257">
        <v>0</v>
      </c>
      <c r="BG16" s="261">
        <v>0</v>
      </c>
      <c r="BH16" s="258">
        <v>0</v>
      </c>
      <c r="BI16" s="260">
        <v>0</v>
      </c>
      <c r="BJ16" s="261">
        <v>10</v>
      </c>
      <c r="BK16" s="261">
        <v>15</v>
      </c>
      <c r="BL16" s="261">
        <v>19</v>
      </c>
      <c r="BM16" s="261">
        <v>18</v>
      </c>
      <c r="BN16" s="261">
        <v>10</v>
      </c>
      <c r="BO16" s="262">
        <v>72</v>
      </c>
      <c r="BP16" s="263">
        <v>72</v>
      </c>
      <c r="BQ16" s="257">
        <v>0</v>
      </c>
      <c r="BR16" s="261">
        <v>0</v>
      </c>
      <c r="BS16" s="258">
        <v>0</v>
      </c>
      <c r="BT16" s="260">
        <v>0</v>
      </c>
      <c r="BU16" s="261">
        <v>0</v>
      </c>
      <c r="BV16" s="261">
        <v>2</v>
      </c>
      <c r="BW16" s="261">
        <v>2</v>
      </c>
      <c r="BX16" s="261">
        <v>4</v>
      </c>
      <c r="BY16" s="261">
        <v>3</v>
      </c>
      <c r="BZ16" s="258">
        <v>11</v>
      </c>
      <c r="CA16" s="263">
        <v>1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2</v>
      </c>
      <c r="H17" s="261">
        <v>2</v>
      </c>
      <c r="I17" s="261">
        <v>4</v>
      </c>
      <c r="J17" s="261">
        <v>3</v>
      </c>
      <c r="K17" s="261">
        <v>4</v>
      </c>
      <c r="L17" s="262">
        <v>15</v>
      </c>
      <c r="M17" s="263">
        <v>15</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164</v>
      </c>
      <c r="AD17" s="261">
        <v>190</v>
      </c>
      <c r="AE17" s="261">
        <v>80</v>
      </c>
      <c r="AF17" s="261">
        <v>32</v>
      </c>
      <c r="AG17" s="261">
        <v>19</v>
      </c>
      <c r="AH17" s="258">
        <v>485</v>
      </c>
      <c r="AI17" s="263">
        <v>485</v>
      </c>
      <c r="AJ17" s="257">
        <v>0</v>
      </c>
      <c r="AK17" s="261">
        <v>0</v>
      </c>
      <c r="AL17" s="258">
        <v>0</v>
      </c>
      <c r="AM17" s="260">
        <v>0</v>
      </c>
      <c r="AN17" s="261">
        <v>4</v>
      </c>
      <c r="AO17" s="261">
        <v>3</v>
      </c>
      <c r="AP17" s="261">
        <v>5</v>
      </c>
      <c r="AQ17" s="261">
        <v>3</v>
      </c>
      <c r="AR17" s="261">
        <v>4</v>
      </c>
      <c r="AS17" s="258">
        <v>19</v>
      </c>
      <c r="AT17" s="263">
        <v>19</v>
      </c>
      <c r="AU17" s="257">
        <v>2</v>
      </c>
      <c r="AV17" s="261">
        <v>13</v>
      </c>
      <c r="AW17" s="258">
        <v>15</v>
      </c>
      <c r="AX17" s="260">
        <v>0</v>
      </c>
      <c r="AY17" s="261">
        <v>15</v>
      </c>
      <c r="AZ17" s="261">
        <v>10</v>
      </c>
      <c r="BA17" s="261">
        <v>7</v>
      </c>
      <c r="BB17" s="261">
        <v>8</v>
      </c>
      <c r="BC17" s="261">
        <v>4</v>
      </c>
      <c r="BD17" s="258">
        <v>44</v>
      </c>
      <c r="BE17" s="263">
        <v>59</v>
      </c>
      <c r="BF17" s="257">
        <v>0</v>
      </c>
      <c r="BG17" s="261">
        <v>4</v>
      </c>
      <c r="BH17" s="258">
        <v>4</v>
      </c>
      <c r="BI17" s="260">
        <v>0</v>
      </c>
      <c r="BJ17" s="261">
        <v>34</v>
      </c>
      <c r="BK17" s="261">
        <v>41</v>
      </c>
      <c r="BL17" s="261">
        <v>40</v>
      </c>
      <c r="BM17" s="261">
        <v>23</v>
      </c>
      <c r="BN17" s="261">
        <v>16</v>
      </c>
      <c r="BO17" s="262">
        <v>154</v>
      </c>
      <c r="BP17" s="263">
        <v>158</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7</v>
      </c>
      <c r="CI17" s="261">
        <v>16</v>
      </c>
      <c r="CJ17" s="261">
        <v>5</v>
      </c>
      <c r="CK17" s="258">
        <v>28</v>
      </c>
      <c r="CL17" s="263">
        <v>28</v>
      </c>
      <c r="CM17" s="257">
        <v>0</v>
      </c>
      <c r="CN17" s="261">
        <v>0</v>
      </c>
      <c r="CO17" s="258">
        <v>0</v>
      </c>
      <c r="CP17" s="260">
        <v>0</v>
      </c>
      <c r="CQ17" s="261">
        <v>5</v>
      </c>
      <c r="CR17" s="261">
        <v>6</v>
      </c>
      <c r="CS17" s="261">
        <v>5</v>
      </c>
      <c r="CT17" s="261">
        <v>1</v>
      </c>
      <c r="CU17" s="261">
        <v>2</v>
      </c>
      <c r="CV17" s="258">
        <v>19</v>
      </c>
      <c r="CW17" s="263">
        <v>19</v>
      </c>
    </row>
    <row r="18" spans="2:101" ht="21" customHeight="1" x14ac:dyDescent="0.2">
      <c r="B18" s="472" t="s">
        <v>16</v>
      </c>
      <c r="C18" s="257">
        <v>0</v>
      </c>
      <c r="D18" s="258">
        <v>0</v>
      </c>
      <c r="E18" s="259">
        <v>0</v>
      </c>
      <c r="F18" s="260">
        <v>0</v>
      </c>
      <c r="G18" s="261">
        <v>8</v>
      </c>
      <c r="H18" s="261">
        <v>13</v>
      </c>
      <c r="I18" s="261">
        <v>13</v>
      </c>
      <c r="J18" s="261">
        <v>9</v>
      </c>
      <c r="K18" s="261">
        <v>10</v>
      </c>
      <c r="L18" s="262">
        <v>53</v>
      </c>
      <c r="M18" s="263">
        <v>53</v>
      </c>
      <c r="N18" s="257">
        <v>0</v>
      </c>
      <c r="O18" s="261">
        <v>0</v>
      </c>
      <c r="P18" s="258">
        <v>0</v>
      </c>
      <c r="Q18" s="260">
        <v>0</v>
      </c>
      <c r="R18" s="261">
        <v>0</v>
      </c>
      <c r="S18" s="261">
        <v>1</v>
      </c>
      <c r="T18" s="261">
        <v>3</v>
      </c>
      <c r="U18" s="261">
        <v>2</v>
      </c>
      <c r="V18" s="261">
        <v>1</v>
      </c>
      <c r="W18" s="258">
        <v>7</v>
      </c>
      <c r="X18" s="263">
        <v>7</v>
      </c>
      <c r="Y18" s="257">
        <v>0</v>
      </c>
      <c r="Z18" s="261">
        <v>0</v>
      </c>
      <c r="AA18" s="258">
        <v>0</v>
      </c>
      <c r="AB18" s="260">
        <v>0</v>
      </c>
      <c r="AC18" s="261">
        <v>157</v>
      </c>
      <c r="AD18" s="261">
        <v>173</v>
      </c>
      <c r="AE18" s="261">
        <v>82</v>
      </c>
      <c r="AF18" s="261">
        <v>37</v>
      </c>
      <c r="AG18" s="261">
        <v>16</v>
      </c>
      <c r="AH18" s="258">
        <v>465</v>
      </c>
      <c r="AI18" s="263">
        <v>465</v>
      </c>
      <c r="AJ18" s="257">
        <v>0</v>
      </c>
      <c r="AK18" s="261">
        <v>0</v>
      </c>
      <c r="AL18" s="258">
        <v>0</v>
      </c>
      <c r="AM18" s="260">
        <v>0</v>
      </c>
      <c r="AN18" s="261">
        <v>6</v>
      </c>
      <c r="AO18" s="261">
        <v>11</v>
      </c>
      <c r="AP18" s="261">
        <v>5</v>
      </c>
      <c r="AQ18" s="261">
        <v>3</v>
      </c>
      <c r="AR18" s="261">
        <v>4</v>
      </c>
      <c r="AS18" s="258">
        <v>29</v>
      </c>
      <c r="AT18" s="263">
        <v>29</v>
      </c>
      <c r="AU18" s="257">
        <v>3</v>
      </c>
      <c r="AV18" s="261">
        <v>2</v>
      </c>
      <c r="AW18" s="258">
        <v>5</v>
      </c>
      <c r="AX18" s="260">
        <v>0</v>
      </c>
      <c r="AY18" s="261">
        <v>16</v>
      </c>
      <c r="AZ18" s="261">
        <v>24</v>
      </c>
      <c r="BA18" s="261">
        <v>19</v>
      </c>
      <c r="BB18" s="261">
        <v>23</v>
      </c>
      <c r="BC18" s="261">
        <v>6</v>
      </c>
      <c r="BD18" s="258">
        <v>88</v>
      </c>
      <c r="BE18" s="263">
        <v>93</v>
      </c>
      <c r="BF18" s="257">
        <v>0</v>
      </c>
      <c r="BG18" s="261">
        <v>0</v>
      </c>
      <c r="BH18" s="258">
        <v>0</v>
      </c>
      <c r="BI18" s="260">
        <v>0</v>
      </c>
      <c r="BJ18" s="261">
        <v>16</v>
      </c>
      <c r="BK18" s="261">
        <v>38</v>
      </c>
      <c r="BL18" s="261">
        <v>61</v>
      </c>
      <c r="BM18" s="261">
        <v>32</v>
      </c>
      <c r="BN18" s="261">
        <v>38</v>
      </c>
      <c r="BO18" s="262">
        <v>185</v>
      </c>
      <c r="BP18" s="263">
        <v>185</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1</v>
      </c>
      <c r="CG18" s="261">
        <v>2</v>
      </c>
      <c r="CH18" s="261">
        <v>7</v>
      </c>
      <c r="CI18" s="261">
        <v>8</v>
      </c>
      <c r="CJ18" s="261">
        <v>11</v>
      </c>
      <c r="CK18" s="258">
        <v>29</v>
      </c>
      <c r="CL18" s="263">
        <v>29</v>
      </c>
      <c r="CM18" s="257">
        <v>0</v>
      </c>
      <c r="CN18" s="261">
        <v>0</v>
      </c>
      <c r="CO18" s="258">
        <v>0</v>
      </c>
      <c r="CP18" s="260">
        <v>0</v>
      </c>
      <c r="CQ18" s="261">
        <v>1</v>
      </c>
      <c r="CR18" s="261">
        <v>7</v>
      </c>
      <c r="CS18" s="261">
        <v>6</v>
      </c>
      <c r="CT18" s="261">
        <v>2</v>
      </c>
      <c r="CU18" s="261">
        <v>4</v>
      </c>
      <c r="CV18" s="258">
        <v>20</v>
      </c>
      <c r="CW18" s="263">
        <v>20</v>
      </c>
    </row>
    <row r="19" spans="2:101" ht="21" customHeight="1" x14ac:dyDescent="0.2">
      <c r="B19" s="472" t="s">
        <v>17</v>
      </c>
      <c r="C19" s="257">
        <v>0</v>
      </c>
      <c r="D19" s="258">
        <v>0</v>
      </c>
      <c r="E19" s="259">
        <v>0</v>
      </c>
      <c r="F19" s="260">
        <v>0</v>
      </c>
      <c r="G19" s="261">
        <v>3</v>
      </c>
      <c r="H19" s="261">
        <v>2</v>
      </c>
      <c r="I19" s="261">
        <v>4</v>
      </c>
      <c r="J19" s="261">
        <v>5</v>
      </c>
      <c r="K19" s="261">
        <v>1</v>
      </c>
      <c r="L19" s="262">
        <v>15</v>
      </c>
      <c r="M19" s="263">
        <v>15</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75</v>
      </c>
      <c r="AD19" s="261">
        <v>310</v>
      </c>
      <c r="AE19" s="261">
        <v>137</v>
      </c>
      <c r="AF19" s="261">
        <v>91</v>
      </c>
      <c r="AG19" s="261">
        <v>38</v>
      </c>
      <c r="AH19" s="258">
        <v>851</v>
      </c>
      <c r="AI19" s="263">
        <v>851</v>
      </c>
      <c r="AJ19" s="257">
        <v>1</v>
      </c>
      <c r="AK19" s="261">
        <v>3</v>
      </c>
      <c r="AL19" s="258">
        <v>4</v>
      </c>
      <c r="AM19" s="260">
        <v>0</v>
      </c>
      <c r="AN19" s="261">
        <v>18</v>
      </c>
      <c r="AO19" s="261">
        <v>21</v>
      </c>
      <c r="AP19" s="261">
        <v>12</v>
      </c>
      <c r="AQ19" s="261">
        <v>16</v>
      </c>
      <c r="AR19" s="261">
        <v>4</v>
      </c>
      <c r="AS19" s="258">
        <v>71</v>
      </c>
      <c r="AT19" s="263">
        <v>75</v>
      </c>
      <c r="AU19" s="257">
        <v>0</v>
      </c>
      <c r="AV19" s="261">
        <v>2</v>
      </c>
      <c r="AW19" s="258">
        <v>2</v>
      </c>
      <c r="AX19" s="260">
        <v>0</v>
      </c>
      <c r="AY19" s="261">
        <v>17</v>
      </c>
      <c r="AZ19" s="261">
        <v>28</v>
      </c>
      <c r="BA19" s="261">
        <v>35</v>
      </c>
      <c r="BB19" s="261">
        <v>26</v>
      </c>
      <c r="BC19" s="261">
        <v>13</v>
      </c>
      <c r="BD19" s="258">
        <v>119</v>
      </c>
      <c r="BE19" s="263">
        <v>121</v>
      </c>
      <c r="BF19" s="257">
        <v>0</v>
      </c>
      <c r="BG19" s="261">
        <v>0</v>
      </c>
      <c r="BH19" s="258">
        <v>0</v>
      </c>
      <c r="BI19" s="260">
        <v>0</v>
      </c>
      <c r="BJ19" s="261">
        <v>43</v>
      </c>
      <c r="BK19" s="261">
        <v>60</v>
      </c>
      <c r="BL19" s="261">
        <v>68</v>
      </c>
      <c r="BM19" s="261">
        <v>46</v>
      </c>
      <c r="BN19" s="261">
        <v>27</v>
      </c>
      <c r="BO19" s="262">
        <v>244</v>
      </c>
      <c r="BP19" s="263">
        <v>244</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2</v>
      </c>
      <c r="CH19" s="261">
        <v>28</v>
      </c>
      <c r="CI19" s="261">
        <v>42</v>
      </c>
      <c r="CJ19" s="261">
        <v>32</v>
      </c>
      <c r="CK19" s="258">
        <v>104</v>
      </c>
      <c r="CL19" s="263">
        <v>104</v>
      </c>
      <c r="CM19" s="257">
        <v>0</v>
      </c>
      <c r="CN19" s="261">
        <v>0</v>
      </c>
      <c r="CO19" s="258">
        <v>0</v>
      </c>
      <c r="CP19" s="260">
        <v>0</v>
      </c>
      <c r="CQ19" s="261">
        <v>1</v>
      </c>
      <c r="CR19" s="261">
        <v>2</v>
      </c>
      <c r="CS19" s="261">
        <v>2</v>
      </c>
      <c r="CT19" s="261">
        <v>4</v>
      </c>
      <c r="CU19" s="261">
        <v>8</v>
      </c>
      <c r="CV19" s="258">
        <v>17</v>
      </c>
      <c r="CW19" s="263">
        <v>17</v>
      </c>
    </row>
    <row r="20" spans="2:101" ht="21" customHeight="1" x14ac:dyDescent="0.2">
      <c r="B20" s="472" t="s">
        <v>18</v>
      </c>
      <c r="C20" s="257">
        <v>0</v>
      </c>
      <c r="D20" s="258">
        <v>0</v>
      </c>
      <c r="E20" s="259">
        <v>0</v>
      </c>
      <c r="F20" s="260">
        <v>0</v>
      </c>
      <c r="G20" s="261">
        <v>2</v>
      </c>
      <c r="H20" s="261">
        <v>5</v>
      </c>
      <c r="I20" s="261">
        <v>2</v>
      </c>
      <c r="J20" s="261">
        <v>0</v>
      </c>
      <c r="K20" s="261">
        <v>1</v>
      </c>
      <c r="L20" s="262">
        <v>10</v>
      </c>
      <c r="M20" s="263">
        <v>10</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299</v>
      </c>
      <c r="AD20" s="261">
        <v>182</v>
      </c>
      <c r="AE20" s="261">
        <v>90</v>
      </c>
      <c r="AF20" s="261">
        <v>44</v>
      </c>
      <c r="AG20" s="261">
        <v>8</v>
      </c>
      <c r="AH20" s="258">
        <v>623</v>
      </c>
      <c r="AI20" s="263">
        <v>623</v>
      </c>
      <c r="AJ20" s="257">
        <v>0</v>
      </c>
      <c r="AK20" s="261">
        <v>0</v>
      </c>
      <c r="AL20" s="258">
        <v>0</v>
      </c>
      <c r="AM20" s="260">
        <v>0</v>
      </c>
      <c r="AN20" s="261">
        <v>8</v>
      </c>
      <c r="AO20" s="261">
        <v>8</v>
      </c>
      <c r="AP20" s="261">
        <v>28</v>
      </c>
      <c r="AQ20" s="261">
        <v>13</v>
      </c>
      <c r="AR20" s="261">
        <v>10</v>
      </c>
      <c r="AS20" s="258">
        <v>67</v>
      </c>
      <c r="AT20" s="263">
        <v>67</v>
      </c>
      <c r="AU20" s="257">
        <v>6</v>
      </c>
      <c r="AV20" s="261">
        <v>14</v>
      </c>
      <c r="AW20" s="258">
        <v>20</v>
      </c>
      <c r="AX20" s="260">
        <v>0</v>
      </c>
      <c r="AY20" s="261">
        <v>46</v>
      </c>
      <c r="AZ20" s="261">
        <v>50</v>
      </c>
      <c r="BA20" s="261">
        <v>50</v>
      </c>
      <c r="BB20" s="261">
        <v>19</v>
      </c>
      <c r="BC20" s="261">
        <v>11</v>
      </c>
      <c r="BD20" s="258">
        <v>176</v>
      </c>
      <c r="BE20" s="263">
        <v>196</v>
      </c>
      <c r="BF20" s="257">
        <v>0</v>
      </c>
      <c r="BG20" s="261">
        <v>3</v>
      </c>
      <c r="BH20" s="258">
        <v>3</v>
      </c>
      <c r="BI20" s="260">
        <v>0</v>
      </c>
      <c r="BJ20" s="261">
        <v>51</v>
      </c>
      <c r="BK20" s="261">
        <v>73</v>
      </c>
      <c r="BL20" s="261">
        <v>93</v>
      </c>
      <c r="BM20" s="261">
        <v>60</v>
      </c>
      <c r="BN20" s="261">
        <v>30</v>
      </c>
      <c r="BO20" s="262">
        <v>307</v>
      </c>
      <c r="BP20" s="263">
        <v>310</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2</v>
      </c>
      <c r="CH20" s="261">
        <v>4</v>
      </c>
      <c r="CI20" s="261">
        <v>16</v>
      </c>
      <c r="CJ20" s="261">
        <v>4</v>
      </c>
      <c r="CK20" s="258">
        <v>26</v>
      </c>
      <c r="CL20" s="263">
        <v>26</v>
      </c>
      <c r="CM20" s="257">
        <v>0</v>
      </c>
      <c r="CN20" s="261">
        <v>0</v>
      </c>
      <c r="CO20" s="258">
        <v>0</v>
      </c>
      <c r="CP20" s="260">
        <v>0</v>
      </c>
      <c r="CQ20" s="261">
        <v>5</v>
      </c>
      <c r="CR20" s="261">
        <v>17</v>
      </c>
      <c r="CS20" s="261">
        <v>12</v>
      </c>
      <c r="CT20" s="261">
        <v>21</v>
      </c>
      <c r="CU20" s="261">
        <v>25</v>
      </c>
      <c r="CV20" s="258">
        <v>80</v>
      </c>
      <c r="CW20" s="263">
        <v>80</v>
      </c>
    </row>
    <row r="21" spans="2:101" ht="21" customHeight="1" x14ac:dyDescent="0.2">
      <c r="B21" s="472" t="s">
        <v>19</v>
      </c>
      <c r="C21" s="257">
        <v>0</v>
      </c>
      <c r="D21" s="258">
        <v>0</v>
      </c>
      <c r="E21" s="259">
        <v>0</v>
      </c>
      <c r="F21" s="260">
        <v>0</v>
      </c>
      <c r="G21" s="261">
        <v>12</v>
      </c>
      <c r="H21" s="261">
        <v>10</v>
      </c>
      <c r="I21" s="261">
        <v>6</v>
      </c>
      <c r="J21" s="261">
        <v>5</v>
      </c>
      <c r="K21" s="261">
        <v>7</v>
      </c>
      <c r="L21" s="262">
        <v>40</v>
      </c>
      <c r="M21" s="263">
        <v>40</v>
      </c>
      <c r="N21" s="257">
        <v>0</v>
      </c>
      <c r="O21" s="261">
        <v>0</v>
      </c>
      <c r="P21" s="258">
        <v>0</v>
      </c>
      <c r="Q21" s="260">
        <v>0</v>
      </c>
      <c r="R21" s="261">
        <v>2</v>
      </c>
      <c r="S21" s="261">
        <v>2</v>
      </c>
      <c r="T21" s="261">
        <v>4</v>
      </c>
      <c r="U21" s="261">
        <v>2</v>
      </c>
      <c r="V21" s="261">
        <v>1</v>
      </c>
      <c r="W21" s="258">
        <v>11</v>
      </c>
      <c r="X21" s="263">
        <v>11</v>
      </c>
      <c r="Y21" s="257">
        <v>0</v>
      </c>
      <c r="Z21" s="261">
        <v>0</v>
      </c>
      <c r="AA21" s="258">
        <v>0</v>
      </c>
      <c r="AB21" s="260">
        <v>0</v>
      </c>
      <c r="AC21" s="261">
        <v>133</v>
      </c>
      <c r="AD21" s="261">
        <v>103</v>
      </c>
      <c r="AE21" s="261">
        <v>50</v>
      </c>
      <c r="AF21" s="261">
        <v>23</v>
      </c>
      <c r="AG21" s="261">
        <v>11</v>
      </c>
      <c r="AH21" s="258">
        <v>320</v>
      </c>
      <c r="AI21" s="263">
        <v>320</v>
      </c>
      <c r="AJ21" s="257">
        <v>0</v>
      </c>
      <c r="AK21" s="261">
        <v>0</v>
      </c>
      <c r="AL21" s="258">
        <v>0</v>
      </c>
      <c r="AM21" s="260">
        <v>0</v>
      </c>
      <c r="AN21" s="261">
        <v>14</v>
      </c>
      <c r="AO21" s="261">
        <v>22</v>
      </c>
      <c r="AP21" s="261">
        <v>22</v>
      </c>
      <c r="AQ21" s="261">
        <v>3</v>
      </c>
      <c r="AR21" s="261">
        <v>4</v>
      </c>
      <c r="AS21" s="258">
        <v>65</v>
      </c>
      <c r="AT21" s="263">
        <v>65</v>
      </c>
      <c r="AU21" s="257">
        <v>0</v>
      </c>
      <c r="AV21" s="261">
        <v>4</v>
      </c>
      <c r="AW21" s="258">
        <v>4</v>
      </c>
      <c r="AX21" s="260">
        <v>0</v>
      </c>
      <c r="AY21" s="261">
        <v>20</v>
      </c>
      <c r="AZ21" s="261">
        <v>38</v>
      </c>
      <c r="BA21" s="261">
        <v>30</v>
      </c>
      <c r="BB21" s="261">
        <v>13</v>
      </c>
      <c r="BC21" s="261">
        <v>11</v>
      </c>
      <c r="BD21" s="258">
        <v>112</v>
      </c>
      <c r="BE21" s="263">
        <v>116</v>
      </c>
      <c r="BF21" s="257">
        <v>0</v>
      </c>
      <c r="BG21" s="261">
        <v>0</v>
      </c>
      <c r="BH21" s="258">
        <v>0</v>
      </c>
      <c r="BI21" s="260">
        <v>0</v>
      </c>
      <c r="BJ21" s="261">
        <v>12</v>
      </c>
      <c r="BK21" s="261">
        <v>21</v>
      </c>
      <c r="BL21" s="261">
        <v>33</v>
      </c>
      <c r="BM21" s="261">
        <v>21</v>
      </c>
      <c r="BN21" s="261">
        <v>13</v>
      </c>
      <c r="BO21" s="262">
        <v>100</v>
      </c>
      <c r="BP21" s="263">
        <v>100</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1</v>
      </c>
      <c r="CR21" s="261">
        <v>5</v>
      </c>
      <c r="CS21" s="261">
        <v>5</v>
      </c>
      <c r="CT21" s="261">
        <v>2</v>
      </c>
      <c r="CU21" s="261">
        <v>9</v>
      </c>
      <c r="CV21" s="258">
        <v>22</v>
      </c>
      <c r="CW21" s="263">
        <v>22</v>
      </c>
    </row>
    <row r="22" spans="2:101" ht="21" customHeight="1" x14ac:dyDescent="0.2">
      <c r="B22" s="472" t="s">
        <v>20</v>
      </c>
      <c r="C22" s="257">
        <v>0</v>
      </c>
      <c r="D22" s="258">
        <v>0</v>
      </c>
      <c r="E22" s="259">
        <v>0</v>
      </c>
      <c r="F22" s="260">
        <v>0</v>
      </c>
      <c r="G22" s="261">
        <v>1</v>
      </c>
      <c r="H22" s="261">
        <v>1</v>
      </c>
      <c r="I22" s="261">
        <v>0</v>
      </c>
      <c r="J22" s="261">
        <v>0</v>
      </c>
      <c r="K22" s="261">
        <v>2</v>
      </c>
      <c r="L22" s="262">
        <v>4</v>
      </c>
      <c r="M22" s="263">
        <v>4</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84</v>
      </c>
      <c r="AD22" s="261">
        <v>95</v>
      </c>
      <c r="AE22" s="261">
        <v>53</v>
      </c>
      <c r="AF22" s="261">
        <v>14</v>
      </c>
      <c r="AG22" s="261">
        <v>4</v>
      </c>
      <c r="AH22" s="258">
        <v>350</v>
      </c>
      <c r="AI22" s="263">
        <v>350</v>
      </c>
      <c r="AJ22" s="257">
        <v>0</v>
      </c>
      <c r="AK22" s="261">
        <v>0</v>
      </c>
      <c r="AL22" s="258">
        <v>0</v>
      </c>
      <c r="AM22" s="260">
        <v>0</v>
      </c>
      <c r="AN22" s="261">
        <v>1</v>
      </c>
      <c r="AO22" s="261">
        <v>2</v>
      </c>
      <c r="AP22" s="261">
        <v>5</v>
      </c>
      <c r="AQ22" s="261">
        <v>0</v>
      </c>
      <c r="AR22" s="261">
        <v>2</v>
      </c>
      <c r="AS22" s="258">
        <v>10</v>
      </c>
      <c r="AT22" s="263">
        <v>10</v>
      </c>
      <c r="AU22" s="257">
        <v>0</v>
      </c>
      <c r="AV22" s="261">
        <v>0</v>
      </c>
      <c r="AW22" s="258">
        <v>0</v>
      </c>
      <c r="AX22" s="260">
        <v>0</v>
      </c>
      <c r="AY22" s="261">
        <v>21</v>
      </c>
      <c r="AZ22" s="261">
        <v>9</v>
      </c>
      <c r="BA22" s="261">
        <v>9</v>
      </c>
      <c r="BB22" s="261">
        <v>2</v>
      </c>
      <c r="BC22" s="261">
        <v>1</v>
      </c>
      <c r="BD22" s="258">
        <v>42</v>
      </c>
      <c r="BE22" s="263">
        <v>42</v>
      </c>
      <c r="BF22" s="257">
        <v>0</v>
      </c>
      <c r="BG22" s="261">
        <v>0</v>
      </c>
      <c r="BH22" s="258">
        <v>0</v>
      </c>
      <c r="BI22" s="260">
        <v>0</v>
      </c>
      <c r="BJ22" s="261">
        <v>11</v>
      </c>
      <c r="BK22" s="261">
        <v>32</v>
      </c>
      <c r="BL22" s="261">
        <v>48</v>
      </c>
      <c r="BM22" s="261">
        <v>18</v>
      </c>
      <c r="BN22" s="261">
        <v>19</v>
      </c>
      <c r="BO22" s="262">
        <v>128</v>
      </c>
      <c r="BP22" s="263">
        <v>128</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3</v>
      </c>
      <c r="H23" s="261">
        <v>8</v>
      </c>
      <c r="I23" s="261">
        <v>1</v>
      </c>
      <c r="J23" s="261">
        <v>5</v>
      </c>
      <c r="K23" s="261">
        <v>3</v>
      </c>
      <c r="L23" s="262">
        <v>20</v>
      </c>
      <c r="M23" s="263">
        <v>20</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87</v>
      </c>
      <c r="AD23" s="261">
        <v>187</v>
      </c>
      <c r="AE23" s="261">
        <v>76</v>
      </c>
      <c r="AF23" s="261">
        <v>29</v>
      </c>
      <c r="AG23" s="261">
        <v>9</v>
      </c>
      <c r="AH23" s="258">
        <v>488</v>
      </c>
      <c r="AI23" s="263">
        <v>488</v>
      </c>
      <c r="AJ23" s="257">
        <v>0</v>
      </c>
      <c r="AK23" s="261">
        <v>0</v>
      </c>
      <c r="AL23" s="258">
        <v>0</v>
      </c>
      <c r="AM23" s="260">
        <v>0</v>
      </c>
      <c r="AN23" s="261">
        <v>0</v>
      </c>
      <c r="AO23" s="261">
        <v>0</v>
      </c>
      <c r="AP23" s="261">
        <v>0</v>
      </c>
      <c r="AQ23" s="261">
        <v>1</v>
      </c>
      <c r="AR23" s="261">
        <v>0</v>
      </c>
      <c r="AS23" s="258">
        <v>1</v>
      </c>
      <c r="AT23" s="263">
        <v>1</v>
      </c>
      <c r="AU23" s="257">
        <v>0</v>
      </c>
      <c r="AV23" s="261">
        <v>0</v>
      </c>
      <c r="AW23" s="258">
        <v>0</v>
      </c>
      <c r="AX23" s="260">
        <v>0</v>
      </c>
      <c r="AY23" s="261">
        <v>12</v>
      </c>
      <c r="AZ23" s="261">
        <v>4</v>
      </c>
      <c r="BA23" s="261">
        <v>19</v>
      </c>
      <c r="BB23" s="261">
        <v>7</v>
      </c>
      <c r="BC23" s="261">
        <v>2</v>
      </c>
      <c r="BD23" s="258">
        <v>44</v>
      </c>
      <c r="BE23" s="263">
        <v>44</v>
      </c>
      <c r="BF23" s="257">
        <v>0</v>
      </c>
      <c r="BG23" s="261">
        <v>0</v>
      </c>
      <c r="BH23" s="258">
        <v>0</v>
      </c>
      <c r="BI23" s="260">
        <v>0</v>
      </c>
      <c r="BJ23" s="261">
        <v>19</v>
      </c>
      <c r="BK23" s="261">
        <v>38</v>
      </c>
      <c r="BL23" s="261">
        <v>40</v>
      </c>
      <c r="BM23" s="261">
        <v>13</v>
      </c>
      <c r="BN23" s="261">
        <v>12</v>
      </c>
      <c r="BO23" s="262">
        <v>122</v>
      </c>
      <c r="BP23" s="263">
        <v>122</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2</v>
      </c>
      <c r="CR23" s="261">
        <v>3</v>
      </c>
      <c r="CS23" s="261">
        <v>0</v>
      </c>
      <c r="CT23" s="261">
        <v>2</v>
      </c>
      <c r="CU23" s="261">
        <v>6</v>
      </c>
      <c r="CV23" s="258">
        <v>13</v>
      </c>
      <c r="CW23" s="263">
        <v>13</v>
      </c>
    </row>
    <row r="24" spans="2:101" ht="21" customHeight="1" x14ac:dyDescent="0.2">
      <c r="B24" s="472" t="s">
        <v>22</v>
      </c>
      <c r="C24" s="257">
        <v>0</v>
      </c>
      <c r="D24" s="258">
        <v>0</v>
      </c>
      <c r="E24" s="259">
        <v>0</v>
      </c>
      <c r="F24" s="260">
        <v>0</v>
      </c>
      <c r="G24" s="261">
        <v>1</v>
      </c>
      <c r="H24" s="261">
        <v>7</v>
      </c>
      <c r="I24" s="261">
        <v>4</v>
      </c>
      <c r="J24" s="261">
        <v>2</v>
      </c>
      <c r="K24" s="261">
        <v>0</v>
      </c>
      <c r="L24" s="262">
        <v>14</v>
      </c>
      <c r="M24" s="263">
        <v>14</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114</v>
      </c>
      <c r="AD24" s="261">
        <v>76</v>
      </c>
      <c r="AE24" s="261">
        <v>40</v>
      </c>
      <c r="AF24" s="261">
        <v>20</v>
      </c>
      <c r="AG24" s="261">
        <v>3</v>
      </c>
      <c r="AH24" s="258">
        <v>253</v>
      </c>
      <c r="AI24" s="263">
        <v>253</v>
      </c>
      <c r="AJ24" s="257">
        <v>0</v>
      </c>
      <c r="AK24" s="261">
        <v>0</v>
      </c>
      <c r="AL24" s="258">
        <v>0</v>
      </c>
      <c r="AM24" s="260">
        <v>0</v>
      </c>
      <c r="AN24" s="261">
        <v>3</v>
      </c>
      <c r="AO24" s="261">
        <v>5</v>
      </c>
      <c r="AP24" s="261">
        <v>5</v>
      </c>
      <c r="AQ24" s="261">
        <v>1</v>
      </c>
      <c r="AR24" s="261">
        <v>3</v>
      </c>
      <c r="AS24" s="258">
        <v>17</v>
      </c>
      <c r="AT24" s="263">
        <v>17</v>
      </c>
      <c r="AU24" s="257">
        <v>2</v>
      </c>
      <c r="AV24" s="261">
        <v>1</v>
      </c>
      <c r="AW24" s="258">
        <v>3</v>
      </c>
      <c r="AX24" s="260">
        <v>0</v>
      </c>
      <c r="AY24" s="261">
        <v>19</v>
      </c>
      <c r="AZ24" s="261">
        <v>21</v>
      </c>
      <c r="BA24" s="261">
        <v>14</v>
      </c>
      <c r="BB24" s="261">
        <v>7</v>
      </c>
      <c r="BC24" s="261">
        <v>4</v>
      </c>
      <c r="BD24" s="258">
        <v>65</v>
      </c>
      <c r="BE24" s="263">
        <v>68</v>
      </c>
      <c r="BF24" s="257">
        <v>0</v>
      </c>
      <c r="BG24" s="261">
        <v>1</v>
      </c>
      <c r="BH24" s="258">
        <v>1</v>
      </c>
      <c r="BI24" s="260">
        <v>0</v>
      </c>
      <c r="BJ24" s="261">
        <v>13</v>
      </c>
      <c r="BK24" s="261">
        <v>18</v>
      </c>
      <c r="BL24" s="261">
        <v>13</v>
      </c>
      <c r="BM24" s="261">
        <v>13</v>
      </c>
      <c r="BN24" s="261">
        <v>5</v>
      </c>
      <c r="BO24" s="262">
        <v>62</v>
      </c>
      <c r="BP24" s="263">
        <v>63</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6</v>
      </c>
      <c r="CI24" s="261">
        <v>15</v>
      </c>
      <c r="CJ24" s="261">
        <v>7</v>
      </c>
      <c r="CK24" s="258">
        <v>28</v>
      </c>
      <c r="CL24" s="263">
        <v>28</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2</v>
      </c>
      <c r="L25" s="262">
        <v>2</v>
      </c>
      <c r="M25" s="263">
        <v>2</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56</v>
      </c>
      <c r="AD25" s="261">
        <v>47</v>
      </c>
      <c r="AE25" s="261">
        <v>27</v>
      </c>
      <c r="AF25" s="261">
        <v>14</v>
      </c>
      <c r="AG25" s="261">
        <v>6</v>
      </c>
      <c r="AH25" s="258">
        <v>150</v>
      </c>
      <c r="AI25" s="263">
        <v>150</v>
      </c>
      <c r="AJ25" s="257">
        <v>0</v>
      </c>
      <c r="AK25" s="261">
        <v>0</v>
      </c>
      <c r="AL25" s="258">
        <v>0</v>
      </c>
      <c r="AM25" s="260">
        <v>0</v>
      </c>
      <c r="AN25" s="261">
        <v>0</v>
      </c>
      <c r="AO25" s="261">
        <v>0</v>
      </c>
      <c r="AP25" s="261">
        <v>3</v>
      </c>
      <c r="AQ25" s="261">
        <v>0</v>
      </c>
      <c r="AR25" s="261">
        <v>0</v>
      </c>
      <c r="AS25" s="258">
        <v>3</v>
      </c>
      <c r="AT25" s="263">
        <v>3</v>
      </c>
      <c r="AU25" s="257">
        <v>0</v>
      </c>
      <c r="AV25" s="261">
        <v>0</v>
      </c>
      <c r="AW25" s="258">
        <v>0</v>
      </c>
      <c r="AX25" s="260">
        <v>0</v>
      </c>
      <c r="AY25" s="261">
        <v>5</v>
      </c>
      <c r="AZ25" s="261">
        <v>5</v>
      </c>
      <c r="BA25" s="261">
        <v>2</v>
      </c>
      <c r="BB25" s="261">
        <v>1</v>
      </c>
      <c r="BC25" s="261">
        <v>2</v>
      </c>
      <c r="BD25" s="258">
        <v>15</v>
      </c>
      <c r="BE25" s="263">
        <v>15</v>
      </c>
      <c r="BF25" s="257">
        <v>0</v>
      </c>
      <c r="BG25" s="261">
        <v>0</v>
      </c>
      <c r="BH25" s="258">
        <v>0</v>
      </c>
      <c r="BI25" s="260">
        <v>0</v>
      </c>
      <c r="BJ25" s="261">
        <v>32</v>
      </c>
      <c r="BK25" s="261">
        <v>16</v>
      </c>
      <c r="BL25" s="261">
        <v>22</v>
      </c>
      <c r="BM25" s="261">
        <v>16</v>
      </c>
      <c r="BN25" s="261">
        <v>7</v>
      </c>
      <c r="BO25" s="262">
        <v>93</v>
      </c>
      <c r="BP25" s="263">
        <v>93</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1</v>
      </c>
      <c r="CU25" s="261">
        <v>0</v>
      </c>
      <c r="CV25" s="258">
        <v>1</v>
      </c>
      <c r="CW25" s="263">
        <v>1</v>
      </c>
    </row>
    <row r="26" spans="2:101" ht="21" customHeight="1" x14ac:dyDescent="0.2">
      <c r="B26" s="472" t="s">
        <v>24</v>
      </c>
      <c r="C26" s="257">
        <v>0</v>
      </c>
      <c r="D26" s="258">
        <v>0</v>
      </c>
      <c r="E26" s="259">
        <v>0</v>
      </c>
      <c r="F26" s="260">
        <v>0</v>
      </c>
      <c r="G26" s="261">
        <v>2</v>
      </c>
      <c r="H26" s="261">
        <v>2</v>
      </c>
      <c r="I26" s="261">
        <v>4</v>
      </c>
      <c r="J26" s="261">
        <v>3</v>
      </c>
      <c r="K26" s="261">
        <v>0</v>
      </c>
      <c r="L26" s="262">
        <v>11</v>
      </c>
      <c r="M26" s="263">
        <v>11</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26</v>
      </c>
      <c r="AD26" s="261">
        <v>20</v>
      </c>
      <c r="AE26" s="261">
        <v>15</v>
      </c>
      <c r="AF26" s="261">
        <v>4</v>
      </c>
      <c r="AG26" s="261">
        <v>3</v>
      </c>
      <c r="AH26" s="258">
        <v>68</v>
      </c>
      <c r="AI26" s="263">
        <v>68</v>
      </c>
      <c r="AJ26" s="257">
        <v>0</v>
      </c>
      <c r="AK26" s="261">
        <v>0</v>
      </c>
      <c r="AL26" s="258">
        <v>0</v>
      </c>
      <c r="AM26" s="260">
        <v>0</v>
      </c>
      <c r="AN26" s="261">
        <v>8</v>
      </c>
      <c r="AO26" s="261">
        <v>7</v>
      </c>
      <c r="AP26" s="261">
        <v>6</v>
      </c>
      <c r="AQ26" s="261">
        <v>2</v>
      </c>
      <c r="AR26" s="261">
        <v>1</v>
      </c>
      <c r="AS26" s="258">
        <v>24</v>
      </c>
      <c r="AT26" s="263">
        <v>24</v>
      </c>
      <c r="AU26" s="257">
        <v>0</v>
      </c>
      <c r="AV26" s="261">
        <v>3</v>
      </c>
      <c r="AW26" s="258">
        <v>3</v>
      </c>
      <c r="AX26" s="260">
        <v>0</v>
      </c>
      <c r="AY26" s="261">
        <v>18</v>
      </c>
      <c r="AZ26" s="261">
        <v>7</v>
      </c>
      <c r="BA26" s="261">
        <v>9</v>
      </c>
      <c r="BB26" s="261">
        <v>5</v>
      </c>
      <c r="BC26" s="261">
        <v>1</v>
      </c>
      <c r="BD26" s="258">
        <v>40</v>
      </c>
      <c r="BE26" s="263">
        <v>43</v>
      </c>
      <c r="BF26" s="257">
        <v>0</v>
      </c>
      <c r="BG26" s="261">
        <v>0</v>
      </c>
      <c r="BH26" s="258">
        <v>0</v>
      </c>
      <c r="BI26" s="260">
        <v>0</v>
      </c>
      <c r="BJ26" s="261">
        <v>3</v>
      </c>
      <c r="BK26" s="261">
        <v>4</v>
      </c>
      <c r="BL26" s="261">
        <v>7</v>
      </c>
      <c r="BM26" s="261">
        <v>7</v>
      </c>
      <c r="BN26" s="261">
        <v>5</v>
      </c>
      <c r="BO26" s="262">
        <v>26</v>
      </c>
      <c r="BP26" s="263">
        <v>26</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86</v>
      </c>
      <c r="AD27" s="261">
        <v>36</v>
      </c>
      <c r="AE27" s="261">
        <v>15</v>
      </c>
      <c r="AF27" s="261">
        <v>4</v>
      </c>
      <c r="AG27" s="261">
        <v>1</v>
      </c>
      <c r="AH27" s="258">
        <v>142</v>
      </c>
      <c r="AI27" s="263">
        <v>142</v>
      </c>
      <c r="AJ27" s="257">
        <v>0</v>
      </c>
      <c r="AK27" s="261">
        <v>0</v>
      </c>
      <c r="AL27" s="258">
        <v>0</v>
      </c>
      <c r="AM27" s="260">
        <v>0</v>
      </c>
      <c r="AN27" s="261">
        <v>0</v>
      </c>
      <c r="AO27" s="261">
        <v>0</v>
      </c>
      <c r="AP27" s="261">
        <v>0</v>
      </c>
      <c r="AQ27" s="261">
        <v>0</v>
      </c>
      <c r="AR27" s="261">
        <v>0</v>
      </c>
      <c r="AS27" s="258">
        <v>0</v>
      </c>
      <c r="AT27" s="263">
        <v>0</v>
      </c>
      <c r="AU27" s="257">
        <v>2</v>
      </c>
      <c r="AV27" s="261">
        <v>0</v>
      </c>
      <c r="AW27" s="258">
        <v>2</v>
      </c>
      <c r="AX27" s="260">
        <v>0</v>
      </c>
      <c r="AY27" s="261">
        <v>3</v>
      </c>
      <c r="AZ27" s="261">
        <v>6</v>
      </c>
      <c r="BA27" s="261">
        <v>2</v>
      </c>
      <c r="BB27" s="261">
        <v>3</v>
      </c>
      <c r="BC27" s="261">
        <v>0</v>
      </c>
      <c r="BD27" s="258">
        <v>14</v>
      </c>
      <c r="BE27" s="263">
        <v>16</v>
      </c>
      <c r="BF27" s="257">
        <v>0</v>
      </c>
      <c r="BG27" s="261">
        <v>0</v>
      </c>
      <c r="BH27" s="258">
        <v>0</v>
      </c>
      <c r="BI27" s="260">
        <v>0</v>
      </c>
      <c r="BJ27" s="261">
        <v>10</v>
      </c>
      <c r="BK27" s="261">
        <v>7</v>
      </c>
      <c r="BL27" s="261">
        <v>9</v>
      </c>
      <c r="BM27" s="261">
        <v>7</v>
      </c>
      <c r="BN27" s="261">
        <v>1</v>
      </c>
      <c r="BO27" s="262">
        <v>34</v>
      </c>
      <c r="BP27" s="263">
        <v>34</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49</v>
      </c>
      <c r="AD28" s="261">
        <v>38</v>
      </c>
      <c r="AE28" s="261">
        <v>25</v>
      </c>
      <c r="AF28" s="261">
        <v>8</v>
      </c>
      <c r="AG28" s="261">
        <v>6</v>
      </c>
      <c r="AH28" s="258">
        <v>126</v>
      </c>
      <c r="AI28" s="263">
        <v>126</v>
      </c>
      <c r="AJ28" s="257">
        <v>0</v>
      </c>
      <c r="AK28" s="261">
        <v>0</v>
      </c>
      <c r="AL28" s="258">
        <v>0</v>
      </c>
      <c r="AM28" s="260">
        <v>0</v>
      </c>
      <c r="AN28" s="261">
        <v>0</v>
      </c>
      <c r="AO28" s="261">
        <v>4</v>
      </c>
      <c r="AP28" s="261">
        <v>6</v>
      </c>
      <c r="AQ28" s="261">
        <v>3</v>
      </c>
      <c r="AR28" s="261">
        <v>1</v>
      </c>
      <c r="AS28" s="258">
        <v>14</v>
      </c>
      <c r="AT28" s="263">
        <v>14</v>
      </c>
      <c r="AU28" s="257">
        <v>0</v>
      </c>
      <c r="AV28" s="261">
        <v>1</v>
      </c>
      <c r="AW28" s="258">
        <v>1</v>
      </c>
      <c r="AX28" s="260">
        <v>0</v>
      </c>
      <c r="AY28" s="261">
        <v>6</v>
      </c>
      <c r="AZ28" s="261">
        <v>4</v>
      </c>
      <c r="BA28" s="261">
        <v>5</v>
      </c>
      <c r="BB28" s="261">
        <v>1</v>
      </c>
      <c r="BC28" s="261">
        <v>2</v>
      </c>
      <c r="BD28" s="258">
        <v>18</v>
      </c>
      <c r="BE28" s="263">
        <v>19</v>
      </c>
      <c r="BF28" s="257">
        <v>0</v>
      </c>
      <c r="BG28" s="261">
        <v>0</v>
      </c>
      <c r="BH28" s="258">
        <v>0</v>
      </c>
      <c r="BI28" s="260">
        <v>0</v>
      </c>
      <c r="BJ28" s="261">
        <v>8</v>
      </c>
      <c r="BK28" s="261">
        <v>16</v>
      </c>
      <c r="BL28" s="261">
        <v>20</v>
      </c>
      <c r="BM28" s="261">
        <v>10</v>
      </c>
      <c r="BN28" s="261">
        <v>1</v>
      </c>
      <c r="BO28" s="262">
        <v>55</v>
      </c>
      <c r="BP28" s="263">
        <v>55</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4</v>
      </c>
      <c r="AD29" s="261">
        <v>15</v>
      </c>
      <c r="AE29" s="261">
        <v>7</v>
      </c>
      <c r="AF29" s="261">
        <v>1</v>
      </c>
      <c r="AG29" s="261">
        <v>0</v>
      </c>
      <c r="AH29" s="258">
        <v>57</v>
      </c>
      <c r="AI29" s="263">
        <v>57</v>
      </c>
      <c r="AJ29" s="257">
        <v>0</v>
      </c>
      <c r="AK29" s="261">
        <v>0</v>
      </c>
      <c r="AL29" s="258">
        <v>0</v>
      </c>
      <c r="AM29" s="260">
        <v>0</v>
      </c>
      <c r="AN29" s="261">
        <v>3</v>
      </c>
      <c r="AO29" s="261">
        <v>1</v>
      </c>
      <c r="AP29" s="261">
        <v>1</v>
      </c>
      <c r="AQ29" s="261">
        <v>1</v>
      </c>
      <c r="AR29" s="261">
        <v>1</v>
      </c>
      <c r="AS29" s="258">
        <v>7</v>
      </c>
      <c r="AT29" s="263">
        <v>7</v>
      </c>
      <c r="AU29" s="257">
        <v>0</v>
      </c>
      <c r="AV29" s="261">
        <v>0</v>
      </c>
      <c r="AW29" s="258">
        <v>0</v>
      </c>
      <c r="AX29" s="260">
        <v>0</v>
      </c>
      <c r="AY29" s="261">
        <v>7</v>
      </c>
      <c r="AZ29" s="261">
        <v>3</v>
      </c>
      <c r="BA29" s="261">
        <v>6</v>
      </c>
      <c r="BB29" s="261">
        <v>1</v>
      </c>
      <c r="BC29" s="261">
        <v>0</v>
      </c>
      <c r="BD29" s="258">
        <v>17</v>
      </c>
      <c r="BE29" s="263">
        <v>17</v>
      </c>
      <c r="BF29" s="257">
        <v>0</v>
      </c>
      <c r="BG29" s="261">
        <v>0</v>
      </c>
      <c r="BH29" s="258">
        <v>0</v>
      </c>
      <c r="BI29" s="260">
        <v>0</v>
      </c>
      <c r="BJ29" s="261">
        <v>9</v>
      </c>
      <c r="BK29" s="261">
        <v>5</v>
      </c>
      <c r="BL29" s="261">
        <v>7</v>
      </c>
      <c r="BM29" s="261">
        <v>6</v>
      </c>
      <c r="BN29" s="261">
        <v>6</v>
      </c>
      <c r="BO29" s="262">
        <v>33</v>
      </c>
      <c r="BP29" s="263">
        <v>33</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7</v>
      </c>
      <c r="CI29" s="261">
        <v>11</v>
      </c>
      <c r="CJ29" s="261">
        <v>6</v>
      </c>
      <c r="CK29" s="258">
        <v>24</v>
      </c>
      <c r="CL29" s="263">
        <v>24</v>
      </c>
      <c r="CM29" s="257">
        <v>0</v>
      </c>
      <c r="CN29" s="261">
        <v>0</v>
      </c>
      <c r="CO29" s="258">
        <v>0</v>
      </c>
      <c r="CP29" s="260">
        <v>0</v>
      </c>
      <c r="CQ29" s="261">
        <v>0</v>
      </c>
      <c r="CR29" s="261">
        <v>0</v>
      </c>
      <c r="CS29" s="261">
        <v>0</v>
      </c>
      <c r="CT29" s="261">
        <v>1</v>
      </c>
      <c r="CU29" s="261">
        <v>0</v>
      </c>
      <c r="CV29" s="258">
        <v>1</v>
      </c>
      <c r="CW29" s="263">
        <v>1</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19</v>
      </c>
      <c r="AD30" s="261">
        <v>15</v>
      </c>
      <c r="AE30" s="261">
        <v>2</v>
      </c>
      <c r="AF30" s="261">
        <v>1</v>
      </c>
      <c r="AG30" s="261">
        <v>1</v>
      </c>
      <c r="AH30" s="258">
        <v>38</v>
      </c>
      <c r="AI30" s="263">
        <v>38</v>
      </c>
      <c r="AJ30" s="257">
        <v>0</v>
      </c>
      <c r="AK30" s="261">
        <v>0</v>
      </c>
      <c r="AL30" s="258">
        <v>0</v>
      </c>
      <c r="AM30" s="260">
        <v>0</v>
      </c>
      <c r="AN30" s="261">
        <v>1</v>
      </c>
      <c r="AO30" s="261">
        <v>1</v>
      </c>
      <c r="AP30" s="261">
        <v>1</v>
      </c>
      <c r="AQ30" s="261">
        <v>1</v>
      </c>
      <c r="AR30" s="261">
        <v>0</v>
      </c>
      <c r="AS30" s="258">
        <v>4</v>
      </c>
      <c r="AT30" s="263">
        <v>4</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1</v>
      </c>
      <c r="BK30" s="261">
        <v>4</v>
      </c>
      <c r="BL30" s="261">
        <v>2</v>
      </c>
      <c r="BM30" s="261">
        <v>4</v>
      </c>
      <c r="BN30" s="261">
        <v>3</v>
      </c>
      <c r="BO30" s="262">
        <v>14</v>
      </c>
      <c r="BP30" s="263">
        <v>14</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1</v>
      </c>
      <c r="CI30" s="261">
        <v>0</v>
      </c>
      <c r="CJ30" s="261">
        <v>0</v>
      </c>
      <c r="CK30" s="258">
        <v>1</v>
      </c>
      <c r="CL30" s="263">
        <v>1</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2</v>
      </c>
      <c r="H31" s="261">
        <v>0</v>
      </c>
      <c r="I31" s="261">
        <v>0</v>
      </c>
      <c r="J31" s="261">
        <v>0</v>
      </c>
      <c r="K31" s="261">
        <v>0</v>
      </c>
      <c r="L31" s="262">
        <v>2</v>
      </c>
      <c r="M31" s="263">
        <v>2</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0</v>
      </c>
      <c r="AD31" s="261">
        <v>18</v>
      </c>
      <c r="AE31" s="261">
        <v>7</v>
      </c>
      <c r="AF31" s="261">
        <v>2</v>
      </c>
      <c r="AG31" s="261">
        <v>0</v>
      </c>
      <c r="AH31" s="258">
        <v>47</v>
      </c>
      <c r="AI31" s="263">
        <v>47</v>
      </c>
      <c r="AJ31" s="257">
        <v>0</v>
      </c>
      <c r="AK31" s="261">
        <v>0</v>
      </c>
      <c r="AL31" s="258">
        <v>0</v>
      </c>
      <c r="AM31" s="260">
        <v>0</v>
      </c>
      <c r="AN31" s="261">
        <v>0</v>
      </c>
      <c r="AO31" s="261">
        <v>0</v>
      </c>
      <c r="AP31" s="261">
        <v>1</v>
      </c>
      <c r="AQ31" s="261">
        <v>1</v>
      </c>
      <c r="AR31" s="261">
        <v>0</v>
      </c>
      <c r="AS31" s="258">
        <v>2</v>
      </c>
      <c r="AT31" s="263">
        <v>2</v>
      </c>
      <c r="AU31" s="257">
        <v>0</v>
      </c>
      <c r="AV31" s="261">
        <v>3</v>
      </c>
      <c r="AW31" s="258">
        <v>3</v>
      </c>
      <c r="AX31" s="260">
        <v>0</v>
      </c>
      <c r="AY31" s="261">
        <v>8</v>
      </c>
      <c r="AZ31" s="261">
        <v>3</v>
      </c>
      <c r="BA31" s="261">
        <v>6</v>
      </c>
      <c r="BB31" s="261">
        <v>4</v>
      </c>
      <c r="BC31" s="261">
        <v>1</v>
      </c>
      <c r="BD31" s="258">
        <v>22</v>
      </c>
      <c r="BE31" s="263">
        <v>25</v>
      </c>
      <c r="BF31" s="257">
        <v>0</v>
      </c>
      <c r="BG31" s="261">
        <v>0</v>
      </c>
      <c r="BH31" s="258">
        <v>0</v>
      </c>
      <c r="BI31" s="260">
        <v>0</v>
      </c>
      <c r="BJ31" s="261">
        <v>4</v>
      </c>
      <c r="BK31" s="261">
        <v>7</v>
      </c>
      <c r="BL31" s="261">
        <v>7</v>
      </c>
      <c r="BM31" s="261">
        <v>4</v>
      </c>
      <c r="BN31" s="261">
        <v>2</v>
      </c>
      <c r="BO31" s="262">
        <v>24</v>
      </c>
      <c r="BP31" s="263">
        <v>24</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10</v>
      </c>
      <c r="CI31" s="261">
        <v>8</v>
      </c>
      <c r="CJ31" s="261">
        <v>5</v>
      </c>
      <c r="CK31" s="258">
        <v>23</v>
      </c>
      <c r="CL31" s="263">
        <v>23</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2</v>
      </c>
      <c r="I32" s="261">
        <v>1</v>
      </c>
      <c r="J32" s="261">
        <v>0</v>
      </c>
      <c r="K32" s="261">
        <v>0</v>
      </c>
      <c r="L32" s="262">
        <v>3</v>
      </c>
      <c r="M32" s="263">
        <v>3</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2</v>
      </c>
      <c r="AD32" s="261">
        <v>6</v>
      </c>
      <c r="AE32" s="261">
        <v>13</v>
      </c>
      <c r="AF32" s="261">
        <v>3</v>
      </c>
      <c r="AG32" s="261">
        <v>0</v>
      </c>
      <c r="AH32" s="258">
        <v>44</v>
      </c>
      <c r="AI32" s="263">
        <v>44</v>
      </c>
      <c r="AJ32" s="257">
        <v>1</v>
      </c>
      <c r="AK32" s="261">
        <v>0</v>
      </c>
      <c r="AL32" s="258">
        <v>1</v>
      </c>
      <c r="AM32" s="260">
        <v>0</v>
      </c>
      <c r="AN32" s="261">
        <v>2</v>
      </c>
      <c r="AO32" s="261">
        <v>3</v>
      </c>
      <c r="AP32" s="261">
        <v>1</v>
      </c>
      <c r="AQ32" s="261">
        <v>0</v>
      </c>
      <c r="AR32" s="261">
        <v>0</v>
      </c>
      <c r="AS32" s="258">
        <v>6</v>
      </c>
      <c r="AT32" s="263">
        <v>7</v>
      </c>
      <c r="AU32" s="257">
        <v>0</v>
      </c>
      <c r="AV32" s="261">
        <v>0</v>
      </c>
      <c r="AW32" s="258">
        <v>0</v>
      </c>
      <c r="AX32" s="260">
        <v>0</v>
      </c>
      <c r="AY32" s="261">
        <v>0</v>
      </c>
      <c r="AZ32" s="261">
        <v>0</v>
      </c>
      <c r="BA32" s="261">
        <v>0</v>
      </c>
      <c r="BB32" s="261">
        <v>1</v>
      </c>
      <c r="BC32" s="261">
        <v>0</v>
      </c>
      <c r="BD32" s="258">
        <v>1</v>
      </c>
      <c r="BE32" s="263">
        <v>1</v>
      </c>
      <c r="BF32" s="257">
        <v>0</v>
      </c>
      <c r="BG32" s="261">
        <v>0</v>
      </c>
      <c r="BH32" s="258">
        <v>0</v>
      </c>
      <c r="BI32" s="260">
        <v>0</v>
      </c>
      <c r="BJ32" s="261">
        <v>6</v>
      </c>
      <c r="BK32" s="261">
        <v>4</v>
      </c>
      <c r="BL32" s="261">
        <v>3</v>
      </c>
      <c r="BM32" s="261">
        <v>5</v>
      </c>
      <c r="BN32" s="261">
        <v>1</v>
      </c>
      <c r="BO32" s="262">
        <v>19</v>
      </c>
      <c r="BP32" s="263">
        <v>19</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2</v>
      </c>
      <c r="I33" s="261">
        <v>0</v>
      </c>
      <c r="J33" s="261">
        <v>0</v>
      </c>
      <c r="K33" s="261">
        <v>0</v>
      </c>
      <c r="L33" s="262">
        <v>2</v>
      </c>
      <c r="M33" s="263">
        <v>2</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34</v>
      </c>
      <c r="AD33" s="261">
        <v>15</v>
      </c>
      <c r="AE33" s="261">
        <v>7</v>
      </c>
      <c r="AF33" s="261">
        <v>5</v>
      </c>
      <c r="AG33" s="261">
        <v>0</v>
      </c>
      <c r="AH33" s="258">
        <v>61</v>
      </c>
      <c r="AI33" s="263">
        <v>61</v>
      </c>
      <c r="AJ33" s="257">
        <v>0</v>
      </c>
      <c r="AK33" s="261">
        <v>0</v>
      </c>
      <c r="AL33" s="258">
        <v>0</v>
      </c>
      <c r="AM33" s="260">
        <v>0</v>
      </c>
      <c r="AN33" s="261">
        <v>0</v>
      </c>
      <c r="AO33" s="261">
        <v>0</v>
      </c>
      <c r="AP33" s="261">
        <v>0</v>
      </c>
      <c r="AQ33" s="261">
        <v>1</v>
      </c>
      <c r="AR33" s="261">
        <v>1</v>
      </c>
      <c r="AS33" s="258">
        <v>2</v>
      </c>
      <c r="AT33" s="263">
        <v>2</v>
      </c>
      <c r="AU33" s="257">
        <v>0</v>
      </c>
      <c r="AV33" s="261">
        <v>1</v>
      </c>
      <c r="AW33" s="258">
        <v>1</v>
      </c>
      <c r="AX33" s="260">
        <v>0</v>
      </c>
      <c r="AY33" s="261">
        <v>7</v>
      </c>
      <c r="AZ33" s="261">
        <v>5</v>
      </c>
      <c r="BA33" s="261">
        <v>5</v>
      </c>
      <c r="BB33" s="261">
        <v>5</v>
      </c>
      <c r="BC33" s="261">
        <v>1</v>
      </c>
      <c r="BD33" s="258">
        <v>23</v>
      </c>
      <c r="BE33" s="263">
        <v>24</v>
      </c>
      <c r="BF33" s="257">
        <v>0</v>
      </c>
      <c r="BG33" s="261">
        <v>0</v>
      </c>
      <c r="BH33" s="258">
        <v>0</v>
      </c>
      <c r="BI33" s="260">
        <v>0</v>
      </c>
      <c r="BJ33" s="261">
        <v>7</v>
      </c>
      <c r="BK33" s="261">
        <v>9</v>
      </c>
      <c r="BL33" s="261">
        <v>12</v>
      </c>
      <c r="BM33" s="261">
        <v>10</v>
      </c>
      <c r="BN33" s="261">
        <v>5</v>
      </c>
      <c r="BO33" s="262">
        <v>43</v>
      </c>
      <c r="BP33" s="263">
        <v>4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1</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2</v>
      </c>
      <c r="H34" s="261">
        <v>1</v>
      </c>
      <c r="I34" s="261">
        <v>0</v>
      </c>
      <c r="J34" s="261">
        <v>0</v>
      </c>
      <c r="K34" s="261">
        <v>0</v>
      </c>
      <c r="L34" s="262">
        <v>3</v>
      </c>
      <c r="M34" s="263">
        <v>3</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4</v>
      </c>
      <c r="AD34" s="261">
        <v>31</v>
      </c>
      <c r="AE34" s="261">
        <v>10</v>
      </c>
      <c r="AF34" s="261">
        <v>3</v>
      </c>
      <c r="AG34" s="261">
        <v>2</v>
      </c>
      <c r="AH34" s="258">
        <v>80</v>
      </c>
      <c r="AI34" s="263">
        <v>80</v>
      </c>
      <c r="AJ34" s="257">
        <v>0</v>
      </c>
      <c r="AK34" s="261">
        <v>0</v>
      </c>
      <c r="AL34" s="258">
        <v>0</v>
      </c>
      <c r="AM34" s="260">
        <v>0</v>
      </c>
      <c r="AN34" s="261">
        <v>6</v>
      </c>
      <c r="AO34" s="261">
        <v>1</v>
      </c>
      <c r="AP34" s="261">
        <v>1</v>
      </c>
      <c r="AQ34" s="261">
        <v>0</v>
      </c>
      <c r="AR34" s="261">
        <v>1</v>
      </c>
      <c r="AS34" s="258">
        <v>9</v>
      </c>
      <c r="AT34" s="263">
        <v>9</v>
      </c>
      <c r="AU34" s="257">
        <v>0</v>
      </c>
      <c r="AV34" s="261">
        <v>3</v>
      </c>
      <c r="AW34" s="258">
        <v>3</v>
      </c>
      <c r="AX34" s="260">
        <v>0</v>
      </c>
      <c r="AY34" s="261">
        <v>6</v>
      </c>
      <c r="AZ34" s="261">
        <v>2</v>
      </c>
      <c r="BA34" s="261">
        <v>3</v>
      </c>
      <c r="BB34" s="261">
        <v>3</v>
      </c>
      <c r="BC34" s="261">
        <v>0</v>
      </c>
      <c r="BD34" s="258">
        <v>14</v>
      </c>
      <c r="BE34" s="263">
        <v>17</v>
      </c>
      <c r="BF34" s="257">
        <v>0</v>
      </c>
      <c r="BG34" s="261">
        <v>0</v>
      </c>
      <c r="BH34" s="258">
        <v>0</v>
      </c>
      <c r="BI34" s="260">
        <v>0</v>
      </c>
      <c r="BJ34" s="261">
        <v>3</v>
      </c>
      <c r="BK34" s="261">
        <v>4</v>
      </c>
      <c r="BL34" s="261">
        <v>7</v>
      </c>
      <c r="BM34" s="261">
        <v>9</v>
      </c>
      <c r="BN34" s="261">
        <v>7</v>
      </c>
      <c r="BO34" s="262">
        <v>30</v>
      </c>
      <c r="BP34" s="263">
        <v>30</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1</v>
      </c>
      <c r="CG34" s="261">
        <v>0</v>
      </c>
      <c r="CH34" s="261">
        <v>12</v>
      </c>
      <c r="CI34" s="261">
        <v>8</v>
      </c>
      <c r="CJ34" s="261">
        <v>5</v>
      </c>
      <c r="CK34" s="258">
        <v>26</v>
      </c>
      <c r="CL34" s="263">
        <v>26</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26</v>
      </c>
      <c r="AD35" s="261">
        <v>12</v>
      </c>
      <c r="AE35" s="261">
        <v>8</v>
      </c>
      <c r="AF35" s="261">
        <v>1</v>
      </c>
      <c r="AG35" s="261">
        <v>2</v>
      </c>
      <c r="AH35" s="258">
        <v>49</v>
      </c>
      <c r="AI35" s="263">
        <v>49</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1</v>
      </c>
      <c r="BH35" s="258">
        <v>1</v>
      </c>
      <c r="BI35" s="260">
        <v>0</v>
      </c>
      <c r="BJ35" s="261">
        <v>5</v>
      </c>
      <c r="BK35" s="261">
        <v>3</v>
      </c>
      <c r="BL35" s="261">
        <v>7</v>
      </c>
      <c r="BM35" s="261">
        <v>0</v>
      </c>
      <c r="BN35" s="261">
        <v>2</v>
      </c>
      <c r="BO35" s="262">
        <v>17</v>
      </c>
      <c r="BP35" s="263">
        <v>18</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4</v>
      </c>
      <c r="CR35" s="261">
        <v>3</v>
      </c>
      <c r="CS35" s="261">
        <v>5</v>
      </c>
      <c r="CT35" s="261">
        <v>3</v>
      </c>
      <c r="CU35" s="261">
        <v>6</v>
      </c>
      <c r="CV35" s="258">
        <v>21</v>
      </c>
      <c r="CW35" s="263">
        <v>21</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2</v>
      </c>
      <c r="AD36" s="261">
        <v>8</v>
      </c>
      <c r="AE36" s="261">
        <v>2</v>
      </c>
      <c r="AF36" s="261">
        <v>3</v>
      </c>
      <c r="AG36" s="261">
        <v>1</v>
      </c>
      <c r="AH36" s="258">
        <v>26</v>
      </c>
      <c r="AI36" s="263">
        <v>26</v>
      </c>
      <c r="AJ36" s="257">
        <v>0</v>
      </c>
      <c r="AK36" s="261">
        <v>0</v>
      </c>
      <c r="AL36" s="258">
        <v>0</v>
      </c>
      <c r="AM36" s="260">
        <v>0</v>
      </c>
      <c r="AN36" s="261">
        <v>0</v>
      </c>
      <c r="AO36" s="261">
        <v>0</v>
      </c>
      <c r="AP36" s="261">
        <v>0</v>
      </c>
      <c r="AQ36" s="261">
        <v>0</v>
      </c>
      <c r="AR36" s="261">
        <v>1</v>
      </c>
      <c r="AS36" s="258">
        <v>1</v>
      </c>
      <c r="AT36" s="263">
        <v>1</v>
      </c>
      <c r="AU36" s="257">
        <v>1</v>
      </c>
      <c r="AV36" s="261">
        <v>1</v>
      </c>
      <c r="AW36" s="258">
        <v>2</v>
      </c>
      <c r="AX36" s="260">
        <v>0</v>
      </c>
      <c r="AY36" s="261">
        <v>7</v>
      </c>
      <c r="AZ36" s="261">
        <v>9</v>
      </c>
      <c r="BA36" s="261">
        <v>6</v>
      </c>
      <c r="BB36" s="261">
        <v>1</v>
      </c>
      <c r="BC36" s="261">
        <v>0</v>
      </c>
      <c r="BD36" s="258">
        <v>23</v>
      </c>
      <c r="BE36" s="263">
        <v>25</v>
      </c>
      <c r="BF36" s="257">
        <v>0</v>
      </c>
      <c r="BG36" s="261">
        <v>0</v>
      </c>
      <c r="BH36" s="258">
        <v>0</v>
      </c>
      <c r="BI36" s="260">
        <v>0</v>
      </c>
      <c r="BJ36" s="261">
        <v>1</v>
      </c>
      <c r="BK36" s="261">
        <v>2</v>
      </c>
      <c r="BL36" s="261">
        <v>0</v>
      </c>
      <c r="BM36" s="261">
        <v>2</v>
      </c>
      <c r="BN36" s="261">
        <v>2</v>
      </c>
      <c r="BO36" s="262">
        <v>7</v>
      </c>
      <c r="BP36" s="263">
        <v>7</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8</v>
      </c>
      <c r="CR36" s="261">
        <v>5</v>
      </c>
      <c r="CS36" s="261">
        <v>7</v>
      </c>
      <c r="CT36" s="261">
        <v>3</v>
      </c>
      <c r="CU36" s="261">
        <v>3</v>
      </c>
      <c r="CV36" s="258">
        <v>26</v>
      </c>
      <c r="CW36" s="263">
        <v>26</v>
      </c>
    </row>
    <row r="37" spans="2:101" ht="21" customHeight="1" x14ac:dyDescent="0.2">
      <c r="B37" s="472" t="s">
        <v>35</v>
      </c>
      <c r="C37" s="257">
        <v>0</v>
      </c>
      <c r="D37" s="258">
        <v>0</v>
      </c>
      <c r="E37" s="259">
        <v>0</v>
      </c>
      <c r="F37" s="260">
        <v>0</v>
      </c>
      <c r="G37" s="261">
        <v>0</v>
      </c>
      <c r="H37" s="261">
        <v>0</v>
      </c>
      <c r="I37" s="261">
        <v>2</v>
      </c>
      <c r="J37" s="261">
        <v>1</v>
      </c>
      <c r="K37" s="261">
        <v>0</v>
      </c>
      <c r="L37" s="262">
        <v>3</v>
      </c>
      <c r="M37" s="263">
        <v>3</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18</v>
      </c>
      <c r="AD37" s="261">
        <v>14</v>
      </c>
      <c r="AE37" s="261">
        <v>7</v>
      </c>
      <c r="AF37" s="261">
        <v>11</v>
      </c>
      <c r="AG37" s="261">
        <v>2</v>
      </c>
      <c r="AH37" s="258">
        <v>52</v>
      </c>
      <c r="AI37" s="263">
        <v>52</v>
      </c>
      <c r="AJ37" s="257">
        <v>0</v>
      </c>
      <c r="AK37" s="261">
        <v>0</v>
      </c>
      <c r="AL37" s="258">
        <v>0</v>
      </c>
      <c r="AM37" s="260">
        <v>0</v>
      </c>
      <c r="AN37" s="261">
        <v>0</v>
      </c>
      <c r="AO37" s="261">
        <v>0</v>
      </c>
      <c r="AP37" s="261">
        <v>0</v>
      </c>
      <c r="AQ37" s="261">
        <v>0</v>
      </c>
      <c r="AR37" s="261">
        <v>0</v>
      </c>
      <c r="AS37" s="258">
        <v>0</v>
      </c>
      <c r="AT37" s="263">
        <v>0</v>
      </c>
      <c r="AU37" s="257">
        <v>3</v>
      </c>
      <c r="AV37" s="261">
        <v>1</v>
      </c>
      <c r="AW37" s="258">
        <v>4</v>
      </c>
      <c r="AX37" s="260">
        <v>0</v>
      </c>
      <c r="AY37" s="261">
        <v>12</v>
      </c>
      <c r="AZ37" s="261">
        <v>9</v>
      </c>
      <c r="BA37" s="261">
        <v>8</v>
      </c>
      <c r="BB37" s="261">
        <v>2</v>
      </c>
      <c r="BC37" s="261">
        <v>2</v>
      </c>
      <c r="BD37" s="258">
        <v>33</v>
      </c>
      <c r="BE37" s="263">
        <v>37</v>
      </c>
      <c r="BF37" s="257">
        <v>0</v>
      </c>
      <c r="BG37" s="261">
        <v>1</v>
      </c>
      <c r="BH37" s="258">
        <v>1</v>
      </c>
      <c r="BI37" s="260">
        <v>0</v>
      </c>
      <c r="BJ37" s="261">
        <v>13</v>
      </c>
      <c r="BK37" s="261">
        <v>17</v>
      </c>
      <c r="BL37" s="261">
        <v>14</v>
      </c>
      <c r="BM37" s="261">
        <v>13</v>
      </c>
      <c r="BN37" s="261">
        <v>6</v>
      </c>
      <c r="BO37" s="262">
        <v>63</v>
      </c>
      <c r="BP37" s="263">
        <v>64</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1</v>
      </c>
      <c r="I38" s="261">
        <v>0</v>
      </c>
      <c r="J38" s="261">
        <v>0</v>
      </c>
      <c r="K38" s="261">
        <v>0</v>
      </c>
      <c r="L38" s="262">
        <v>1</v>
      </c>
      <c r="M38" s="263">
        <v>1</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69</v>
      </c>
      <c r="AD38" s="261">
        <v>43</v>
      </c>
      <c r="AE38" s="261">
        <v>28</v>
      </c>
      <c r="AF38" s="261">
        <v>12</v>
      </c>
      <c r="AG38" s="261">
        <v>13</v>
      </c>
      <c r="AH38" s="258">
        <v>165</v>
      </c>
      <c r="AI38" s="263">
        <v>165</v>
      </c>
      <c r="AJ38" s="257">
        <v>0</v>
      </c>
      <c r="AK38" s="261">
        <v>0</v>
      </c>
      <c r="AL38" s="258">
        <v>0</v>
      </c>
      <c r="AM38" s="260">
        <v>0</v>
      </c>
      <c r="AN38" s="261">
        <v>0</v>
      </c>
      <c r="AO38" s="261">
        <v>0</v>
      </c>
      <c r="AP38" s="261">
        <v>0</v>
      </c>
      <c r="AQ38" s="261">
        <v>0</v>
      </c>
      <c r="AR38" s="261">
        <v>0</v>
      </c>
      <c r="AS38" s="258">
        <v>0</v>
      </c>
      <c r="AT38" s="263">
        <v>0</v>
      </c>
      <c r="AU38" s="257">
        <v>0</v>
      </c>
      <c r="AV38" s="261">
        <v>3</v>
      </c>
      <c r="AW38" s="258">
        <v>3</v>
      </c>
      <c r="AX38" s="260">
        <v>0</v>
      </c>
      <c r="AY38" s="261">
        <v>11</v>
      </c>
      <c r="AZ38" s="261">
        <v>15</v>
      </c>
      <c r="BA38" s="261">
        <v>10</v>
      </c>
      <c r="BB38" s="261">
        <v>3</v>
      </c>
      <c r="BC38" s="261">
        <v>1</v>
      </c>
      <c r="BD38" s="258">
        <v>40</v>
      </c>
      <c r="BE38" s="263">
        <v>43</v>
      </c>
      <c r="BF38" s="257">
        <v>0</v>
      </c>
      <c r="BG38" s="261">
        <v>0</v>
      </c>
      <c r="BH38" s="258">
        <v>0</v>
      </c>
      <c r="BI38" s="260">
        <v>0</v>
      </c>
      <c r="BJ38" s="261">
        <v>5</v>
      </c>
      <c r="BK38" s="261">
        <v>13</v>
      </c>
      <c r="BL38" s="261">
        <v>10</v>
      </c>
      <c r="BM38" s="261">
        <v>12</v>
      </c>
      <c r="BN38" s="261">
        <v>5</v>
      </c>
      <c r="BO38" s="262">
        <v>45</v>
      </c>
      <c r="BP38" s="263">
        <v>45</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1</v>
      </c>
      <c r="CU38" s="261">
        <v>0</v>
      </c>
      <c r="CV38" s="258">
        <v>1</v>
      </c>
      <c r="CW38" s="263">
        <v>1</v>
      </c>
    </row>
    <row r="39" spans="2:101" ht="21" customHeight="1" thickBot="1" x14ac:dyDescent="0.25">
      <c r="B39" s="473" t="s">
        <v>37</v>
      </c>
      <c r="C39" s="264">
        <v>0</v>
      </c>
      <c r="D39" s="265">
        <v>0</v>
      </c>
      <c r="E39" s="266">
        <v>0</v>
      </c>
      <c r="F39" s="267">
        <v>0</v>
      </c>
      <c r="G39" s="268">
        <v>0</v>
      </c>
      <c r="H39" s="268">
        <v>0</v>
      </c>
      <c r="I39" s="268">
        <v>0</v>
      </c>
      <c r="J39" s="268">
        <v>1</v>
      </c>
      <c r="K39" s="268">
        <v>0</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11</v>
      </c>
      <c r="AD39" s="268">
        <v>8</v>
      </c>
      <c r="AE39" s="268">
        <v>5</v>
      </c>
      <c r="AF39" s="268">
        <v>1</v>
      </c>
      <c r="AG39" s="268">
        <v>2</v>
      </c>
      <c r="AH39" s="265">
        <v>27</v>
      </c>
      <c r="AI39" s="270">
        <v>27</v>
      </c>
      <c r="AJ39" s="264">
        <v>0</v>
      </c>
      <c r="AK39" s="268">
        <v>0</v>
      </c>
      <c r="AL39" s="265">
        <v>0</v>
      </c>
      <c r="AM39" s="267">
        <v>0</v>
      </c>
      <c r="AN39" s="268">
        <v>1</v>
      </c>
      <c r="AO39" s="268">
        <v>0</v>
      </c>
      <c r="AP39" s="268">
        <v>0</v>
      </c>
      <c r="AQ39" s="268">
        <v>1</v>
      </c>
      <c r="AR39" s="268">
        <v>1</v>
      </c>
      <c r="AS39" s="265">
        <v>3</v>
      </c>
      <c r="AT39" s="270">
        <v>3</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1</v>
      </c>
      <c r="BK39" s="268">
        <v>0</v>
      </c>
      <c r="BL39" s="268">
        <v>3</v>
      </c>
      <c r="BM39" s="268">
        <v>3</v>
      </c>
      <c r="BN39" s="268">
        <v>1</v>
      </c>
      <c r="BO39" s="269">
        <v>8</v>
      </c>
      <c r="BP39" s="270">
        <v>8</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8.554687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501">
        <f>第１表!F2</f>
        <v>5</v>
      </c>
      <c r="J1" s="501"/>
      <c r="K1" s="235">
        <f>第１表!G2</f>
        <v>10</v>
      </c>
      <c r="L1" s="505">
        <f>IF(K1&lt;3,K1+12-2,K1-2)</f>
        <v>8</v>
      </c>
      <c r="M1" s="505"/>
    </row>
    <row r="2" spans="1:101" s="272" customFormat="1" ht="24" customHeight="1" thickBot="1" x14ac:dyDescent="0.25">
      <c r="A2" s="39"/>
      <c r="B2" s="271" t="s">
        <v>130</v>
      </c>
    </row>
    <row r="3" spans="1:101" ht="21" customHeight="1" thickBot="1" x14ac:dyDescent="0.25">
      <c r="B3" s="518"/>
      <c r="C3" s="509" t="s">
        <v>94</v>
      </c>
      <c r="D3" s="510"/>
      <c r="E3" s="510"/>
      <c r="F3" s="510"/>
      <c r="G3" s="510"/>
      <c r="H3" s="510"/>
      <c r="I3" s="510"/>
      <c r="J3" s="510"/>
      <c r="K3" s="510"/>
      <c r="L3" s="510"/>
      <c r="M3" s="511"/>
      <c r="N3" s="509" t="s">
        <v>88</v>
      </c>
      <c r="O3" s="510"/>
      <c r="P3" s="510"/>
      <c r="Q3" s="510"/>
      <c r="R3" s="510"/>
      <c r="S3" s="510"/>
      <c r="T3" s="510"/>
      <c r="U3" s="510"/>
      <c r="V3" s="510"/>
      <c r="W3" s="510"/>
      <c r="X3" s="511"/>
      <c r="Y3" s="509" t="s">
        <v>141</v>
      </c>
      <c r="Z3" s="510"/>
      <c r="AA3" s="510"/>
      <c r="AB3" s="510"/>
      <c r="AC3" s="510"/>
      <c r="AD3" s="510"/>
      <c r="AE3" s="510"/>
      <c r="AF3" s="510"/>
      <c r="AG3" s="510"/>
      <c r="AH3" s="510"/>
      <c r="AI3" s="511"/>
      <c r="AJ3" s="509" t="s">
        <v>90</v>
      </c>
      <c r="AK3" s="510"/>
      <c r="AL3" s="510"/>
      <c r="AM3" s="510"/>
      <c r="AN3" s="510"/>
      <c r="AO3" s="510"/>
      <c r="AP3" s="510"/>
      <c r="AQ3" s="510"/>
      <c r="AR3" s="510"/>
      <c r="AS3" s="510"/>
      <c r="AT3" s="511"/>
      <c r="AU3" s="522" t="s">
        <v>89</v>
      </c>
      <c r="AV3" s="523"/>
      <c r="AW3" s="523"/>
      <c r="AX3" s="523"/>
      <c r="AY3" s="523"/>
      <c r="AZ3" s="523"/>
      <c r="BA3" s="523"/>
      <c r="BB3" s="523"/>
      <c r="BC3" s="523"/>
      <c r="BD3" s="523"/>
      <c r="BE3" s="524"/>
      <c r="BF3" s="522" t="s">
        <v>91</v>
      </c>
      <c r="BG3" s="523"/>
      <c r="BH3" s="523"/>
      <c r="BI3" s="523"/>
      <c r="BJ3" s="523"/>
      <c r="BK3" s="523"/>
      <c r="BL3" s="523"/>
      <c r="BM3" s="523"/>
      <c r="BN3" s="523"/>
      <c r="BO3" s="523"/>
      <c r="BP3" s="524"/>
      <c r="BQ3" s="522" t="s">
        <v>92</v>
      </c>
      <c r="BR3" s="523"/>
      <c r="BS3" s="523"/>
      <c r="BT3" s="523"/>
      <c r="BU3" s="523"/>
      <c r="BV3" s="523"/>
      <c r="BW3" s="523"/>
      <c r="BX3" s="523"/>
      <c r="BY3" s="523"/>
      <c r="BZ3" s="523"/>
      <c r="CA3" s="524"/>
      <c r="CB3" s="522" t="s">
        <v>93</v>
      </c>
      <c r="CC3" s="523"/>
      <c r="CD3" s="523"/>
      <c r="CE3" s="523"/>
      <c r="CF3" s="523"/>
      <c r="CG3" s="523"/>
      <c r="CH3" s="523"/>
      <c r="CI3" s="523"/>
      <c r="CJ3" s="523"/>
      <c r="CK3" s="523"/>
      <c r="CL3" s="524"/>
      <c r="CM3" s="523" t="s">
        <v>140</v>
      </c>
      <c r="CN3" s="523"/>
      <c r="CO3" s="523"/>
      <c r="CP3" s="523"/>
      <c r="CQ3" s="523"/>
      <c r="CR3" s="523"/>
      <c r="CS3" s="523"/>
      <c r="CT3" s="523"/>
      <c r="CU3" s="523"/>
      <c r="CV3" s="523"/>
      <c r="CW3" s="524"/>
    </row>
    <row r="4" spans="1:101" ht="21" customHeight="1" x14ac:dyDescent="0.2">
      <c r="B4" s="519"/>
      <c r="C4" s="517" t="s">
        <v>61</v>
      </c>
      <c r="D4" s="513"/>
      <c r="E4" s="514"/>
      <c r="F4" s="512" t="s">
        <v>62</v>
      </c>
      <c r="G4" s="513"/>
      <c r="H4" s="513"/>
      <c r="I4" s="513"/>
      <c r="J4" s="513"/>
      <c r="K4" s="513"/>
      <c r="L4" s="521"/>
      <c r="M4" s="515" t="s">
        <v>52</v>
      </c>
      <c r="N4" s="517" t="s">
        <v>61</v>
      </c>
      <c r="O4" s="513"/>
      <c r="P4" s="514"/>
      <c r="Q4" s="512" t="s">
        <v>62</v>
      </c>
      <c r="R4" s="513"/>
      <c r="S4" s="513"/>
      <c r="T4" s="513"/>
      <c r="U4" s="513"/>
      <c r="V4" s="513"/>
      <c r="W4" s="514"/>
      <c r="X4" s="515" t="s">
        <v>52</v>
      </c>
      <c r="Y4" s="517" t="s">
        <v>61</v>
      </c>
      <c r="Z4" s="513"/>
      <c r="AA4" s="514"/>
      <c r="AB4" s="512" t="s">
        <v>62</v>
      </c>
      <c r="AC4" s="513"/>
      <c r="AD4" s="513"/>
      <c r="AE4" s="513"/>
      <c r="AF4" s="513"/>
      <c r="AG4" s="513"/>
      <c r="AH4" s="514"/>
      <c r="AI4" s="515" t="s">
        <v>52</v>
      </c>
      <c r="AJ4" s="517" t="s">
        <v>61</v>
      </c>
      <c r="AK4" s="513"/>
      <c r="AL4" s="514"/>
      <c r="AM4" s="512" t="s">
        <v>62</v>
      </c>
      <c r="AN4" s="513"/>
      <c r="AO4" s="513"/>
      <c r="AP4" s="513"/>
      <c r="AQ4" s="513"/>
      <c r="AR4" s="513"/>
      <c r="AS4" s="514"/>
      <c r="AT4" s="515" t="s">
        <v>52</v>
      </c>
      <c r="AU4" s="540" t="s">
        <v>61</v>
      </c>
      <c r="AV4" s="538"/>
      <c r="AW4" s="539"/>
      <c r="AX4" s="537" t="s">
        <v>62</v>
      </c>
      <c r="AY4" s="538"/>
      <c r="AZ4" s="538"/>
      <c r="BA4" s="538"/>
      <c r="BB4" s="538"/>
      <c r="BC4" s="538"/>
      <c r="BD4" s="539"/>
      <c r="BE4" s="535" t="s">
        <v>52</v>
      </c>
      <c r="BF4" s="540" t="s">
        <v>61</v>
      </c>
      <c r="BG4" s="538"/>
      <c r="BH4" s="539"/>
      <c r="BI4" s="537" t="s">
        <v>62</v>
      </c>
      <c r="BJ4" s="538"/>
      <c r="BK4" s="538"/>
      <c r="BL4" s="538"/>
      <c r="BM4" s="538"/>
      <c r="BN4" s="538"/>
      <c r="BO4" s="539"/>
      <c r="BP4" s="535" t="s">
        <v>52</v>
      </c>
      <c r="BQ4" s="540" t="s">
        <v>61</v>
      </c>
      <c r="BR4" s="538"/>
      <c r="BS4" s="539"/>
      <c r="BT4" s="537" t="s">
        <v>62</v>
      </c>
      <c r="BU4" s="538"/>
      <c r="BV4" s="538"/>
      <c r="BW4" s="538"/>
      <c r="BX4" s="538"/>
      <c r="BY4" s="538"/>
      <c r="BZ4" s="539"/>
      <c r="CA4" s="535" t="s">
        <v>52</v>
      </c>
      <c r="CB4" s="540" t="s">
        <v>61</v>
      </c>
      <c r="CC4" s="538"/>
      <c r="CD4" s="539"/>
      <c r="CE4" s="537" t="s">
        <v>62</v>
      </c>
      <c r="CF4" s="538"/>
      <c r="CG4" s="538"/>
      <c r="CH4" s="538"/>
      <c r="CI4" s="538"/>
      <c r="CJ4" s="538"/>
      <c r="CK4" s="539"/>
      <c r="CL4" s="535" t="s">
        <v>52</v>
      </c>
      <c r="CM4" s="540" t="s">
        <v>61</v>
      </c>
      <c r="CN4" s="538"/>
      <c r="CO4" s="539"/>
      <c r="CP4" s="537" t="s">
        <v>62</v>
      </c>
      <c r="CQ4" s="538"/>
      <c r="CR4" s="538"/>
      <c r="CS4" s="538"/>
      <c r="CT4" s="538"/>
      <c r="CU4" s="538"/>
      <c r="CV4" s="539"/>
      <c r="CW4" s="535" t="s">
        <v>52</v>
      </c>
    </row>
    <row r="5" spans="1:101" ht="30" customHeight="1" thickBot="1" x14ac:dyDescent="0.25">
      <c r="B5" s="520"/>
      <c r="C5" s="301" t="s">
        <v>43</v>
      </c>
      <c r="D5" s="246" t="s">
        <v>44</v>
      </c>
      <c r="E5" s="247" t="s">
        <v>45</v>
      </c>
      <c r="F5" s="248" t="s">
        <v>83</v>
      </c>
      <c r="G5" s="243" t="s">
        <v>47</v>
      </c>
      <c r="H5" s="243" t="s">
        <v>48</v>
      </c>
      <c r="I5" s="243" t="s">
        <v>49</v>
      </c>
      <c r="J5" s="243" t="s">
        <v>50</v>
      </c>
      <c r="K5" s="243" t="s">
        <v>51</v>
      </c>
      <c r="L5" s="249" t="s">
        <v>45</v>
      </c>
      <c r="M5" s="516"/>
      <c r="N5" s="301" t="s">
        <v>43</v>
      </c>
      <c r="O5" s="243" t="s">
        <v>44</v>
      </c>
      <c r="P5" s="246" t="s">
        <v>45</v>
      </c>
      <c r="Q5" s="248" t="s">
        <v>83</v>
      </c>
      <c r="R5" s="243" t="s">
        <v>47</v>
      </c>
      <c r="S5" s="243" t="s">
        <v>48</v>
      </c>
      <c r="T5" s="243" t="s">
        <v>49</v>
      </c>
      <c r="U5" s="243" t="s">
        <v>50</v>
      </c>
      <c r="V5" s="243" t="s">
        <v>51</v>
      </c>
      <c r="W5" s="246" t="s">
        <v>45</v>
      </c>
      <c r="X5" s="516"/>
      <c r="Y5" s="301" t="s">
        <v>43</v>
      </c>
      <c r="Z5" s="243" t="s">
        <v>44</v>
      </c>
      <c r="AA5" s="246" t="s">
        <v>45</v>
      </c>
      <c r="AB5" s="248" t="s">
        <v>83</v>
      </c>
      <c r="AC5" s="243" t="s">
        <v>47</v>
      </c>
      <c r="AD5" s="243" t="s">
        <v>48</v>
      </c>
      <c r="AE5" s="243" t="s">
        <v>49</v>
      </c>
      <c r="AF5" s="243" t="s">
        <v>50</v>
      </c>
      <c r="AG5" s="243" t="s">
        <v>51</v>
      </c>
      <c r="AH5" s="246" t="s">
        <v>45</v>
      </c>
      <c r="AI5" s="516"/>
      <c r="AJ5" s="318" t="s">
        <v>43</v>
      </c>
      <c r="AK5" s="243" t="s">
        <v>44</v>
      </c>
      <c r="AL5" s="246" t="s">
        <v>45</v>
      </c>
      <c r="AM5" s="248" t="s">
        <v>83</v>
      </c>
      <c r="AN5" s="243" t="s">
        <v>47</v>
      </c>
      <c r="AO5" s="243" t="s">
        <v>48</v>
      </c>
      <c r="AP5" s="243" t="s">
        <v>49</v>
      </c>
      <c r="AQ5" s="243" t="s">
        <v>50</v>
      </c>
      <c r="AR5" s="243" t="s">
        <v>51</v>
      </c>
      <c r="AS5" s="246" t="s">
        <v>45</v>
      </c>
      <c r="AT5" s="516"/>
      <c r="AU5" s="318" t="s">
        <v>43</v>
      </c>
      <c r="AV5" s="243" t="s">
        <v>44</v>
      </c>
      <c r="AW5" s="246" t="s">
        <v>45</v>
      </c>
      <c r="AX5" s="248" t="s">
        <v>83</v>
      </c>
      <c r="AY5" s="243" t="s">
        <v>47</v>
      </c>
      <c r="AZ5" s="243" t="s">
        <v>48</v>
      </c>
      <c r="BA5" s="243" t="s">
        <v>49</v>
      </c>
      <c r="BB5" s="243" t="s">
        <v>50</v>
      </c>
      <c r="BC5" s="243" t="s">
        <v>51</v>
      </c>
      <c r="BD5" s="246" t="s">
        <v>45</v>
      </c>
      <c r="BE5" s="536"/>
      <c r="BF5" s="318" t="s">
        <v>43</v>
      </c>
      <c r="BG5" s="243" t="s">
        <v>44</v>
      </c>
      <c r="BH5" s="246" t="s">
        <v>45</v>
      </c>
      <c r="BI5" s="248" t="s">
        <v>83</v>
      </c>
      <c r="BJ5" s="243" t="s">
        <v>47</v>
      </c>
      <c r="BK5" s="243" t="s">
        <v>48</v>
      </c>
      <c r="BL5" s="243" t="s">
        <v>49</v>
      </c>
      <c r="BM5" s="243" t="s">
        <v>50</v>
      </c>
      <c r="BN5" s="243" t="s">
        <v>51</v>
      </c>
      <c r="BO5" s="246" t="s">
        <v>45</v>
      </c>
      <c r="BP5" s="536"/>
      <c r="BQ5" s="318" t="s">
        <v>43</v>
      </c>
      <c r="BR5" s="243" t="s">
        <v>44</v>
      </c>
      <c r="BS5" s="246" t="s">
        <v>45</v>
      </c>
      <c r="BT5" s="248" t="s">
        <v>83</v>
      </c>
      <c r="BU5" s="243" t="s">
        <v>47</v>
      </c>
      <c r="BV5" s="243" t="s">
        <v>48</v>
      </c>
      <c r="BW5" s="243" t="s">
        <v>49</v>
      </c>
      <c r="BX5" s="243" t="s">
        <v>50</v>
      </c>
      <c r="BY5" s="243" t="s">
        <v>51</v>
      </c>
      <c r="BZ5" s="246" t="s">
        <v>45</v>
      </c>
      <c r="CA5" s="536"/>
      <c r="CB5" s="318" t="s">
        <v>43</v>
      </c>
      <c r="CC5" s="243" t="s">
        <v>44</v>
      </c>
      <c r="CD5" s="246" t="s">
        <v>45</v>
      </c>
      <c r="CE5" s="248" t="s">
        <v>83</v>
      </c>
      <c r="CF5" s="243" t="s">
        <v>47</v>
      </c>
      <c r="CG5" s="243" t="s">
        <v>48</v>
      </c>
      <c r="CH5" s="243" t="s">
        <v>49</v>
      </c>
      <c r="CI5" s="243" t="s">
        <v>50</v>
      </c>
      <c r="CJ5" s="243" t="s">
        <v>51</v>
      </c>
      <c r="CK5" s="246" t="s">
        <v>45</v>
      </c>
      <c r="CL5" s="536"/>
      <c r="CM5" s="318" t="s">
        <v>43</v>
      </c>
      <c r="CN5" s="243" t="s">
        <v>44</v>
      </c>
      <c r="CO5" s="246" t="s">
        <v>45</v>
      </c>
      <c r="CP5" s="248" t="s">
        <v>83</v>
      </c>
      <c r="CQ5" s="243" t="s">
        <v>47</v>
      </c>
      <c r="CR5" s="243" t="s">
        <v>48</v>
      </c>
      <c r="CS5" s="243" t="s">
        <v>49</v>
      </c>
      <c r="CT5" s="243" t="s">
        <v>50</v>
      </c>
      <c r="CU5" s="243" t="s">
        <v>51</v>
      </c>
      <c r="CV5" s="246" t="s">
        <v>45</v>
      </c>
      <c r="CW5" s="536"/>
    </row>
    <row r="6" spans="1:101" ht="21" customHeight="1" x14ac:dyDescent="0.2">
      <c r="B6" s="470" t="s">
        <v>4</v>
      </c>
      <c r="C6" s="250">
        <v>0</v>
      </c>
      <c r="D6" s="251">
        <v>0</v>
      </c>
      <c r="E6" s="252">
        <v>0</v>
      </c>
      <c r="F6" s="253">
        <v>0</v>
      </c>
      <c r="G6" s="254">
        <v>18</v>
      </c>
      <c r="H6" s="254">
        <v>24</v>
      </c>
      <c r="I6" s="254">
        <v>24</v>
      </c>
      <c r="J6" s="254">
        <v>26</v>
      </c>
      <c r="K6" s="254">
        <v>25</v>
      </c>
      <c r="L6" s="255">
        <v>117</v>
      </c>
      <c r="M6" s="256">
        <v>117</v>
      </c>
      <c r="N6" s="250">
        <v>0</v>
      </c>
      <c r="O6" s="254">
        <v>0</v>
      </c>
      <c r="P6" s="251">
        <v>0</v>
      </c>
      <c r="Q6" s="253">
        <v>0</v>
      </c>
      <c r="R6" s="254">
        <v>10</v>
      </c>
      <c r="S6" s="254">
        <v>30</v>
      </c>
      <c r="T6" s="254">
        <v>35</v>
      </c>
      <c r="U6" s="254">
        <v>30</v>
      </c>
      <c r="V6" s="254">
        <v>27</v>
      </c>
      <c r="W6" s="251">
        <v>132</v>
      </c>
      <c r="X6" s="256">
        <v>132</v>
      </c>
      <c r="Y6" s="250">
        <v>0</v>
      </c>
      <c r="Z6" s="254">
        <v>0</v>
      </c>
      <c r="AA6" s="251">
        <v>0</v>
      </c>
      <c r="AB6" s="253">
        <v>0</v>
      </c>
      <c r="AC6" s="254">
        <v>909</v>
      </c>
      <c r="AD6" s="254">
        <v>796</v>
      </c>
      <c r="AE6" s="254">
        <v>360</v>
      </c>
      <c r="AF6" s="254">
        <v>151</v>
      </c>
      <c r="AG6" s="254">
        <v>76</v>
      </c>
      <c r="AH6" s="251">
        <v>2292</v>
      </c>
      <c r="AI6" s="256">
        <v>2292</v>
      </c>
      <c r="AJ6" s="250">
        <v>1</v>
      </c>
      <c r="AK6" s="254">
        <v>0</v>
      </c>
      <c r="AL6" s="251">
        <v>1</v>
      </c>
      <c r="AM6" s="253">
        <v>0</v>
      </c>
      <c r="AN6" s="254">
        <v>68</v>
      </c>
      <c r="AO6" s="254">
        <v>66</v>
      </c>
      <c r="AP6" s="254">
        <v>74</v>
      </c>
      <c r="AQ6" s="254">
        <v>36</v>
      </c>
      <c r="AR6" s="254">
        <v>26</v>
      </c>
      <c r="AS6" s="251">
        <v>270</v>
      </c>
      <c r="AT6" s="256">
        <v>271</v>
      </c>
      <c r="AU6" s="250">
        <v>15</v>
      </c>
      <c r="AV6" s="254">
        <v>6</v>
      </c>
      <c r="AW6" s="251">
        <v>21</v>
      </c>
      <c r="AX6" s="253">
        <v>0</v>
      </c>
      <c r="AY6" s="254">
        <v>67</v>
      </c>
      <c r="AZ6" s="254">
        <v>80</v>
      </c>
      <c r="BA6" s="254">
        <v>78</v>
      </c>
      <c r="BB6" s="254">
        <v>46</v>
      </c>
      <c r="BC6" s="254">
        <v>17</v>
      </c>
      <c r="BD6" s="251">
        <v>288</v>
      </c>
      <c r="BE6" s="256">
        <v>309</v>
      </c>
      <c r="BF6" s="250">
        <v>0</v>
      </c>
      <c r="BG6" s="254">
        <v>0</v>
      </c>
      <c r="BH6" s="251">
        <v>0</v>
      </c>
      <c r="BI6" s="253">
        <v>0</v>
      </c>
      <c r="BJ6" s="254">
        <v>94</v>
      </c>
      <c r="BK6" s="254">
        <v>136</v>
      </c>
      <c r="BL6" s="254">
        <v>142</v>
      </c>
      <c r="BM6" s="254">
        <v>95</v>
      </c>
      <c r="BN6" s="254">
        <v>67</v>
      </c>
      <c r="BO6" s="255">
        <v>534</v>
      </c>
      <c r="BP6" s="256">
        <v>534</v>
      </c>
      <c r="BQ6" s="250">
        <v>0</v>
      </c>
      <c r="BR6" s="254">
        <v>0</v>
      </c>
      <c r="BS6" s="251">
        <v>0</v>
      </c>
      <c r="BT6" s="253">
        <v>0</v>
      </c>
      <c r="BU6" s="254">
        <v>2</v>
      </c>
      <c r="BV6" s="254">
        <v>6</v>
      </c>
      <c r="BW6" s="254">
        <v>9</v>
      </c>
      <c r="BX6" s="254">
        <v>3</v>
      </c>
      <c r="BY6" s="254">
        <v>2</v>
      </c>
      <c r="BZ6" s="251">
        <v>22</v>
      </c>
      <c r="CA6" s="256">
        <v>22</v>
      </c>
      <c r="CB6" s="250">
        <v>0</v>
      </c>
      <c r="CC6" s="254">
        <v>0</v>
      </c>
      <c r="CD6" s="251">
        <v>0</v>
      </c>
      <c r="CE6" s="253">
        <v>0</v>
      </c>
      <c r="CF6" s="254">
        <v>0</v>
      </c>
      <c r="CG6" s="254">
        <v>3</v>
      </c>
      <c r="CH6" s="254">
        <v>14</v>
      </c>
      <c r="CI6" s="254">
        <v>24</v>
      </c>
      <c r="CJ6" s="254">
        <v>9</v>
      </c>
      <c r="CK6" s="251">
        <v>50</v>
      </c>
      <c r="CL6" s="256">
        <v>50</v>
      </c>
      <c r="CM6" s="250">
        <v>0</v>
      </c>
      <c r="CN6" s="254">
        <v>0</v>
      </c>
      <c r="CO6" s="251">
        <v>0</v>
      </c>
      <c r="CP6" s="253">
        <v>0</v>
      </c>
      <c r="CQ6" s="254">
        <v>19</v>
      </c>
      <c r="CR6" s="254">
        <v>15</v>
      </c>
      <c r="CS6" s="254">
        <v>21</v>
      </c>
      <c r="CT6" s="254">
        <v>33</v>
      </c>
      <c r="CU6" s="254">
        <v>31</v>
      </c>
      <c r="CV6" s="251">
        <v>119</v>
      </c>
      <c r="CW6" s="256">
        <v>119</v>
      </c>
    </row>
    <row r="7" spans="1:101" ht="21" customHeight="1" x14ac:dyDescent="0.2">
      <c r="B7" s="471" t="s">
        <v>5</v>
      </c>
      <c r="C7" s="257">
        <v>0</v>
      </c>
      <c r="D7" s="258">
        <v>0</v>
      </c>
      <c r="E7" s="259">
        <v>0</v>
      </c>
      <c r="F7" s="260">
        <v>0</v>
      </c>
      <c r="G7" s="261">
        <v>5</v>
      </c>
      <c r="H7" s="261">
        <v>12</v>
      </c>
      <c r="I7" s="261">
        <v>11</v>
      </c>
      <c r="J7" s="261">
        <v>17</v>
      </c>
      <c r="K7" s="261">
        <v>10</v>
      </c>
      <c r="L7" s="262">
        <v>55</v>
      </c>
      <c r="M7" s="263">
        <v>55</v>
      </c>
      <c r="N7" s="257">
        <v>0</v>
      </c>
      <c r="O7" s="261">
        <v>0</v>
      </c>
      <c r="P7" s="258">
        <v>0</v>
      </c>
      <c r="Q7" s="260">
        <v>0</v>
      </c>
      <c r="R7" s="261">
        <v>6</v>
      </c>
      <c r="S7" s="261">
        <v>25</v>
      </c>
      <c r="T7" s="261">
        <v>25</v>
      </c>
      <c r="U7" s="261">
        <v>28</v>
      </c>
      <c r="V7" s="261">
        <v>21</v>
      </c>
      <c r="W7" s="258">
        <v>105</v>
      </c>
      <c r="X7" s="263">
        <v>105</v>
      </c>
      <c r="Y7" s="257">
        <v>0</v>
      </c>
      <c r="Z7" s="261">
        <v>0</v>
      </c>
      <c r="AA7" s="258">
        <v>0</v>
      </c>
      <c r="AB7" s="260">
        <v>0</v>
      </c>
      <c r="AC7" s="261">
        <v>378</v>
      </c>
      <c r="AD7" s="261">
        <v>387</v>
      </c>
      <c r="AE7" s="261">
        <v>166</v>
      </c>
      <c r="AF7" s="261">
        <v>77</v>
      </c>
      <c r="AG7" s="261">
        <v>37</v>
      </c>
      <c r="AH7" s="258">
        <v>1045</v>
      </c>
      <c r="AI7" s="263">
        <v>1045</v>
      </c>
      <c r="AJ7" s="257">
        <v>0</v>
      </c>
      <c r="AK7" s="261">
        <v>0</v>
      </c>
      <c r="AL7" s="258">
        <v>0</v>
      </c>
      <c r="AM7" s="260">
        <v>0</v>
      </c>
      <c r="AN7" s="261">
        <v>36</v>
      </c>
      <c r="AO7" s="261">
        <v>33</v>
      </c>
      <c r="AP7" s="261">
        <v>40</v>
      </c>
      <c r="AQ7" s="261">
        <v>19</v>
      </c>
      <c r="AR7" s="261">
        <v>14</v>
      </c>
      <c r="AS7" s="258">
        <v>142</v>
      </c>
      <c r="AT7" s="263">
        <v>142</v>
      </c>
      <c r="AU7" s="257">
        <v>6</v>
      </c>
      <c r="AV7" s="261">
        <v>4</v>
      </c>
      <c r="AW7" s="258">
        <v>10</v>
      </c>
      <c r="AX7" s="260">
        <v>0</v>
      </c>
      <c r="AY7" s="261">
        <v>17</v>
      </c>
      <c r="AZ7" s="261">
        <v>34</v>
      </c>
      <c r="BA7" s="261">
        <v>28</v>
      </c>
      <c r="BB7" s="261">
        <v>18</v>
      </c>
      <c r="BC7" s="261">
        <v>7</v>
      </c>
      <c r="BD7" s="258">
        <v>104</v>
      </c>
      <c r="BE7" s="263">
        <v>114</v>
      </c>
      <c r="BF7" s="257">
        <v>0</v>
      </c>
      <c r="BG7" s="261">
        <v>0</v>
      </c>
      <c r="BH7" s="258">
        <v>0</v>
      </c>
      <c r="BI7" s="260">
        <v>0</v>
      </c>
      <c r="BJ7" s="261">
        <v>36</v>
      </c>
      <c r="BK7" s="261">
        <v>55</v>
      </c>
      <c r="BL7" s="261">
        <v>46</v>
      </c>
      <c r="BM7" s="261">
        <v>43</v>
      </c>
      <c r="BN7" s="261">
        <v>31</v>
      </c>
      <c r="BO7" s="262">
        <v>211</v>
      </c>
      <c r="BP7" s="263">
        <v>211</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3</v>
      </c>
      <c r="CI7" s="261">
        <v>3</v>
      </c>
      <c r="CJ7" s="261">
        <v>4</v>
      </c>
      <c r="CK7" s="258">
        <v>11</v>
      </c>
      <c r="CL7" s="263">
        <v>11</v>
      </c>
      <c r="CM7" s="257">
        <v>0</v>
      </c>
      <c r="CN7" s="261">
        <v>0</v>
      </c>
      <c r="CO7" s="258">
        <v>0</v>
      </c>
      <c r="CP7" s="260">
        <v>0</v>
      </c>
      <c r="CQ7" s="261">
        <v>4</v>
      </c>
      <c r="CR7" s="261">
        <v>3</v>
      </c>
      <c r="CS7" s="261">
        <v>4</v>
      </c>
      <c r="CT7" s="261">
        <v>11</v>
      </c>
      <c r="CU7" s="261">
        <v>20</v>
      </c>
      <c r="CV7" s="258">
        <v>42</v>
      </c>
      <c r="CW7" s="263">
        <v>42</v>
      </c>
    </row>
    <row r="8" spans="1:101" ht="21" customHeight="1" x14ac:dyDescent="0.2">
      <c r="B8" s="472" t="s">
        <v>6</v>
      </c>
      <c r="C8" s="257">
        <v>0</v>
      </c>
      <c r="D8" s="258">
        <v>0</v>
      </c>
      <c r="E8" s="259">
        <v>0</v>
      </c>
      <c r="F8" s="260">
        <v>0</v>
      </c>
      <c r="G8" s="261">
        <v>4</v>
      </c>
      <c r="H8" s="261">
        <v>3</v>
      </c>
      <c r="I8" s="261">
        <v>3</v>
      </c>
      <c r="J8" s="261">
        <v>5</v>
      </c>
      <c r="K8" s="261">
        <v>6</v>
      </c>
      <c r="L8" s="262">
        <v>21</v>
      </c>
      <c r="M8" s="263">
        <v>21</v>
      </c>
      <c r="N8" s="257">
        <v>0</v>
      </c>
      <c r="O8" s="261">
        <v>0</v>
      </c>
      <c r="P8" s="258">
        <v>0</v>
      </c>
      <c r="Q8" s="260">
        <v>0</v>
      </c>
      <c r="R8" s="261">
        <v>3</v>
      </c>
      <c r="S8" s="261">
        <v>5</v>
      </c>
      <c r="T8" s="261">
        <v>7</v>
      </c>
      <c r="U8" s="261">
        <v>2</v>
      </c>
      <c r="V8" s="261">
        <v>6</v>
      </c>
      <c r="W8" s="258">
        <v>23</v>
      </c>
      <c r="X8" s="263">
        <v>23</v>
      </c>
      <c r="Y8" s="257">
        <v>0</v>
      </c>
      <c r="Z8" s="261">
        <v>0</v>
      </c>
      <c r="AA8" s="258">
        <v>0</v>
      </c>
      <c r="AB8" s="260">
        <v>0</v>
      </c>
      <c r="AC8" s="261">
        <v>102</v>
      </c>
      <c r="AD8" s="261">
        <v>66</v>
      </c>
      <c r="AE8" s="261">
        <v>27</v>
      </c>
      <c r="AF8" s="261">
        <v>20</v>
      </c>
      <c r="AG8" s="261">
        <v>12</v>
      </c>
      <c r="AH8" s="258">
        <v>227</v>
      </c>
      <c r="AI8" s="263">
        <v>227</v>
      </c>
      <c r="AJ8" s="257">
        <v>0</v>
      </c>
      <c r="AK8" s="261">
        <v>0</v>
      </c>
      <c r="AL8" s="258">
        <v>0</v>
      </c>
      <c r="AM8" s="260">
        <v>0</v>
      </c>
      <c r="AN8" s="261">
        <v>13</v>
      </c>
      <c r="AO8" s="261">
        <v>10</v>
      </c>
      <c r="AP8" s="261">
        <v>12</v>
      </c>
      <c r="AQ8" s="261">
        <v>7</v>
      </c>
      <c r="AR8" s="261">
        <v>6</v>
      </c>
      <c r="AS8" s="258">
        <v>48</v>
      </c>
      <c r="AT8" s="263">
        <v>48</v>
      </c>
      <c r="AU8" s="257">
        <v>4</v>
      </c>
      <c r="AV8" s="261">
        <v>0</v>
      </c>
      <c r="AW8" s="258">
        <v>4</v>
      </c>
      <c r="AX8" s="260">
        <v>0</v>
      </c>
      <c r="AY8" s="261">
        <v>15</v>
      </c>
      <c r="AZ8" s="261">
        <v>12</v>
      </c>
      <c r="BA8" s="261">
        <v>7</v>
      </c>
      <c r="BB8" s="261">
        <v>9</v>
      </c>
      <c r="BC8" s="261">
        <v>3</v>
      </c>
      <c r="BD8" s="258">
        <v>46</v>
      </c>
      <c r="BE8" s="263">
        <v>50</v>
      </c>
      <c r="BF8" s="257">
        <v>0</v>
      </c>
      <c r="BG8" s="261">
        <v>0</v>
      </c>
      <c r="BH8" s="258">
        <v>0</v>
      </c>
      <c r="BI8" s="260">
        <v>0</v>
      </c>
      <c r="BJ8" s="261">
        <v>24</v>
      </c>
      <c r="BK8" s="261">
        <v>22</v>
      </c>
      <c r="BL8" s="261">
        <v>22</v>
      </c>
      <c r="BM8" s="261">
        <v>15</v>
      </c>
      <c r="BN8" s="261">
        <v>10</v>
      </c>
      <c r="BO8" s="262">
        <v>93</v>
      </c>
      <c r="BP8" s="263">
        <v>93</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0</v>
      </c>
      <c r="CG8" s="261">
        <v>0</v>
      </c>
      <c r="CH8" s="261">
        <v>4</v>
      </c>
      <c r="CI8" s="261">
        <v>6</v>
      </c>
      <c r="CJ8" s="261">
        <v>1</v>
      </c>
      <c r="CK8" s="258">
        <v>11</v>
      </c>
      <c r="CL8" s="263">
        <v>11</v>
      </c>
      <c r="CM8" s="257">
        <v>0</v>
      </c>
      <c r="CN8" s="261">
        <v>0</v>
      </c>
      <c r="CO8" s="258">
        <v>0</v>
      </c>
      <c r="CP8" s="260">
        <v>0</v>
      </c>
      <c r="CQ8" s="261">
        <v>7</v>
      </c>
      <c r="CR8" s="261">
        <v>1</v>
      </c>
      <c r="CS8" s="261">
        <v>2</v>
      </c>
      <c r="CT8" s="261">
        <v>6</v>
      </c>
      <c r="CU8" s="261">
        <v>2</v>
      </c>
      <c r="CV8" s="258">
        <v>18</v>
      </c>
      <c r="CW8" s="263">
        <v>18</v>
      </c>
    </row>
    <row r="9" spans="1:101" ht="21" customHeight="1" x14ac:dyDescent="0.2">
      <c r="B9" s="472" t="s">
        <v>14</v>
      </c>
      <c r="C9" s="257">
        <v>0</v>
      </c>
      <c r="D9" s="258">
        <v>0</v>
      </c>
      <c r="E9" s="259">
        <v>0</v>
      </c>
      <c r="F9" s="260">
        <v>0</v>
      </c>
      <c r="G9" s="261">
        <v>2</v>
      </c>
      <c r="H9" s="261">
        <v>2</v>
      </c>
      <c r="I9" s="261">
        <v>1</v>
      </c>
      <c r="J9" s="261">
        <v>0</v>
      </c>
      <c r="K9" s="261">
        <v>2</v>
      </c>
      <c r="L9" s="262">
        <v>7</v>
      </c>
      <c r="M9" s="263">
        <v>7</v>
      </c>
      <c r="N9" s="257">
        <v>0</v>
      </c>
      <c r="O9" s="261">
        <v>0</v>
      </c>
      <c r="P9" s="258">
        <v>0</v>
      </c>
      <c r="Q9" s="260">
        <v>0</v>
      </c>
      <c r="R9" s="261">
        <v>0</v>
      </c>
      <c r="S9" s="261">
        <v>0</v>
      </c>
      <c r="T9" s="261">
        <v>0</v>
      </c>
      <c r="U9" s="261">
        <v>0</v>
      </c>
      <c r="V9" s="261">
        <v>0</v>
      </c>
      <c r="W9" s="258">
        <v>0</v>
      </c>
      <c r="X9" s="263">
        <v>0</v>
      </c>
      <c r="Y9" s="257">
        <v>0</v>
      </c>
      <c r="Z9" s="261">
        <v>0</v>
      </c>
      <c r="AA9" s="258">
        <v>0</v>
      </c>
      <c r="AB9" s="260">
        <v>0</v>
      </c>
      <c r="AC9" s="261">
        <v>73</v>
      </c>
      <c r="AD9" s="261">
        <v>70</v>
      </c>
      <c r="AE9" s="261">
        <v>46</v>
      </c>
      <c r="AF9" s="261">
        <v>10</v>
      </c>
      <c r="AG9" s="261">
        <v>9</v>
      </c>
      <c r="AH9" s="258">
        <v>208</v>
      </c>
      <c r="AI9" s="263">
        <v>208</v>
      </c>
      <c r="AJ9" s="257">
        <v>0</v>
      </c>
      <c r="AK9" s="261">
        <v>0</v>
      </c>
      <c r="AL9" s="258">
        <v>0</v>
      </c>
      <c r="AM9" s="260">
        <v>0</v>
      </c>
      <c r="AN9" s="261">
        <v>0</v>
      </c>
      <c r="AO9" s="261">
        <v>5</v>
      </c>
      <c r="AP9" s="261">
        <v>3</v>
      </c>
      <c r="AQ9" s="261">
        <v>0</v>
      </c>
      <c r="AR9" s="261">
        <v>0</v>
      </c>
      <c r="AS9" s="258">
        <v>8</v>
      </c>
      <c r="AT9" s="263">
        <v>8</v>
      </c>
      <c r="AU9" s="257">
        <v>0</v>
      </c>
      <c r="AV9" s="261">
        <v>1</v>
      </c>
      <c r="AW9" s="258">
        <v>1</v>
      </c>
      <c r="AX9" s="260">
        <v>0</v>
      </c>
      <c r="AY9" s="261">
        <v>8</v>
      </c>
      <c r="AZ9" s="261">
        <v>9</v>
      </c>
      <c r="BA9" s="261">
        <v>7</v>
      </c>
      <c r="BB9" s="261">
        <v>2</v>
      </c>
      <c r="BC9" s="261">
        <v>2</v>
      </c>
      <c r="BD9" s="258">
        <v>28</v>
      </c>
      <c r="BE9" s="263">
        <v>29</v>
      </c>
      <c r="BF9" s="257">
        <v>0</v>
      </c>
      <c r="BG9" s="261">
        <v>0</v>
      </c>
      <c r="BH9" s="258">
        <v>0</v>
      </c>
      <c r="BI9" s="260">
        <v>0</v>
      </c>
      <c r="BJ9" s="261">
        <v>1</v>
      </c>
      <c r="BK9" s="261">
        <v>9</v>
      </c>
      <c r="BL9" s="261">
        <v>14</v>
      </c>
      <c r="BM9" s="261">
        <v>8</v>
      </c>
      <c r="BN9" s="261">
        <v>4</v>
      </c>
      <c r="BO9" s="262">
        <v>36</v>
      </c>
      <c r="BP9" s="263">
        <v>36</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0</v>
      </c>
      <c r="CH9" s="261">
        <v>2</v>
      </c>
      <c r="CI9" s="261">
        <v>1</v>
      </c>
      <c r="CJ9" s="261">
        <v>0</v>
      </c>
      <c r="CK9" s="258">
        <v>3</v>
      </c>
      <c r="CL9" s="263">
        <v>3</v>
      </c>
      <c r="CM9" s="257">
        <v>0</v>
      </c>
      <c r="CN9" s="261">
        <v>0</v>
      </c>
      <c r="CO9" s="258">
        <v>0</v>
      </c>
      <c r="CP9" s="260">
        <v>0</v>
      </c>
      <c r="CQ9" s="261">
        <v>1</v>
      </c>
      <c r="CR9" s="261">
        <v>1</v>
      </c>
      <c r="CS9" s="261">
        <v>1</v>
      </c>
      <c r="CT9" s="261">
        <v>2</v>
      </c>
      <c r="CU9" s="261">
        <v>1</v>
      </c>
      <c r="CV9" s="258">
        <v>6</v>
      </c>
      <c r="CW9" s="263">
        <v>6</v>
      </c>
    </row>
    <row r="10" spans="1:101" ht="21" customHeight="1" x14ac:dyDescent="0.2">
      <c r="B10" s="472" t="s">
        <v>7</v>
      </c>
      <c r="C10" s="257">
        <v>0</v>
      </c>
      <c r="D10" s="258">
        <v>0</v>
      </c>
      <c r="E10" s="259">
        <v>0</v>
      </c>
      <c r="F10" s="260">
        <v>0</v>
      </c>
      <c r="G10" s="261">
        <v>0</v>
      </c>
      <c r="H10" s="261">
        <v>0</v>
      </c>
      <c r="I10" s="261">
        <v>0</v>
      </c>
      <c r="J10" s="261">
        <v>0</v>
      </c>
      <c r="K10" s="261">
        <v>1</v>
      </c>
      <c r="L10" s="262">
        <v>1</v>
      </c>
      <c r="M10" s="263">
        <v>1</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72</v>
      </c>
      <c r="AD10" s="261">
        <v>56</v>
      </c>
      <c r="AE10" s="261">
        <v>23</v>
      </c>
      <c r="AF10" s="261">
        <v>5</v>
      </c>
      <c r="AG10" s="261">
        <v>5</v>
      </c>
      <c r="AH10" s="258">
        <v>161</v>
      </c>
      <c r="AI10" s="263">
        <v>161</v>
      </c>
      <c r="AJ10" s="257">
        <v>0</v>
      </c>
      <c r="AK10" s="261">
        <v>0</v>
      </c>
      <c r="AL10" s="258">
        <v>0</v>
      </c>
      <c r="AM10" s="260">
        <v>0</v>
      </c>
      <c r="AN10" s="261">
        <v>10</v>
      </c>
      <c r="AO10" s="261">
        <v>10</v>
      </c>
      <c r="AP10" s="261">
        <v>8</v>
      </c>
      <c r="AQ10" s="261">
        <v>3</v>
      </c>
      <c r="AR10" s="261">
        <v>2</v>
      </c>
      <c r="AS10" s="258">
        <v>33</v>
      </c>
      <c r="AT10" s="263">
        <v>33</v>
      </c>
      <c r="AU10" s="257">
        <v>0</v>
      </c>
      <c r="AV10" s="261">
        <v>0</v>
      </c>
      <c r="AW10" s="258">
        <v>0</v>
      </c>
      <c r="AX10" s="260">
        <v>0</v>
      </c>
      <c r="AY10" s="261">
        <v>4</v>
      </c>
      <c r="AZ10" s="261">
        <v>3</v>
      </c>
      <c r="BA10" s="261">
        <v>3</v>
      </c>
      <c r="BB10" s="261">
        <v>1</v>
      </c>
      <c r="BC10" s="261">
        <v>0</v>
      </c>
      <c r="BD10" s="258">
        <v>11</v>
      </c>
      <c r="BE10" s="263">
        <v>11</v>
      </c>
      <c r="BF10" s="257">
        <v>0</v>
      </c>
      <c r="BG10" s="261">
        <v>0</v>
      </c>
      <c r="BH10" s="258">
        <v>0</v>
      </c>
      <c r="BI10" s="260">
        <v>0</v>
      </c>
      <c r="BJ10" s="261">
        <v>4</v>
      </c>
      <c r="BK10" s="261">
        <v>5</v>
      </c>
      <c r="BL10" s="261">
        <v>15</v>
      </c>
      <c r="BM10" s="261">
        <v>5</v>
      </c>
      <c r="BN10" s="261">
        <v>5</v>
      </c>
      <c r="BO10" s="262">
        <v>34</v>
      </c>
      <c r="BP10" s="263">
        <v>34</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0</v>
      </c>
      <c r="CR10" s="261">
        <v>0</v>
      </c>
      <c r="CS10" s="261">
        <v>2</v>
      </c>
      <c r="CT10" s="261">
        <v>1</v>
      </c>
      <c r="CU10" s="261">
        <v>2</v>
      </c>
      <c r="CV10" s="258">
        <v>5</v>
      </c>
      <c r="CW10" s="263">
        <v>5</v>
      </c>
    </row>
    <row r="11" spans="1:101" ht="21" customHeight="1" x14ac:dyDescent="0.2">
      <c r="B11" s="472" t="s">
        <v>8</v>
      </c>
      <c r="C11" s="257">
        <v>0</v>
      </c>
      <c r="D11" s="258">
        <v>0</v>
      </c>
      <c r="E11" s="259">
        <v>0</v>
      </c>
      <c r="F11" s="260">
        <v>0</v>
      </c>
      <c r="G11" s="261">
        <v>0</v>
      </c>
      <c r="H11" s="261">
        <v>0</v>
      </c>
      <c r="I11" s="261">
        <v>0</v>
      </c>
      <c r="J11" s="261">
        <v>0</v>
      </c>
      <c r="K11" s="261">
        <v>0</v>
      </c>
      <c r="L11" s="262">
        <v>0</v>
      </c>
      <c r="M11" s="263">
        <v>0</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32</v>
      </c>
      <c r="AD11" s="261">
        <v>26</v>
      </c>
      <c r="AE11" s="261">
        <v>14</v>
      </c>
      <c r="AF11" s="261">
        <v>3</v>
      </c>
      <c r="AG11" s="261">
        <v>3</v>
      </c>
      <c r="AH11" s="258">
        <v>78</v>
      </c>
      <c r="AI11" s="263">
        <v>78</v>
      </c>
      <c r="AJ11" s="257">
        <v>0</v>
      </c>
      <c r="AK11" s="261">
        <v>0</v>
      </c>
      <c r="AL11" s="258">
        <v>0</v>
      </c>
      <c r="AM11" s="260">
        <v>0</v>
      </c>
      <c r="AN11" s="261">
        <v>0</v>
      </c>
      <c r="AO11" s="261">
        <v>0</v>
      </c>
      <c r="AP11" s="261">
        <v>0</v>
      </c>
      <c r="AQ11" s="261">
        <v>1</v>
      </c>
      <c r="AR11" s="261">
        <v>0</v>
      </c>
      <c r="AS11" s="258">
        <v>1</v>
      </c>
      <c r="AT11" s="263">
        <v>1</v>
      </c>
      <c r="AU11" s="257">
        <v>0</v>
      </c>
      <c r="AV11" s="261">
        <v>1</v>
      </c>
      <c r="AW11" s="258">
        <v>1</v>
      </c>
      <c r="AX11" s="260">
        <v>0</v>
      </c>
      <c r="AY11" s="261">
        <v>1</v>
      </c>
      <c r="AZ11" s="261">
        <v>2</v>
      </c>
      <c r="BA11" s="261">
        <v>3</v>
      </c>
      <c r="BB11" s="261">
        <v>0</v>
      </c>
      <c r="BC11" s="261">
        <v>1</v>
      </c>
      <c r="BD11" s="258">
        <v>7</v>
      </c>
      <c r="BE11" s="263">
        <v>8</v>
      </c>
      <c r="BF11" s="257">
        <v>0</v>
      </c>
      <c r="BG11" s="261">
        <v>0</v>
      </c>
      <c r="BH11" s="258">
        <v>0</v>
      </c>
      <c r="BI11" s="260">
        <v>0</v>
      </c>
      <c r="BJ11" s="261">
        <v>4</v>
      </c>
      <c r="BK11" s="261">
        <v>2</v>
      </c>
      <c r="BL11" s="261">
        <v>1</v>
      </c>
      <c r="BM11" s="261">
        <v>4</v>
      </c>
      <c r="BN11" s="261">
        <v>1</v>
      </c>
      <c r="BO11" s="262">
        <v>12</v>
      </c>
      <c r="BP11" s="263">
        <v>12</v>
      </c>
      <c r="BQ11" s="257">
        <v>0</v>
      </c>
      <c r="BR11" s="261">
        <v>0</v>
      </c>
      <c r="BS11" s="258">
        <v>0</v>
      </c>
      <c r="BT11" s="260">
        <v>0</v>
      </c>
      <c r="BU11" s="261">
        <v>0</v>
      </c>
      <c r="BV11" s="261">
        <v>0</v>
      </c>
      <c r="BW11" s="261">
        <v>3</v>
      </c>
      <c r="BX11" s="261">
        <v>0</v>
      </c>
      <c r="BY11" s="261">
        <v>1</v>
      </c>
      <c r="BZ11" s="258">
        <v>4</v>
      </c>
      <c r="CA11" s="263">
        <v>4</v>
      </c>
      <c r="CB11" s="257">
        <v>0</v>
      </c>
      <c r="CC11" s="261">
        <v>0</v>
      </c>
      <c r="CD11" s="258">
        <v>0</v>
      </c>
      <c r="CE11" s="260">
        <v>0</v>
      </c>
      <c r="CF11" s="261">
        <v>0</v>
      </c>
      <c r="CG11" s="261">
        <v>0</v>
      </c>
      <c r="CH11" s="261">
        <v>0</v>
      </c>
      <c r="CI11" s="261">
        <v>1</v>
      </c>
      <c r="CJ11" s="261">
        <v>0</v>
      </c>
      <c r="CK11" s="258">
        <v>1</v>
      </c>
      <c r="CL11" s="263">
        <v>1</v>
      </c>
      <c r="CM11" s="257">
        <v>0</v>
      </c>
      <c r="CN11" s="261">
        <v>0</v>
      </c>
      <c r="CO11" s="258">
        <v>0</v>
      </c>
      <c r="CP11" s="260">
        <v>0</v>
      </c>
      <c r="CQ11" s="261">
        <v>3</v>
      </c>
      <c r="CR11" s="261">
        <v>0</v>
      </c>
      <c r="CS11" s="261">
        <v>2</v>
      </c>
      <c r="CT11" s="261">
        <v>2</v>
      </c>
      <c r="CU11" s="261">
        <v>0</v>
      </c>
      <c r="CV11" s="258">
        <v>7</v>
      </c>
      <c r="CW11" s="263">
        <v>7</v>
      </c>
    </row>
    <row r="12" spans="1:101" ht="21" customHeight="1" x14ac:dyDescent="0.2">
      <c r="B12" s="472" t="s">
        <v>9</v>
      </c>
      <c r="C12" s="257">
        <v>0</v>
      </c>
      <c r="D12" s="258">
        <v>0</v>
      </c>
      <c r="E12" s="259">
        <v>0</v>
      </c>
      <c r="F12" s="260">
        <v>0</v>
      </c>
      <c r="G12" s="261">
        <v>0</v>
      </c>
      <c r="H12" s="261">
        <v>0</v>
      </c>
      <c r="I12" s="261">
        <v>0</v>
      </c>
      <c r="J12" s="261">
        <v>0</v>
      </c>
      <c r="K12" s="261">
        <v>0</v>
      </c>
      <c r="L12" s="262">
        <v>0</v>
      </c>
      <c r="M12" s="263">
        <v>0</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5</v>
      </c>
      <c r="AD12" s="261">
        <v>19</v>
      </c>
      <c r="AE12" s="261">
        <v>12</v>
      </c>
      <c r="AF12" s="261">
        <v>9</v>
      </c>
      <c r="AG12" s="261">
        <v>3</v>
      </c>
      <c r="AH12" s="258">
        <v>88</v>
      </c>
      <c r="AI12" s="263">
        <v>88</v>
      </c>
      <c r="AJ12" s="257">
        <v>0</v>
      </c>
      <c r="AK12" s="261">
        <v>0</v>
      </c>
      <c r="AL12" s="258">
        <v>0</v>
      </c>
      <c r="AM12" s="260">
        <v>0</v>
      </c>
      <c r="AN12" s="261">
        <v>0</v>
      </c>
      <c r="AO12" s="261">
        <v>0</v>
      </c>
      <c r="AP12" s="261">
        <v>0</v>
      </c>
      <c r="AQ12" s="261">
        <v>0</v>
      </c>
      <c r="AR12" s="261">
        <v>1</v>
      </c>
      <c r="AS12" s="258">
        <v>1</v>
      </c>
      <c r="AT12" s="263">
        <v>1</v>
      </c>
      <c r="AU12" s="257">
        <v>1</v>
      </c>
      <c r="AV12" s="261">
        <v>0</v>
      </c>
      <c r="AW12" s="258">
        <v>1</v>
      </c>
      <c r="AX12" s="260">
        <v>0</v>
      </c>
      <c r="AY12" s="261">
        <v>1</v>
      </c>
      <c r="AZ12" s="261">
        <v>3</v>
      </c>
      <c r="BA12" s="261">
        <v>3</v>
      </c>
      <c r="BB12" s="261">
        <v>0</v>
      </c>
      <c r="BC12" s="261">
        <v>0</v>
      </c>
      <c r="BD12" s="258">
        <v>7</v>
      </c>
      <c r="BE12" s="263">
        <v>8</v>
      </c>
      <c r="BF12" s="257">
        <v>0</v>
      </c>
      <c r="BG12" s="261">
        <v>0</v>
      </c>
      <c r="BH12" s="258">
        <v>0</v>
      </c>
      <c r="BI12" s="260">
        <v>0</v>
      </c>
      <c r="BJ12" s="261">
        <v>4</v>
      </c>
      <c r="BK12" s="261">
        <v>4</v>
      </c>
      <c r="BL12" s="261">
        <v>8</v>
      </c>
      <c r="BM12" s="261">
        <v>3</v>
      </c>
      <c r="BN12" s="261">
        <v>1</v>
      </c>
      <c r="BO12" s="262">
        <v>20</v>
      </c>
      <c r="BP12" s="263">
        <v>20</v>
      </c>
      <c r="BQ12" s="257">
        <v>0</v>
      </c>
      <c r="BR12" s="261">
        <v>0</v>
      </c>
      <c r="BS12" s="258">
        <v>0</v>
      </c>
      <c r="BT12" s="260">
        <v>0</v>
      </c>
      <c r="BU12" s="261">
        <v>0</v>
      </c>
      <c r="BV12" s="261">
        <v>1</v>
      </c>
      <c r="BW12" s="261">
        <v>0</v>
      </c>
      <c r="BX12" s="261">
        <v>0</v>
      </c>
      <c r="BY12" s="261">
        <v>0</v>
      </c>
      <c r="BZ12" s="258">
        <v>1</v>
      </c>
      <c r="CA12" s="263">
        <v>1</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0</v>
      </c>
      <c r="CT12" s="261">
        <v>0</v>
      </c>
      <c r="CU12" s="261">
        <v>1</v>
      </c>
      <c r="CV12" s="258">
        <v>2</v>
      </c>
      <c r="CW12" s="263">
        <v>2</v>
      </c>
    </row>
    <row r="13" spans="1:101" ht="21" customHeight="1" x14ac:dyDescent="0.2">
      <c r="B13" s="472" t="s">
        <v>10</v>
      </c>
      <c r="C13" s="257">
        <v>0</v>
      </c>
      <c r="D13" s="258">
        <v>0</v>
      </c>
      <c r="E13" s="259">
        <v>0</v>
      </c>
      <c r="F13" s="260">
        <v>0</v>
      </c>
      <c r="G13" s="261">
        <v>1</v>
      </c>
      <c r="H13" s="261">
        <v>2</v>
      </c>
      <c r="I13" s="261">
        <v>2</v>
      </c>
      <c r="J13" s="261">
        <v>1</v>
      </c>
      <c r="K13" s="261">
        <v>2</v>
      </c>
      <c r="L13" s="262">
        <v>8</v>
      </c>
      <c r="M13" s="263">
        <v>8</v>
      </c>
      <c r="N13" s="257">
        <v>0</v>
      </c>
      <c r="O13" s="261">
        <v>0</v>
      </c>
      <c r="P13" s="258">
        <v>0</v>
      </c>
      <c r="Q13" s="260">
        <v>0</v>
      </c>
      <c r="R13" s="261">
        <v>1</v>
      </c>
      <c r="S13" s="261">
        <v>0</v>
      </c>
      <c r="T13" s="261">
        <v>2</v>
      </c>
      <c r="U13" s="261">
        <v>0</v>
      </c>
      <c r="V13" s="261">
        <v>0</v>
      </c>
      <c r="W13" s="258">
        <v>3</v>
      </c>
      <c r="X13" s="263">
        <v>3</v>
      </c>
      <c r="Y13" s="257">
        <v>0</v>
      </c>
      <c r="Z13" s="261">
        <v>0</v>
      </c>
      <c r="AA13" s="258">
        <v>0</v>
      </c>
      <c r="AB13" s="260">
        <v>0</v>
      </c>
      <c r="AC13" s="261">
        <v>35</v>
      </c>
      <c r="AD13" s="261">
        <v>23</v>
      </c>
      <c r="AE13" s="261">
        <v>5</v>
      </c>
      <c r="AF13" s="261">
        <v>5</v>
      </c>
      <c r="AG13" s="261">
        <v>1</v>
      </c>
      <c r="AH13" s="258">
        <v>69</v>
      </c>
      <c r="AI13" s="263">
        <v>69</v>
      </c>
      <c r="AJ13" s="257">
        <v>0</v>
      </c>
      <c r="AK13" s="261">
        <v>0</v>
      </c>
      <c r="AL13" s="258">
        <v>0</v>
      </c>
      <c r="AM13" s="260">
        <v>0</v>
      </c>
      <c r="AN13" s="261">
        <v>3</v>
      </c>
      <c r="AO13" s="261">
        <v>0</v>
      </c>
      <c r="AP13" s="261">
        <v>1</v>
      </c>
      <c r="AQ13" s="261">
        <v>1</v>
      </c>
      <c r="AR13" s="261">
        <v>2</v>
      </c>
      <c r="AS13" s="258">
        <v>7</v>
      </c>
      <c r="AT13" s="263">
        <v>7</v>
      </c>
      <c r="AU13" s="257">
        <v>1</v>
      </c>
      <c r="AV13" s="261">
        <v>0</v>
      </c>
      <c r="AW13" s="258">
        <v>1</v>
      </c>
      <c r="AX13" s="260">
        <v>0</v>
      </c>
      <c r="AY13" s="261">
        <v>3</v>
      </c>
      <c r="AZ13" s="261">
        <v>3</v>
      </c>
      <c r="BA13" s="261">
        <v>4</v>
      </c>
      <c r="BB13" s="261">
        <v>3</v>
      </c>
      <c r="BC13" s="261">
        <v>0</v>
      </c>
      <c r="BD13" s="258">
        <v>13</v>
      </c>
      <c r="BE13" s="263">
        <v>14</v>
      </c>
      <c r="BF13" s="257">
        <v>0</v>
      </c>
      <c r="BG13" s="261">
        <v>0</v>
      </c>
      <c r="BH13" s="258">
        <v>0</v>
      </c>
      <c r="BI13" s="260">
        <v>0</v>
      </c>
      <c r="BJ13" s="261">
        <v>3</v>
      </c>
      <c r="BK13" s="261">
        <v>9</v>
      </c>
      <c r="BL13" s="261">
        <v>12</v>
      </c>
      <c r="BM13" s="261">
        <v>1</v>
      </c>
      <c r="BN13" s="261">
        <v>4</v>
      </c>
      <c r="BO13" s="262">
        <v>29</v>
      </c>
      <c r="BP13" s="263">
        <v>29</v>
      </c>
      <c r="BQ13" s="257">
        <v>0</v>
      </c>
      <c r="BR13" s="261">
        <v>0</v>
      </c>
      <c r="BS13" s="258">
        <v>0</v>
      </c>
      <c r="BT13" s="260">
        <v>0</v>
      </c>
      <c r="BU13" s="261">
        <v>2</v>
      </c>
      <c r="BV13" s="261">
        <v>2</v>
      </c>
      <c r="BW13" s="261">
        <v>6</v>
      </c>
      <c r="BX13" s="261">
        <v>0</v>
      </c>
      <c r="BY13" s="261">
        <v>1</v>
      </c>
      <c r="BZ13" s="258">
        <v>11</v>
      </c>
      <c r="CA13" s="263">
        <v>11</v>
      </c>
      <c r="CB13" s="257">
        <v>0</v>
      </c>
      <c r="CC13" s="261">
        <v>0</v>
      </c>
      <c r="CD13" s="258">
        <v>0</v>
      </c>
      <c r="CE13" s="260">
        <v>0</v>
      </c>
      <c r="CF13" s="261">
        <v>0</v>
      </c>
      <c r="CG13" s="261">
        <v>1</v>
      </c>
      <c r="CH13" s="261">
        <v>1</v>
      </c>
      <c r="CI13" s="261">
        <v>4</v>
      </c>
      <c r="CJ13" s="261">
        <v>3</v>
      </c>
      <c r="CK13" s="258">
        <v>9</v>
      </c>
      <c r="CL13" s="263">
        <v>9</v>
      </c>
      <c r="CM13" s="257">
        <v>0</v>
      </c>
      <c r="CN13" s="261">
        <v>0</v>
      </c>
      <c r="CO13" s="258">
        <v>0</v>
      </c>
      <c r="CP13" s="260">
        <v>0</v>
      </c>
      <c r="CQ13" s="261">
        <v>2</v>
      </c>
      <c r="CR13" s="261">
        <v>1</v>
      </c>
      <c r="CS13" s="261">
        <v>3</v>
      </c>
      <c r="CT13" s="261">
        <v>6</v>
      </c>
      <c r="CU13" s="261">
        <v>1</v>
      </c>
      <c r="CV13" s="258">
        <v>13</v>
      </c>
      <c r="CW13" s="263">
        <v>13</v>
      </c>
    </row>
    <row r="14" spans="1:101" ht="21" customHeight="1" x14ac:dyDescent="0.2">
      <c r="B14" s="472" t="s">
        <v>11</v>
      </c>
      <c r="C14" s="257">
        <v>0</v>
      </c>
      <c r="D14" s="258">
        <v>0</v>
      </c>
      <c r="E14" s="259">
        <v>0</v>
      </c>
      <c r="F14" s="260">
        <v>0</v>
      </c>
      <c r="G14" s="261">
        <v>2</v>
      </c>
      <c r="H14" s="261">
        <v>0</v>
      </c>
      <c r="I14" s="261">
        <v>3</v>
      </c>
      <c r="J14" s="261">
        <v>0</v>
      </c>
      <c r="K14" s="261">
        <v>1</v>
      </c>
      <c r="L14" s="262">
        <v>6</v>
      </c>
      <c r="M14" s="263">
        <v>6</v>
      </c>
      <c r="N14" s="257">
        <v>0</v>
      </c>
      <c r="O14" s="261">
        <v>0</v>
      </c>
      <c r="P14" s="258">
        <v>0</v>
      </c>
      <c r="Q14" s="260">
        <v>0</v>
      </c>
      <c r="R14" s="261">
        <v>0</v>
      </c>
      <c r="S14" s="261">
        <v>0</v>
      </c>
      <c r="T14" s="261">
        <v>0</v>
      </c>
      <c r="U14" s="261">
        <v>0</v>
      </c>
      <c r="V14" s="261">
        <v>0</v>
      </c>
      <c r="W14" s="258">
        <v>0</v>
      </c>
      <c r="X14" s="263">
        <v>0</v>
      </c>
      <c r="Y14" s="257">
        <v>0</v>
      </c>
      <c r="Z14" s="261">
        <v>0</v>
      </c>
      <c r="AA14" s="258">
        <v>0</v>
      </c>
      <c r="AB14" s="260">
        <v>0</v>
      </c>
      <c r="AC14" s="261">
        <v>14</v>
      </c>
      <c r="AD14" s="261">
        <v>10</v>
      </c>
      <c r="AE14" s="261">
        <v>4</v>
      </c>
      <c r="AF14" s="261">
        <v>2</v>
      </c>
      <c r="AG14" s="261">
        <v>1</v>
      </c>
      <c r="AH14" s="258">
        <v>31</v>
      </c>
      <c r="AI14" s="263">
        <v>31</v>
      </c>
      <c r="AJ14" s="257">
        <v>0</v>
      </c>
      <c r="AK14" s="261">
        <v>0</v>
      </c>
      <c r="AL14" s="258">
        <v>0</v>
      </c>
      <c r="AM14" s="260">
        <v>0</v>
      </c>
      <c r="AN14" s="261">
        <v>2</v>
      </c>
      <c r="AO14" s="261">
        <v>1</v>
      </c>
      <c r="AP14" s="261">
        <v>1</v>
      </c>
      <c r="AQ14" s="261">
        <v>0</v>
      </c>
      <c r="AR14" s="261">
        <v>0</v>
      </c>
      <c r="AS14" s="258">
        <v>4</v>
      </c>
      <c r="AT14" s="263">
        <v>4</v>
      </c>
      <c r="AU14" s="257">
        <v>0</v>
      </c>
      <c r="AV14" s="261">
        <v>0</v>
      </c>
      <c r="AW14" s="258">
        <v>0</v>
      </c>
      <c r="AX14" s="260">
        <v>0</v>
      </c>
      <c r="AY14" s="261">
        <v>1</v>
      </c>
      <c r="AZ14" s="261">
        <v>2</v>
      </c>
      <c r="BA14" s="261">
        <v>4</v>
      </c>
      <c r="BB14" s="261">
        <v>0</v>
      </c>
      <c r="BC14" s="261">
        <v>0</v>
      </c>
      <c r="BD14" s="258">
        <v>7</v>
      </c>
      <c r="BE14" s="263">
        <v>7</v>
      </c>
      <c r="BF14" s="257">
        <v>0</v>
      </c>
      <c r="BG14" s="261">
        <v>0</v>
      </c>
      <c r="BH14" s="258">
        <v>0</v>
      </c>
      <c r="BI14" s="260">
        <v>0</v>
      </c>
      <c r="BJ14" s="261">
        <v>1</v>
      </c>
      <c r="BK14" s="261">
        <v>2</v>
      </c>
      <c r="BL14" s="261">
        <v>2</v>
      </c>
      <c r="BM14" s="261">
        <v>2</v>
      </c>
      <c r="BN14" s="261">
        <v>0</v>
      </c>
      <c r="BO14" s="262">
        <v>7</v>
      </c>
      <c r="BP14" s="263">
        <v>7</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1</v>
      </c>
      <c r="CR14" s="261">
        <v>1</v>
      </c>
      <c r="CS14" s="261">
        <v>0</v>
      </c>
      <c r="CT14" s="261">
        <v>1</v>
      </c>
      <c r="CU14" s="261">
        <v>0</v>
      </c>
      <c r="CV14" s="258">
        <v>3</v>
      </c>
      <c r="CW14" s="263">
        <v>3</v>
      </c>
    </row>
    <row r="15" spans="1:101" ht="21" customHeight="1" x14ac:dyDescent="0.2">
      <c r="B15" s="472" t="s">
        <v>12</v>
      </c>
      <c r="C15" s="257">
        <v>0</v>
      </c>
      <c r="D15" s="258">
        <v>0</v>
      </c>
      <c r="E15" s="259">
        <v>0</v>
      </c>
      <c r="F15" s="260">
        <v>0</v>
      </c>
      <c r="G15" s="261">
        <v>1</v>
      </c>
      <c r="H15" s="261">
        <v>1</v>
      </c>
      <c r="I15" s="261">
        <v>0</v>
      </c>
      <c r="J15" s="261">
        <v>1</v>
      </c>
      <c r="K15" s="261">
        <v>0</v>
      </c>
      <c r="L15" s="262">
        <v>3</v>
      </c>
      <c r="M15" s="263">
        <v>3</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22</v>
      </c>
      <c r="AD15" s="261">
        <v>20</v>
      </c>
      <c r="AE15" s="261">
        <v>13</v>
      </c>
      <c r="AF15" s="261">
        <v>5</v>
      </c>
      <c r="AG15" s="261">
        <v>1</v>
      </c>
      <c r="AH15" s="258">
        <v>61</v>
      </c>
      <c r="AI15" s="263">
        <v>61</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1</v>
      </c>
      <c r="AZ15" s="261">
        <v>2</v>
      </c>
      <c r="BA15" s="261">
        <v>2</v>
      </c>
      <c r="BB15" s="261">
        <v>3</v>
      </c>
      <c r="BC15" s="261">
        <v>3</v>
      </c>
      <c r="BD15" s="258">
        <v>11</v>
      </c>
      <c r="BE15" s="263">
        <v>11</v>
      </c>
      <c r="BF15" s="257">
        <v>0</v>
      </c>
      <c r="BG15" s="261">
        <v>0</v>
      </c>
      <c r="BH15" s="258">
        <v>0</v>
      </c>
      <c r="BI15" s="260">
        <v>0</v>
      </c>
      <c r="BJ15" s="261">
        <v>2</v>
      </c>
      <c r="BK15" s="261">
        <v>2</v>
      </c>
      <c r="BL15" s="261">
        <v>2</v>
      </c>
      <c r="BM15" s="261">
        <v>4</v>
      </c>
      <c r="BN15" s="261">
        <v>2</v>
      </c>
      <c r="BO15" s="262">
        <v>12</v>
      </c>
      <c r="BP15" s="263">
        <v>12</v>
      </c>
      <c r="BQ15" s="257">
        <v>0</v>
      </c>
      <c r="BR15" s="261">
        <v>0</v>
      </c>
      <c r="BS15" s="258">
        <v>0</v>
      </c>
      <c r="BT15" s="260">
        <v>0</v>
      </c>
      <c r="BU15" s="261">
        <v>0</v>
      </c>
      <c r="BV15" s="261">
        <v>3</v>
      </c>
      <c r="BW15" s="261">
        <v>0</v>
      </c>
      <c r="BX15" s="261">
        <v>2</v>
      </c>
      <c r="BY15" s="261">
        <v>0</v>
      </c>
      <c r="BZ15" s="258">
        <v>5</v>
      </c>
      <c r="CA15" s="263">
        <v>5</v>
      </c>
      <c r="CB15" s="257">
        <v>0</v>
      </c>
      <c r="CC15" s="261">
        <v>0</v>
      </c>
      <c r="CD15" s="258">
        <v>0</v>
      </c>
      <c r="CE15" s="260">
        <v>0</v>
      </c>
      <c r="CF15" s="261">
        <v>0</v>
      </c>
      <c r="CG15" s="261">
        <v>0</v>
      </c>
      <c r="CH15" s="261">
        <v>1</v>
      </c>
      <c r="CI15" s="261">
        <v>0</v>
      </c>
      <c r="CJ15" s="261">
        <v>1</v>
      </c>
      <c r="CK15" s="258">
        <v>2</v>
      </c>
      <c r="CL15" s="263">
        <v>2</v>
      </c>
      <c r="CM15" s="257">
        <v>0</v>
      </c>
      <c r="CN15" s="261">
        <v>0</v>
      </c>
      <c r="CO15" s="258">
        <v>0</v>
      </c>
      <c r="CP15" s="260">
        <v>0</v>
      </c>
      <c r="CQ15" s="261">
        <v>0</v>
      </c>
      <c r="CR15" s="261">
        <v>3</v>
      </c>
      <c r="CS15" s="261">
        <v>1</v>
      </c>
      <c r="CT15" s="261">
        <v>2</v>
      </c>
      <c r="CU15" s="261">
        <v>1</v>
      </c>
      <c r="CV15" s="258">
        <v>7</v>
      </c>
      <c r="CW15" s="263">
        <v>7</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6</v>
      </c>
      <c r="AD16" s="261">
        <v>15</v>
      </c>
      <c r="AE16" s="261">
        <v>7</v>
      </c>
      <c r="AF16" s="261">
        <v>1</v>
      </c>
      <c r="AG16" s="261">
        <v>0</v>
      </c>
      <c r="AH16" s="258">
        <v>39</v>
      </c>
      <c r="AI16" s="263">
        <v>39</v>
      </c>
      <c r="AJ16" s="257">
        <v>0</v>
      </c>
      <c r="AK16" s="261">
        <v>0</v>
      </c>
      <c r="AL16" s="258">
        <v>0</v>
      </c>
      <c r="AM16" s="260">
        <v>0</v>
      </c>
      <c r="AN16" s="261">
        <v>0</v>
      </c>
      <c r="AO16" s="261">
        <v>2</v>
      </c>
      <c r="AP16" s="261">
        <v>1</v>
      </c>
      <c r="AQ16" s="261">
        <v>1</v>
      </c>
      <c r="AR16" s="261">
        <v>1</v>
      </c>
      <c r="AS16" s="258">
        <v>5</v>
      </c>
      <c r="AT16" s="263">
        <v>5</v>
      </c>
      <c r="AU16" s="257">
        <v>0</v>
      </c>
      <c r="AV16" s="261">
        <v>0</v>
      </c>
      <c r="AW16" s="258">
        <v>0</v>
      </c>
      <c r="AX16" s="260">
        <v>0</v>
      </c>
      <c r="AY16" s="261">
        <v>0</v>
      </c>
      <c r="AZ16" s="261">
        <v>1</v>
      </c>
      <c r="BA16" s="261">
        <v>1</v>
      </c>
      <c r="BB16" s="261">
        <v>0</v>
      </c>
      <c r="BC16" s="261">
        <v>0</v>
      </c>
      <c r="BD16" s="258">
        <v>2</v>
      </c>
      <c r="BE16" s="263">
        <v>2</v>
      </c>
      <c r="BF16" s="257">
        <v>0</v>
      </c>
      <c r="BG16" s="261">
        <v>0</v>
      </c>
      <c r="BH16" s="258">
        <v>0</v>
      </c>
      <c r="BI16" s="260">
        <v>0</v>
      </c>
      <c r="BJ16" s="261">
        <v>0</v>
      </c>
      <c r="BK16" s="261">
        <v>2</v>
      </c>
      <c r="BL16" s="261">
        <v>0</v>
      </c>
      <c r="BM16" s="261">
        <v>0</v>
      </c>
      <c r="BN16" s="261">
        <v>0</v>
      </c>
      <c r="BO16" s="262">
        <v>2</v>
      </c>
      <c r="BP16" s="263">
        <v>2</v>
      </c>
      <c r="BQ16" s="257">
        <v>0</v>
      </c>
      <c r="BR16" s="261">
        <v>0</v>
      </c>
      <c r="BS16" s="258">
        <v>0</v>
      </c>
      <c r="BT16" s="260">
        <v>0</v>
      </c>
      <c r="BU16" s="261">
        <v>0</v>
      </c>
      <c r="BV16" s="261">
        <v>0</v>
      </c>
      <c r="BW16" s="261">
        <v>0</v>
      </c>
      <c r="BX16" s="261">
        <v>1</v>
      </c>
      <c r="BY16" s="261">
        <v>0</v>
      </c>
      <c r="BZ16" s="258">
        <v>1</v>
      </c>
      <c r="CA16" s="263">
        <v>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1</v>
      </c>
      <c r="H17" s="261">
        <v>0</v>
      </c>
      <c r="I17" s="261">
        <v>0</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10</v>
      </c>
      <c r="AD17" s="261">
        <v>7</v>
      </c>
      <c r="AE17" s="261">
        <v>3</v>
      </c>
      <c r="AF17" s="261">
        <v>2</v>
      </c>
      <c r="AG17" s="261">
        <v>0</v>
      </c>
      <c r="AH17" s="258">
        <v>22</v>
      </c>
      <c r="AI17" s="263">
        <v>22</v>
      </c>
      <c r="AJ17" s="257">
        <v>0</v>
      </c>
      <c r="AK17" s="261">
        <v>0</v>
      </c>
      <c r="AL17" s="258">
        <v>0</v>
      </c>
      <c r="AM17" s="260">
        <v>0</v>
      </c>
      <c r="AN17" s="261">
        <v>1</v>
      </c>
      <c r="AO17" s="261">
        <v>0</v>
      </c>
      <c r="AP17" s="261">
        <v>0</v>
      </c>
      <c r="AQ17" s="261">
        <v>1</v>
      </c>
      <c r="AR17" s="261">
        <v>0</v>
      </c>
      <c r="AS17" s="258">
        <v>2</v>
      </c>
      <c r="AT17" s="263">
        <v>2</v>
      </c>
      <c r="AU17" s="257">
        <v>0</v>
      </c>
      <c r="AV17" s="261">
        <v>0</v>
      </c>
      <c r="AW17" s="258">
        <v>0</v>
      </c>
      <c r="AX17" s="260">
        <v>0</v>
      </c>
      <c r="AY17" s="261">
        <v>1</v>
      </c>
      <c r="AZ17" s="261">
        <v>0</v>
      </c>
      <c r="BA17" s="261">
        <v>0</v>
      </c>
      <c r="BB17" s="261">
        <v>1</v>
      </c>
      <c r="BC17" s="261">
        <v>1</v>
      </c>
      <c r="BD17" s="258">
        <v>3</v>
      </c>
      <c r="BE17" s="263">
        <v>3</v>
      </c>
      <c r="BF17" s="257">
        <v>0</v>
      </c>
      <c r="BG17" s="261">
        <v>0</v>
      </c>
      <c r="BH17" s="258">
        <v>0</v>
      </c>
      <c r="BI17" s="260">
        <v>0</v>
      </c>
      <c r="BJ17" s="261">
        <v>1</v>
      </c>
      <c r="BK17" s="261">
        <v>3</v>
      </c>
      <c r="BL17" s="261">
        <v>0</v>
      </c>
      <c r="BM17" s="261">
        <v>0</v>
      </c>
      <c r="BN17" s="261">
        <v>0</v>
      </c>
      <c r="BO17" s="262">
        <v>4</v>
      </c>
      <c r="BP17" s="263">
        <v>4</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2</v>
      </c>
      <c r="CJ17" s="261">
        <v>0</v>
      </c>
      <c r="CK17" s="258">
        <v>2</v>
      </c>
      <c r="CL17" s="263">
        <v>2</v>
      </c>
      <c r="CM17" s="257">
        <v>0</v>
      </c>
      <c r="CN17" s="261">
        <v>0</v>
      </c>
      <c r="CO17" s="258">
        <v>0</v>
      </c>
      <c r="CP17" s="260">
        <v>0</v>
      </c>
      <c r="CQ17" s="261">
        <v>0</v>
      </c>
      <c r="CR17" s="261">
        <v>1</v>
      </c>
      <c r="CS17" s="261">
        <v>1</v>
      </c>
      <c r="CT17" s="261">
        <v>0</v>
      </c>
      <c r="CU17" s="261">
        <v>0</v>
      </c>
      <c r="CV17" s="258">
        <v>2</v>
      </c>
      <c r="CW17" s="263">
        <v>2</v>
      </c>
    </row>
    <row r="18" spans="2:101" ht="21" customHeight="1" x14ac:dyDescent="0.2">
      <c r="B18" s="472" t="s">
        <v>16</v>
      </c>
      <c r="C18" s="257">
        <v>0</v>
      </c>
      <c r="D18" s="258">
        <v>0</v>
      </c>
      <c r="E18" s="259">
        <v>0</v>
      </c>
      <c r="F18" s="260">
        <v>0</v>
      </c>
      <c r="G18" s="261">
        <v>0</v>
      </c>
      <c r="H18" s="261">
        <v>0</v>
      </c>
      <c r="I18" s="261">
        <v>1</v>
      </c>
      <c r="J18" s="261">
        <v>0</v>
      </c>
      <c r="K18" s="261">
        <v>1</v>
      </c>
      <c r="L18" s="262">
        <v>2</v>
      </c>
      <c r="M18" s="263">
        <v>2</v>
      </c>
      <c r="N18" s="257">
        <v>0</v>
      </c>
      <c r="O18" s="261">
        <v>0</v>
      </c>
      <c r="P18" s="258">
        <v>0</v>
      </c>
      <c r="Q18" s="260">
        <v>0</v>
      </c>
      <c r="R18" s="261">
        <v>0</v>
      </c>
      <c r="S18" s="261">
        <v>0</v>
      </c>
      <c r="T18" s="261">
        <v>1</v>
      </c>
      <c r="U18" s="261">
        <v>0</v>
      </c>
      <c r="V18" s="261">
        <v>0</v>
      </c>
      <c r="W18" s="258">
        <v>1</v>
      </c>
      <c r="X18" s="263">
        <v>1</v>
      </c>
      <c r="Y18" s="257">
        <v>0</v>
      </c>
      <c r="Z18" s="261">
        <v>0</v>
      </c>
      <c r="AA18" s="258">
        <v>0</v>
      </c>
      <c r="AB18" s="260">
        <v>0</v>
      </c>
      <c r="AC18" s="261">
        <v>10</v>
      </c>
      <c r="AD18" s="261">
        <v>10</v>
      </c>
      <c r="AE18" s="261">
        <v>8</v>
      </c>
      <c r="AF18" s="261">
        <v>1</v>
      </c>
      <c r="AG18" s="261">
        <v>0</v>
      </c>
      <c r="AH18" s="258">
        <v>29</v>
      </c>
      <c r="AI18" s="263">
        <v>29</v>
      </c>
      <c r="AJ18" s="257">
        <v>0</v>
      </c>
      <c r="AK18" s="261">
        <v>0</v>
      </c>
      <c r="AL18" s="258">
        <v>0</v>
      </c>
      <c r="AM18" s="260">
        <v>0</v>
      </c>
      <c r="AN18" s="261">
        <v>0</v>
      </c>
      <c r="AO18" s="261">
        <v>0</v>
      </c>
      <c r="AP18" s="261">
        <v>0</v>
      </c>
      <c r="AQ18" s="261">
        <v>0</v>
      </c>
      <c r="AR18" s="261">
        <v>0</v>
      </c>
      <c r="AS18" s="258">
        <v>0</v>
      </c>
      <c r="AT18" s="263">
        <v>0</v>
      </c>
      <c r="AU18" s="257">
        <v>0</v>
      </c>
      <c r="AV18" s="261">
        <v>0</v>
      </c>
      <c r="AW18" s="258">
        <v>0</v>
      </c>
      <c r="AX18" s="260">
        <v>0</v>
      </c>
      <c r="AY18" s="261">
        <v>0</v>
      </c>
      <c r="AZ18" s="261">
        <v>0</v>
      </c>
      <c r="BA18" s="261">
        <v>2</v>
      </c>
      <c r="BB18" s="261">
        <v>2</v>
      </c>
      <c r="BC18" s="261">
        <v>0</v>
      </c>
      <c r="BD18" s="258">
        <v>4</v>
      </c>
      <c r="BE18" s="263">
        <v>4</v>
      </c>
      <c r="BF18" s="257">
        <v>0</v>
      </c>
      <c r="BG18" s="261">
        <v>0</v>
      </c>
      <c r="BH18" s="258">
        <v>0</v>
      </c>
      <c r="BI18" s="260">
        <v>0</v>
      </c>
      <c r="BJ18" s="261">
        <v>0</v>
      </c>
      <c r="BK18" s="261">
        <v>2</v>
      </c>
      <c r="BL18" s="261">
        <v>1</v>
      </c>
      <c r="BM18" s="261">
        <v>1</v>
      </c>
      <c r="BN18" s="261">
        <v>3</v>
      </c>
      <c r="BO18" s="262">
        <v>7</v>
      </c>
      <c r="BP18" s="263">
        <v>7</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1</v>
      </c>
      <c r="CS18" s="261">
        <v>0</v>
      </c>
      <c r="CT18" s="261">
        <v>0</v>
      </c>
      <c r="CU18" s="261">
        <v>0</v>
      </c>
      <c r="CV18" s="258">
        <v>1</v>
      </c>
      <c r="CW18" s="263">
        <v>1</v>
      </c>
    </row>
    <row r="19" spans="2:101" ht="21" customHeight="1" x14ac:dyDescent="0.2">
      <c r="B19" s="472" t="s">
        <v>17</v>
      </c>
      <c r="C19" s="257">
        <v>0</v>
      </c>
      <c r="D19" s="258">
        <v>0</v>
      </c>
      <c r="E19" s="259">
        <v>0</v>
      </c>
      <c r="F19" s="260">
        <v>0</v>
      </c>
      <c r="G19" s="261">
        <v>0</v>
      </c>
      <c r="H19" s="261">
        <v>0</v>
      </c>
      <c r="I19" s="261">
        <v>0</v>
      </c>
      <c r="J19" s="261">
        <v>0</v>
      </c>
      <c r="K19" s="261">
        <v>1</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3</v>
      </c>
      <c r="AD19" s="261">
        <v>24</v>
      </c>
      <c r="AE19" s="261">
        <v>8</v>
      </c>
      <c r="AF19" s="261">
        <v>2</v>
      </c>
      <c r="AG19" s="261">
        <v>1</v>
      </c>
      <c r="AH19" s="258">
        <v>58</v>
      </c>
      <c r="AI19" s="263">
        <v>58</v>
      </c>
      <c r="AJ19" s="257">
        <v>0</v>
      </c>
      <c r="AK19" s="261">
        <v>0</v>
      </c>
      <c r="AL19" s="258">
        <v>0</v>
      </c>
      <c r="AM19" s="260">
        <v>0</v>
      </c>
      <c r="AN19" s="261">
        <v>1</v>
      </c>
      <c r="AO19" s="261">
        <v>1</v>
      </c>
      <c r="AP19" s="261">
        <v>0</v>
      </c>
      <c r="AQ19" s="261">
        <v>0</v>
      </c>
      <c r="AR19" s="261">
        <v>0</v>
      </c>
      <c r="AS19" s="258">
        <v>2</v>
      </c>
      <c r="AT19" s="263">
        <v>2</v>
      </c>
      <c r="AU19" s="257">
        <v>0</v>
      </c>
      <c r="AV19" s="261">
        <v>0</v>
      </c>
      <c r="AW19" s="258">
        <v>0</v>
      </c>
      <c r="AX19" s="260">
        <v>0</v>
      </c>
      <c r="AY19" s="261">
        <v>1</v>
      </c>
      <c r="AZ19" s="261">
        <v>2</v>
      </c>
      <c r="BA19" s="261">
        <v>3</v>
      </c>
      <c r="BB19" s="261">
        <v>3</v>
      </c>
      <c r="BC19" s="261">
        <v>0</v>
      </c>
      <c r="BD19" s="258">
        <v>9</v>
      </c>
      <c r="BE19" s="263">
        <v>9</v>
      </c>
      <c r="BF19" s="257">
        <v>0</v>
      </c>
      <c r="BG19" s="261">
        <v>0</v>
      </c>
      <c r="BH19" s="258">
        <v>0</v>
      </c>
      <c r="BI19" s="260">
        <v>0</v>
      </c>
      <c r="BJ19" s="261">
        <v>4</v>
      </c>
      <c r="BK19" s="261">
        <v>3</v>
      </c>
      <c r="BL19" s="261">
        <v>5</v>
      </c>
      <c r="BM19" s="261">
        <v>1</v>
      </c>
      <c r="BN19" s="261">
        <v>1</v>
      </c>
      <c r="BO19" s="262">
        <v>14</v>
      </c>
      <c r="BP19" s="263">
        <v>14</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1</v>
      </c>
      <c r="CI19" s="261">
        <v>2</v>
      </c>
      <c r="CJ19" s="261">
        <v>0</v>
      </c>
      <c r="CK19" s="258">
        <v>3</v>
      </c>
      <c r="CL19" s="263">
        <v>3</v>
      </c>
      <c r="CM19" s="257">
        <v>0</v>
      </c>
      <c r="CN19" s="261">
        <v>0</v>
      </c>
      <c r="CO19" s="258">
        <v>0</v>
      </c>
      <c r="CP19" s="260">
        <v>0</v>
      </c>
      <c r="CQ19" s="261">
        <v>0</v>
      </c>
      <c r="CR19" s="261">
        <v>0</v>
      </c>
      <c r="CS19" s="261">
        <v>1</v>
      </c>
      <c r="CT19" s="261">
        <v>0</v>
      </c>
      <c r="CU19" s="261">
        <v>1</v>
      </c>
      <c r="CV19" s="258">
        <v>2</v>
      </c>
      <c r="CW19" s="263">
        <v>2</v>
      </c>
    </row>
    <row r="20" spans="2:101" ht="21" customHeight="1" x14ac:dyDescent="0.2">
      <c r="B20" s="472" t="s">
        <v>18</v>
      </c>
      <c r="C20" s="257">
        <v>0</v>
      </c>
      <c r="D20" s="258">
        <v>0</v>
      </c>
      <c r="E20" s="259">
        <v>0</v>
      </c>
      <c r="F20" s="260">
        <v>0</v>
      </c>
      <c r="G20" s="261">
        <v>0</v>
      </c>
      <c r="H20" s="261">
        <v>0</v>
      </c>
      <c r="I20" s="261">
        <v>0</v>
      </c>
      <c r="J20" s="261">
        <v>0</v>
      </c>
      <c r="K20" s="261">
        <v>1</v>
      </c>
      <c r="L20" s="262">
        <v>1</v>
      </c>
      <c r="M20" s="263">
        <v>1</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20</v>
      </c>
      <c r="AD20" s="261">
        <v>12</v>
      </c>
      <c r="AE20" s="261">
        <v>7</v>
      </c>
      <c r="AF20" s="261">
        <v>0</v>
      </c>
      <c r="AG20" s="261">
        <v>1</v>
      </c>
      <c r="AH20" s="258">
        <v>40</v>
      </c>
      <c r="AI20" s="263">
        <v>40</v>
      </c>
      <c r="AJ20" s="257">
        <v>0</v>
      </c>
      <c r="AK20" s="261">
        <v>0</v>
      </c>
      <c r="AL20" s="258">
        <v>0</v>
      </c>
      <c r="AM20" s="260">
        <v>0</v>
      </c>
      <c r="AN20" s="261">
        <v>0</v>
      </c>
      <c r="AO20" s="261">
        <v>0</v>
      </c>
      <c r="AP20" s="261">
        <v>3</v>
      </c>
      <c r="AQ20" s="261">
        <v>1</v>
      </c>
      <c r="AR20" s="261">
        <v>0</v>
      </c>
      <c r="AS20" s="258">
        <v>4</v>
      </c>
      <c r="AT20" s="263">
        <v>4</v>
      </c>
      <c r="AU20" s="257">
        <v>2</v>
      </c>
      <c r="AV20" s="261">
        <v>0</v>
      </c>
      <c r="AW20" s="258">
        <v>2</v>
      </c>
      <c r="AX20" s="260">
        <v>0</v>
      </c>
      <c r="AY20" s="261">
        <v>5</v>
      </c>
      <c r="AZ20" s="261">
        <v>2</v>
      </c>
      <c r="BA20" s="261">
        <v>6</v>
      </c>
      <c r="BB20" s="261">
        <v>3</v>
      </c>
      <c r="BC20" s="261">
        <v>0</v>
      </c>
      <c r="BD20" s="258">
        <v>16</v>
      </c>
      <c r="BE20" s="263">
        <v>18</v>
      </c>
      <c r="BF20" s="257">
        <v>0</v>
      </c>
      <c r="BG20" s="261">
        <v>0</v>
      </c>
      <c r="BH20" s="258">
        <v>0</v>
      </c>
      <c r="BI20" s="260">
        <v>0</v>
      </c>
      <c r="BJ20" s="261">
        <v>3</v>
      </c>
      <c r="BK20" s="261">
        <v>3</v>
      </c>
      <c r="BL20" s="261">
        <v>2</v>
      </c>
      <c r="BM20" s="261">
        <v>2</v>
      </c>
      <c r="BN20" s="261">
        <v>2</v>
      </c>
      <c r="BO20" s="262">
        <v>12</v>
      </c>
      <c r="BP20" s="263">
        <v>12</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0</v>
      </c>
      <c r="CI20" s="261">
        <v>1</v>
      </c>
      <c r="CJ20" s="261">
        <v>0</v>
      </c>
      <c r="CK20" s="258">
        <v>1</v>
      </c>
      <c r="CL20" s="263">
        <v>1</v>
      </c>
      <c r="CM20" s="257">
        <v>0</v>
      </c>
      <c r="CN20" s="261">
        <v>0</v>
      </c>
      <c r="CO20" s="258">
        <v>0</v>
      </c>
      <c r="CP20" s="260">
        <v>0</v>
      </c>
      <c r="CQ20" s="261">
        <v>0</v>
      </c>
      <c r="CR20" s="261">
        <v>0</v>
      </c>
      <c r="CS20" s="261">
        <v>2</v>
      </c>
      <c r="CT20" s="261">
        <v>1</v>
      </c>
      <c r="CU20" s="261">
        <v>1</v>
      </c>
      <c r="CV20" s="258">
        <v>4</v>
      </c>
      <c r="CW20" s="263">
        <v>4</v>
      </c>
    </row>
    <row r="21" spans="2:101" ht="21" customHeight="1" x14ac:dyDescent="0.2">
      <c r="B21" s="472" t="s">
        <v>19</v>
      </c>
      <c r="C21" s="257">
        <v>0</v>
      </c>
      <c r="D21" s="258">
        <v>0</v>
      </c>
      <c r="E21" s="259">
        <v>0</v>
      </c>
      <c r="F21" s="260">
        <v>0</v>
      </c>
      <c r="G21" s="261">
        <v>2</v>
      </c>
      <c r="H21" s="261">
        <v>1</v>
      </c>
      <c r="I21" s="261">
        <v>0</v>
      </c>
      <c r="J21" s="261">
        <v>1</v>
      </c>
      <c r="K21" s="261">
        <v>0</v>
      </c>
      <c r="L21" s="262">
        <v>4</v>
      </c>
      <c r="M21" s="263">
        <v>4</v>
      </c>
      <c r="N21" s="257">
        <v>0</v>
      </c>
      <c r="O21" s="261">
        <v>0</v>
      </c>
      <c r="P21" s="258">
        <v>0</v>
      </c>
      <c r="Q21" s="260">
        <v>0</v>
      </c>
      <c r="R21" s="261">
        <v>0</v>
      </c>
      <c r="S21" s="261">
        <v>0</v>
      </c>
      <c r="T21" s="261">
        <v>0</v>
      </c>
      <c r="U21" s="261">
        <v>0</v>
      </c>
      <c r="V21" s="261">
        <v>0</v>
      </c>
      <c r="W21" s="258">
        <v>0</v>
      </c>
      <c r="X21" s="263">
        <v>0</v>
      </c>
      <c r="Y21" s="257">
        <v>0</v>
      </c>
      <c r="Z21" s="261">
        <v>0</v>
      </c>
      <c r="AA21" s="258">
        <v>0</v>
      </c>
      <c r="AB21" s="260">
        <v>0</v>
      </c>
      <c r="AC21" s="261">
        <v>4</v>
      </c>
      <c r="AD21" s="261">
        <v>5</v>
      </c>
      <c r="AE21" s="261">
        <v>1</v>
      </c>
      <c r="AF21" s="261">
        <v>0</v>
      </c>
      <c r="AG21" s="261">
        <v>0</v>
      </c>
      <c r="AH21" s="258">
        <v>10</v>
      </c>
      <c r="AI21" s="263">
        <v>10</v>
      </c>
      <c r="AJ21" s="257">
        <v>0</v>
      </c>
      <c r="AK21" s="261">
        <v>0</v>
      </c>
      <c r="AL21" s="258">
        <v>0</v>
      </c>
      <c r="AM21" s="260">
        <v>0</v>
      </c>
      <c r="AN21" s="261">
        <v>2</v>
      </c>
      <c r="AO21" s="261">
        <v>2</v>
      </c>
      <c r="AP21" s="261">
        <v>3</v>
      </c>
      <c r="AQ21" s="261">
        <v>0</v>
      </c>
      <c r="AR21" s="261">
        <v>0</v>
      </c>
      <c r="AS21" s="258">
        <v>7</v>
      </c>
      <c r="AT21" s="263">
        <v>7</v>
      </c>
      <c r="AU21" s="257">
        <v>0</v>
      </c>
      <c r="AV21" s="261">
        <v>0</v>
      </c>
      <c r="AW21" s="258">
        <v>0</v>
      </c>
      <c r="AX21" s="260">
        <v>0</v>
      </c>
      <c r="AY21" s="261">
        <v>4</v>
      </c>
      <c r="AZ21" s="261">
        <v>1</v>
      </c>
      <c r="BA21" s="261">
        <v>2</v>
      </c>
      <c r="BB21" s="261">
        <v>1</v>
      </c>
      <c r="BC21" s="261">
        <v>0</v>
      </c>
      <c r="BD21" s="258">
        <v>8</v>
      </c>
      <c r="BE21" s="263">
        <v>8</v>
      </c>
      <c r="BF21" s="257">
        <v>0</v>
      </c>
      <c r="BG21" s="261">
        <v>0</v>
      </c>
      <c r="BH21" s="258">
        <v>0</v>
      </c>
      <c r="BI21" s="260">
        <v>0</v>
      </c>
      <c r="BJ21" s="261">
        <v>1</v>
      </c>
      <c r="BK21" s="261">
        <v>2</v>
      </c>
      <c r="BL21" s="261">
        <v>1</v>
      </c>
      <c r="BM21" s="261">
        <v>0</v>
      </c>
      <c r="BN21" s="261">
        <v>0</v>
      </c>
      <c r="BO21" s="262">
        <v>4</v>
      </c>
      <c r="BP21" s="263">
        <v>4</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2</v>
      </c>
      <c r="CS21" s="261">
        <v>0</v>
      </c>
      <c r="CT21" s="261">
        <v>1</v>
      </c>
      <c r="CU21" s="261">
        <v>1</v>
      </c>
      <c r="CV21" s="258">
        <v>4</v>
      </c>
      <c r="CW21" s="263">
        <v>4</v>
      </c>
    </row>
    <row r="22" spans="2:101" ht="21" customHeight="1" x14ac:dyDescent="0.2">
      <c r="B22" s="472" t="s">
        <v>20</v>
      </c>
      <c r="C22" s="257">
        <v>0</v>
      </c>
      <c r="D22" s="258">
        <v>0</v>
      </c>
      <c r="E22" s="259">
        <v>0</v>
      </c>
      <c r="F22" s="260">
        <v>0</v>
      </c>
      <c r="G22" s="261">
        <v>0</v>
      </c>
      <c r="H22" s="261">
        <v>0</v>
      </c>
      <c r="I22" s="261">
        <v>0</v>
      </c>
      <c r="J22" s="261">
        <v>0</v>
      </c>
      <c r="K22" s="261">
        <v>0</v>
      </c>
      <c r="L22" s="262">
        <v>0</v>
      </c>
      <c r="M22" s="263">
        <v>0</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1</v>
      </c>
      <c r="AD22" s="261">
        <v>11</v>
      </c>
      <c r="AE22" s="261">
        <v>1</v>
      </c>
      <c r="AF22" s="261">
        <v>1</v>
      </c>
      <c r="AG22" s="261">
        <v>1</v>
      </c>
      <c r="AH22" s="258">
        <v>25</v>
      </c>
      <c r="AI22" s="263">
        <v>25</v>
      </c>
      <c r="AJ22" s="257">
        <v>0</v>
      </c>
      <c r="AK22" s="261">
        <v>0</v>
      </c>
      <c r="AL22" s="258">
        <v>0</v>
      </c>
      <c r="AM22" s="260">
        <v>0</v>
      </c>
      <c r="AN22" s="261">
        <v>0</v>
      </c>
      <c r="AO22" s="261">
        <v>0</v>
      </c>
      <c r="AP22" s="261">
        <v>0</v>
      </c>
      <c r="AQ22" s="261">
        <v>0</v>
      </c>
      <c r="AR22" s="261">
        <v>0</v>
      </c>
      <c r="AS22" s="258">
        <v>0</v>
      </c>
      <c r="AT22" s="263">
        <v>0</v>
      </c>
      <c r="AU22" s="257">
        <v>0</v>
      </c>
      <c r="AV22" s="261">
        <v>0</v>
      </c>
      <c r="AW22" s="258">
        <v>0</v>
      </c>
      <c r="AX22" s="260">
        <v>0</v>
      </c>
      <c r="AY22" s="261">
        <v>1</v>
      </c>
      <c r="AZ22" s="261">
        <v>0</v>
      </c>
      <c r="BA22" s="261">
        <v>1</v>
      </c>
      <c r="BB22" s="261">
        <v>0</v>
      </c>
      <c r="BC22" s="261">
        <v>0</v>
      </c>
      <c r="BD22" s="258">
        <v>2</v>
      </c>
      <c r="BE22" s="263">
        <v>2</v>
      </c>
      <c r="BF22" s="257">
        <v>0</v>
      </c>
      <c r="BG22" s="261">
        <v>0</v>
      </c>
      <c r="BH22" s="258">
        <v>0</v>
      </c>
      <c r="BI22" s="260">
        <v>0</v>
      </c>
      <c r="BJ22" s="261">
        <v>0</v>
      </c>
      <c r="BK22" s="261">
        <v>2</v>
      </c>
      <c r="BL22" s="261">
        <v>2</v>
      </c>
      <c r="BM22" s="261">
        <v>1</v>
      </c>
      <c r="BN22" s="261">
        <v>0</v>
      </c>
      <c r="BO22" s="262">
        <v>5</v>
      </c>
      <c r="BP22" s="263">
        <v>5</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0</v>
      </c>
      <c r="H23" s="261">
        <v>1</v>
      </c>
      <c r="I23" s="261">
        <v>0</v>
      </c>
      <c r="J23" s="261">
        <v>0</v>
      </c>
      <c r="K23" s="261">
        <v>0</v>
      </c>
      <c r="L23" s="262">
        <v>1</v>
      </c>
      <c r="M23" s="263">
        <v>1</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0</v>
      </c>
      <c r="AD23" s="261">
        <v>11</v>
      </c>
      <c r="AE23" s="261">
        <v>2</v>
      </c>
      <c r="AF23" s="261">
        <v>3</v>
      </c>
      <c r="AG23" s="261">
        <v>0</v>
      </c>
      <c r="AH23" s="258">
        <v>26</v>
      </c>
      <c r="AI23" s="263">
        <v>26</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0</v>
      </c>
      <c r="AZ23" s="261">
        <v>0</v>
      </c>
      <c r="BA23" s="261">
        <v>1</v>
      </c>
      <c r="BB23" s="261">
        <v>0</v>
      </c>
      <c r="BC23" s="261">
        <v>0</v>
      </c>
      <c r="BD23" s="258">
        <v>1</v>
      </c>
      <c r="BE23" s="263">
        <v>1</v>
      </c>
      <c r="BF23" s="257">
        <v>0</v>
      </c>
      <c r="BG23" s="261">
        <v>0</v>
      </c>
      <c r="BH23" s="258">
        <v>0</v>
      </c>
      <c r="BI23" s="260">
        <v>0</v>
      </c>
      <c r="BJ23" s="261">
        <v>2</v>
      </c>
      <c r="BK23" s="261">
        <v>2</v>
      </c>
      <c r="BL23" s="261">
        <v>2</v>
      </c>
      <c r="BM23" s="261">
        <v>0</v>
      </c>
      <c r="BN23" s="261">
        <v>0</v>
      </c>
      <c r="BO23" s="262">
        <v>6</v>
      </c>
      <c r="BP23" s="263">
        <v>6</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0</v>
      </c>
      <c r="H24" s="261">
        <v>2</v>
      </c>
      <c r="I24" s="261">
        <v>0</v>
      </c>
      <c r="J24" s="261">
        <v>0</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5</v>
      </c>
      <c r="AD24" s="261">
        <v>2</v>
      </c>
      <c r="AE24" s="261">
        <v>2</v>
      </c>
      <c r="AF24" s="261">
        <v>2</v>
      </c>
      <c r="AG24" s="261">
        <v>0</v>
      </c>
      <c r="AH24" s="258">
        <v>11</v>
      </c>
      <c r="AI24" s="263">
        <v>11</v>
      </c>
      <c r="AJ24" s="257">
        <v>0</v>
      </c>
      <c r="AK24" s="261">
        <v>0</v>
      </c>
      <c r="AL24" s="258">
        <v>0</v>
      </c>
      <c r="AM24" s="260">
        <v>0</v>
      </c>
      <c r="AN24" s="261">
        <v>0</v>
      </c>
      <c r="AO24" s="261">
        <v>0</v>
      </c>
      <c r="AP24" s="261">
        <v>0</v>
      </c>
      <c r="AQ24" s="261">
        <v>0</v>
      </c>
      <c r="AR24" s="261">
        <v>0</v>
      </c>
      <c r="AS24" s="258">
        <v>0</v>
      </c>
      <c r="AT24" s="263">
        <v>0</v>
      </c>
      <c r="AU24" s="257">
        <v>0</v>
      </c>
      <c r="AV24" s="261">
        <v>0</v>
      </c>
      <c r="AW24" s="258">
        <v>0</v>
      </c>
      <c r="AX24" s="260">
        <v>0</v>
      </c>
      <c r="AY24" s="261">
        <v>3</v>
      </c>
      <c r="AZ24" s="261">
        <v>2</v>
      </c>
      <c r="BA24" s="261">
        <v>0</v>
      </c>
      <c r="BB24" s="261">
        <v>0</v>
      </c>
      <c r="BC24" s="261">
        <v>0</v>
      </c>
      <c r="BD24" s="258">
        <v>5</v>
      </c>
      <c r="BE24" s="263">
        <v>5</v>
      </c>
      <c r="BF24" s="257">
        <v>0</v>
      </c>
      <c r="BG24" s="261">
        <v>0</v>
      </c>
      <c r="BH24" s="258">
        <v>0</v>
      </c>
      <c r="BI24" s="260">
        <v>0</v>
      </c>
      <c r="BJ24" s="261">
        <v>1</v>
      </c>
      <c r="BK24" s="261">
        <v>2</v>
      </c>
      <c r="BL24" s="261">
        <v>1</v>
      </c>
      <c r="BM24" s="261">
        <v>0</v>
      </c>
      <c r="BN24" s="261">
        <v>0</v>
      </c>
      <c r="BO24" s="262">
        <v>4</v>
      </c>
      <c r="BP24" s="263">
        <v>4</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0</v>
      </c>
      <c r="CI24" s="261">
        <v>2</v>
      </c>
      <c r="CJ24" s="261">
        <v>0</v>
      </c>
      <c r="CK24" s="258">
        <v>2</v>
      </c>
      <c r="CL24" s="263">
        <v>2</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0</v>
      </c>
      <c r="L25" s="262">
        <v>0</v>
      </c>
      <c r="M25" s="263">
        <v>0</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5</v>
      </c>
      <c r="AD25" s="261">
        <v>2</v>
      </c>
      <c r="AE25" s="261">
        <v>3</v>
      </c>
      <c r="AF25" s="261">
        <v>1</v>
      </c>
      <c r="AG25" s="261">
        <v>0</v>
      </c>
      <c r="AH25" s="258">
        <v>11</v>
      </c>
      <c r="AI25" s="263">
        <v>11</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0</v>
      </c>
      <c r="BA25" s="261">
        <v>0</v>
      </c>
      <c r="BB25" s="261">
        <v>0</v>
      </c>
      <c r="BC25" s="261">
        <v>0</v>
      </c>
      <c r="BD25" s="258">
        <v>0</v>
      </c>
      <c r="BE25" s="263">
        <v>0</v>
      </c>
      <c r="BF25" s="257">
        <v>0</v>
      </c>
      <c r="BG25" s="261">
        <v>0</v>
      </c>
      <c r="BH25" s="258">
        <v>0</v>
      </c>
      <c r="BI25" s="260">
        <v>0</v>
      </c>
      <c r="BJ25" s="261">
        <v>1</v>
      </c>
      <c r="BK25" s="261">
        <v>1</v>
      </c>
      <c r="BL25" s="261">
        <v>2</v>
      </c>
      <c r="BM25" s="261">
        <v>2</v>
      </c>
      <c r="BN25" s="261">
        <v>0</v>
      </c>
      <c r="BO25" s="262">
        <v>6</v>
      </c>
      <c r="BP25" s="263">
        <v>6</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1</v>
      </c>
      <c r="J26" s="261">
        <v>1</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0</v>
      </c>
      <c r="AD26" s="261">
        <v>5</v>
      </c>
      <c r="AE26" s="261">
        <v>2</v>
      </c>
      <c r="AF26" s="261">
        <v>0</v>
      </c>
      <c r="AG26" s="261">
        <v>0</v>
      </c>
      <c r="AH26" s="258">
        <v>7</v>
      </c>
      <c r="AI26" s="263">
        <v>7</v>
      </c>
      <c r="AJ26" s="257">
        <v>0</v>
      </c>
      <c r="AK26" s="261">
        <v>0</v>
      </c>
      <c r="AL26" s="258">
        <v>0</v>
      </c>
      <c r="AM26" s="260">
        <v>0</v>
      </c>
      <c r="AN26" s="261">
        <v>0</v>
      </c>
      <c r="AO26" s="261">
        <v>0</v>
      </c>
      <c r="AP26" s="261">
        <v>1</v>
      </c>
      <c r="AQ26" s="261">
        <v>0</v>
      </c>
      <c r="AR26" s="261">
        <v>0</v>
      </c>
      <c r="AS26" s="258">
        <v>1</v>
      </c>
      <c r="AT26" s="263">
        <v>1</v>
      </c>
      <c r="AU26" s="257">
        <v>0</v>
      </c>
      <c r="AV26" s="261">
        <v>0</v>
      </c>
      <c r="AW26" s="258">
        <v>0</v>
      </c>
      <c r="AX26" s="260">
        <v>0</v>
      </c>
      <c r="AY26" s="261">
        <v>0</v>
      </c>
      <c r="AZ26" s="261">
        <v>0</v>
      </c>
      <c r="BA26" s="261">
        <v>0</v>
      </c>
      <c r="BB26" s="261">
        <v>0</v>
      </c>
      <c r="BC26" s="261">
        <v>0</v>
      </c>
      <c r="BD26" s="258">
        <v>0</v>
      </c>
      <c r="BE26" s="263">
        <v>0</v>
      </c>
      <c r="BF26" s="257">
        <v>0</v>
      </c>
      <c r="BG26" s="261">
        <v>0</v>
      </c>
      <c r="BH26" s="258">
        <v>0</v>
      </c>
      <c r="BI26" s="260">
        <v>0</v>
      </c>
      <c r="BJ26" s="261">
        <v>0</v>
      </c>
      <c r="BK26" s="261">
        <v>1</v>
      </c>
      <c r="BL26" s="261">
        <v>2</v>
      </c>
      <c r="BM26" s="261">
        <v>0</v>
      </c>
      <c r="BN26" s="261">
        <v>1</v>
      </c>
      <c r="BO26" s="262">
        <v>4</v>
      </c>
      <c r="BP26" s="263">
        <v>4</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4</v>
      </c>
      <c r="AD27" s="261">
        <v>2</v>
      </c>
      <c r="AE27" s="261">
        <v>1</v>
      </c>
      <c r="AF27" s="261">
        <v>0</v>
      </c>
      <c r="AG27" s="261">
        <v>0</v>
      </c>
      <c r="AH27" s="258">
        <v>7</v>
      </c>
      <c r="AI27" s="263">
        <v>7</v>
      </c>
      <c r="AJ27" s="257">
        <v>0</v>
      </c>
      <c r="AK27" s="261">
        <v>0</v>
      </c>
      <c r="AL27" s="258">
        <v>0</v>
      </c>
      <c r="AM27" s="260">
        <v>0</v>
      </c>
      <c r="AN27" s="261">
        <v>0</v>
      </c>
      <c r="AO27" s="261">
        <v>0</v>
      </c>
      <c r="AP27" s="261">
        <v>0</v>
      </c>
      <c r="AQ27" s="261">
        <v>0</v>
      </c>
      <c r="AR27" s="261">
        <v>0</v>
      </c>
      <c r="AS27" s="258">
        <v>0</v>
      </c>
      <c r="AT27" s="263">
        <v>0</v>
      </c>
      <c r="AU27" s="257">
        <v>1</v>
      </c>
      <c r="AV27" s="261">
        <v>0</v>
      </c>
      <c r="AW27" s="258">
        <v>1</v>
      </c>
      <c r="AX27" s="260">
        <v>0</v>
      </c>
      <c r="AY27" s="261">
        <v>0</v>
      </c>
      <c r="AZ27" s="261">
        <v>0</v>
      </c>
      <c r="BA27" s="261">
        <v>0</v>
      </c>
      <c r="BB27" s="261">
        <v>0</v>
      </c>
      <c r="BC27" s="261">
        <v>0</v>
      </c>
      <c r="BD27" s="258">
        <v>0</v>
      </c>
      <c r="BE27" s="263">
        <v>1</v>
      </c>
      <c r="BF27" s="257">
        <v>0</v>
      </c>
      <c r="BG27" s="261">
        <v>0</v>
      </c>
      <c r="BH27" s="258">
        <v>0</v>
      </c>
      <c r="BI27" s="260">
        <v>0</v>
      </c>
      <c r="BJ27" s="261">
        <v>0</v>
      </c>
      <c r="BK27" s="261">
        <v>0</v>
      </c>
      <c r="BL27" s="261">
        <v>0</v>
      </c>
      <c r="BM27" s="261">
        <v>0</v>
      </c>
      <c r="BN27" s="261">
        <v>0</v>
      </c>
      <c r="BO27" s="262">
        <v>0</v>
      </c>
      <c r="BP27" s="263">
        <v>0</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2</v>
      </c>
      <c r="AE28" s="261">
        <v>1</v>
      </c>
      <c r="AF28" s="261">
        <v>1</v>
      </c>
      <c r="AG28" s="261">
        <v>0</v>
      </c>
      <c r="AH28" s="258">
        <v>7</v>
      </c>
      <c r="AI28" s="263">
        <v>7</v>
      </c>
      <c r="AJ28" s="257">
        <v>0</v>
      </c>
      <c r="AK28" s="261">
        <v>0</v>
      </c>
      <c r="AL28" s="258">
        <v>0</v>
      </c>
      <c r="AM28" s="260">
        <v>0</v>
      </c>
      <c r="AN28" s="261">
        <v>0</v>
      </c>
      <c r="AO28" s="261">
        <v>1</v>
      </c>
      <c r="AP28" s="261">
        <v>1</v>
      </c>
      <c r="AQ28" s="261">
        <v>0</v>
      </c>
      <c r="AR28" s="261">
        <v>0</v>
      </c>
      <c r="AS28" s="258">
        <v>2</v>
      </c>
      <c r="AT28" s="263">
        <v>2</v>
      </c>
      <c r="AU28" s="257">
        <v>0</v>
      </c>
      <c r="AV28" s="261">
        <v>0</v>
      </c>
      <c r="AW28" s="258">
        <v>0</v>
      </c>
      <c r="AX28" s="260">
        <v>0</v>
      </c>
      <c r="AY28" s="261">
        <v>0</v>
      </c>
      <c r="AZ28" s="261">
        <v>0</v>
      </c>
      <c r="BA28" s="261">
        <v>0</v>
      </c>
      <c r="BB28" s="261">
        <v>0</v>
      </c>
      <c r="BC28" s="261">
        <v>0</v>
      </c>
      <c r="BD28" s="258">
        <v>0</v>
      </c>
      <c r="BE28" s="263">
        <v>0</v>
      </c>
      <c r="BF28" s="257">
        <v>0</v>
      </c>
      <c r="BG28" s="261">
        <v>0</v>
      </c>
      <c r="BH28" s="258">
        <v>0</v>
      </c>
      <c r="BI28" s="260">
        <v>0</v>
      </c>
      <c r="BJ28" s="261">
        <v>0</v>
      </c>
      <c r="BK28" s="261">
        <v>1</v>
      </c>
      <c r="BL28" s="261">
        <v>1</v>
      </c>
      <c r="BM28" s="261">
        <v>0</v>
      </c>
      <c r="BN28" s="261">
        <v>0</v>
      </c>
      <c r="BO28" s="262">
        <v>2</v>
      </c>
      <c r="BP28" s="263">
        <v>2</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0</v>
      </c>
      <c r="AD29" s="261">
        <v>1</v>
      </c>
      <c r="AE29" s="261">
        <v>0</v>
      </c>
      <c r="AF29" s="261">
        <v>0</v>
      </c>
      <c r="AG29" s="261">
        <v>0</v>
      </c>
      <c r="AH29" s="258">
        <v>1</v>
      </c>
      <c r="AI29" s="263">
        <v>1</v>
      </c>
      <c r="AJ29" s="257">
        <v>0</v>
      </c>
      <c r="AK29" s="261">
        <v>0</v>
      </c>
      <c r="AL29" s="258">
        <v>0</v>
      </c>
      <c r="AM29" s="260">
        <v>0</v>
      </c>
      <c r="AN29" s="261">
        <v>0</v>
      </c>
      <c r="AO29" s="261">
        <v>0</v>
      </c>
      <c r="AP29" s="261">
        <v>0</v>
      </c>
      <c r="AQ29" s="261">
        <v>1</v>
      </c>
      <c r="AR29" s="261">
        <v>0</v>
      </c>
      <c r="AS29" s="258">
        <v>1</v>
      </c>
      <c r="AT29" s="263">
        <v>1</v>
      </c>
      <c r="AU29" s="257">
        <v>0</v>
      </c>
      <c r="AV29" s="261">
        <v>0</v>
      </c>
      <c r="AW29" s="258">
        <v>0</v>
      </c>
      <c r="AX29" s="260">
        <v>0</v>
      </c>
      <c r="AY29" s="261">
        <v>0</v>
      </c>
      <c r="AZ29" s="261">
        <v>0</v>
      </c>
      <c r="BA29" s="261">
        <v>1</v>
      </c>
      <c r="BB29" s="261">
        <v>0</v>
      </c>
      <c r="BC29" s="261">
        <v>0</v>
      </c>
      <c r="BD29" s="258">
        <v>1</v>
      </c>
      <c r="BE29" s="263">
        <v>1</v>
      </c>
      <c r="BF29" s="257">
        <v>0</v>
      </c>
      <c r="BG29" s="261">
        <v>0</v>
      </c>
      <c r="BH29" s="258">
        <v>0</v>
      </c>
      <c r="BI29" s="260">
        <v>0</v>
      </c>
      <c r="BJ29" s="261">
        <v>1</v>
      </c>
      <c r="BK29" s="261">
        <v>0</v>
      </c>
      <c r="BL29" s="261">
        <v>0</v>
      </c>
      <c r="BM29" s="261">
        <v>0</v>
      </c>
      <c r="BN29" s="261">
        <v>0</v>
      </c>
      <c r="BO29" s="262">
        <v>1</v>
      </c>
      <c r="BP29" s="263">
        <v>1</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1</v>
      </c>
      <c r="CI29" s="261">
        <v>0</v>
      </c>
      <c r="CJ29" s="261">
        <v>0</v>
      </c>
      <c r="CK29" s="258">
        <v>1</v>
      </c>
      <c r="CL29" s="263">
        <v>1</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4</v>
      </c>
      <c r="AD30" s="261">
        <v>1</v>
      </c>
      <c r="AE30" s="261">
        <v>0</v>
      </c>
      <c r="AF30" s="261">
        <v>0</v>
      </c>
      <c r="AG30" s="261">
        <v>0</v>
      </c>
      <c r="AH30" s="258">
        <v>5</v>
      </c>
      <c r="AI30" s="263">
        <v>5</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0</v>
      </c>
      <c r="BL30" s="261">
        <v>0</v>
      </c>
      <c r="BM30" s="261">
        <v>0</v>
      </c>
      <c r="BN30" s="261">
        <v>1</v>
      </c>
      <c r="BO30" s="262">
        <v>1</v>
      </c>
      <c r="BP30" s="263">
        <v>1</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0</v>
      </c>
      <c r="H31" s="261">
        <v>0</v>
      </c>
      <c r="I31" s="261">
        <v>0</v>
      </c>
      <c r="J31" s="261">
        <v>0</v>
      </c>
      <c r="K31" s="261">
        <v>0</v>
      </c>
      <c r="L31" s="262">
        <v>0</v>
      </c>
      <c r="M31" s="263">
        <v>0</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v>
      </c>
      <c r="AD31" s="261">
        <v>1</v>
      </c>
      <c r="AE31" s="261">
        <v>1</v>
      </c>
      <c r="AF31" s="261">
        <v>0</v>
      </c>
      <c r="AG31" s="261">
        <v>0</v>
      </c>
      <c r="AH31" s="258">
        <v>4</v>
      </c>
      <c r="AI31" s="263">
        <v>4</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0</v>
      </c>
      <c r="AZ31" s="261">
        <v>0</v>
      </c>
      <c r="BA31" s="261">
        <v>0</v>
      </c>
      <c r="BB31" s="261">
        <v>0</v>
      </c>
      <c r="BC31" s="261">
        <v>0</v>
      </c>
      <c r="BD31" s="258">
        <v>0</v>
      </c>
      <c r="BE31" s="263">
        <v>0</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0</v>
      </c>
      <c r="CI31" s="261">
        <v>1</v>
      </c>
      <c r="CJ31" s="261">
        <v>0</v>
      </c>
      <c r="CK31" s="258">
        <v>1</v>
      </c>
      <c r="CL31" s="263">
        <v>1</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1</v>
      </c>
      <c r="AD32" s="261">
        <v>0</v>
      </c>
      <c r="AE32" s="261">
        <v>1</v>
      </c>
      <c r="AF32" s="261">
        <v>0</v>
      </c>
      <c r="AG32" s="261">
        <v>0</v>
      </c>
      <c r="AH32" s="258">
        <v>2</v>
      </c>
      <c r="AI32" s="263">
        <v>2</v>
      </c>
      <c r="AJ32" s="257">
        <v>1</v>
      </c>
      <c r="AK32" s="261">
        <v>0</v>
      </c>
      <c r="AL32" s="258">
        <v>1</v>
      </c>
      <c r="AM32" s="260">
        <v>0</v>
      </c>
      <c r="AN32" s="261">
        <v>0</v>
      </c>
      <c r="AO32" s="261">
        <v>1</v>
      </c>
      <c r="AP32" s="261">
        <v>0</v>
      </c>
      <c r="AQ32" s="261">
        <v>0</v>
      </c>
      <c r="AR32" s="261">
        <v>0</v>
      </c>
      <c r="AS32" s="258">
        <v>1</v>
      </c>
      <c r="AT32" s="263">
        <v>2</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1</v>
      </c>
      <c r="BN32" s="261">
        <v>0</v>
      </c>
      <c r="BO32" s="262">
        <v>1</v>
      </c>
      <c r="BP32" s="263">
        <v>1</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0</v>
      </c>
      <c r="I33" s="261">
        <v>0</v>
      </c>
      <c r="J33" s="261">
        <v>0</v>
      </c>
      <c r="K33" s="261">
        <v>0</v>
      </c>
      <c r="L33" s="262">
        <v>0</v>
      </c>
      <c r="M33" s="263">
        <v>0</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1</v>
      </c>
      <c r="AD33" s="261">
        <v>1</v>
      </c>
      <c r="AE33" s="261">
        <v>1</v>
      </c>
      <c r="AF33" s="261">
        <v>0</v>
      </c>
      <c r="AG33" s="261">
        <v>0</v>
      </c>
      <c r="AH33" s="258">
        <v>3</v>
      </c>
      <c r="AI33" s="263">
        <v>3</v>
      </c>
      <c r="AJ33" s="257">
        <v>0</v>
      </c>
      <c r="AK33" s="261">
        <v>0</v>
      </c>
      <c r="AL33" s="258">
        <v>0</v>
      </c>
      <c r="AM33" s="260">
        <v>0</v>
      </c>
      <c r="AN33" s="261">
        <v>0</v>
      </c>
      <c r="AO33" s="261">
        <v>0</v>
      </c>
      <c r="AP33" s="261">
        <v>0</v>
      </c>
      <c r="AQ33" s="261">
        <v>1</v>
      </c>
      <c r="AR33" s="261">
        <v>0</v>
      </c>
      <c r="AS33" s="258">
        <v>1</v>
      </c>
      <c r="AT33" s="263">
        <v>1</v>
      </c>
      <c r="AU33" s="257">
        <v>0</v>
      </c>
      <c r="AV33" s="261">
        <v>0</v>
      </c>
      <c r="AW33" s="258">
        <v>0</v>
      </c>
      <c r="AX33" s="260">
        <v>0</v>
      </c>
      <c r="AY33" s="261">
        <v>1</v>
      </c>
      <c r="AZ33" s="261">
        <v>0</v>
      </c>
      <c r="BA33" s="261">
        <v>0</v>
      </c>
      <c r="BB33" s="261">
        <v>0</v>
      </c>
      <c r="BC33" s="261">
        <v>0</v>
      </c>
      <c r="BD33" s="258">
        <v>1</v>
      </c>
      <c r="BE33" s="263">
        <v>1</v>
      </c>
      <c r="BF33" s="257">
        <v>0</v>
      </c>
      <c r="BG33" s="261">
        <v>0</v>
      </c>
      <c r="BH33" s="258">
        <v>0</v>
      </c>
      <c r="BI33" s="260">
        <v>0</v>
      </c>
      <c r="BJ33" s="261">
        <v>0</v>
      </c>
      <c r="BK33" s="261">
        <v>1</v>
      </c>
      <c r="BL33" s="261">
        <v>0</v>
      </c>
      <c r="BM33" s="261">
        <v>1</v>
      </c>
      <c r="BN33" s="261">
        <v>1</v>
      </c>
      <c r="BO33" s="262">
        <v>3</v>
      </c>
      <c r="BP33" s="263">
        <v>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1</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0</v>
      </c>
      <c r="I34" s="261">
        <v>0</v>
      </c>
      <c r="J34" s="261">
        <v>0</v>
      </c>
      <c r="K34" s="261">
        <v>0</v>
      </c>
      <c r="L34" s="262">
        <v>0</v>
      </c>
      <c r="M34" s="263">
        <v>0</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v>
      </c>
      <c r="AD34" s="261">
        <v>4</v>
      </c>
      <c r="AE34" s="261">
        <v>0</v>
      </c>
      <c r="AF34" s="261">
        <v>0</v>
      </c>
      <c r="AG34" s="261">
        <v>1</v>
      </c>
      <c r="AH34" s="258">
        <v>8</v>
      </c>
      <c r="AI34" s="263">
        <v>8</v>
      </c>
      <c r="AJ34" s="257">
        <v>0</v>
      </c>
      <c r="AK34" s="261">
        <v>0</v>
      </c>
      <c r="AL34" s="258">
        <v>0</v>
      </c>
      <c r="AM34" s="260">
        <v>0</v>
      </c>
      <c r="AN34" s="261">
        <v>0</v>
      </c>
      <c r="AO34" s="261">
        <v>0</v>
      </c>
      <c r="AP34" s="261">
        <v>0</v>
      </c>
      <c r="AQ34" s="261">
        <v>0</v>
      </c>
      <c r="AR34" s="261">
        <v>0</v>
      </c>
      <c r="AS34" s="258">
        <v>0</v>
      </c>
      <c r="AT34" s="263">
        <v>0</v>
      </c>
      <c r="AU34" s="257">
        <v>0</v>
      </c>
      <c r="AV34" s="261">
        <v>0</v>
      </c>
      <c r="AW34" s="258">
        <v>0</v>
      </c>
      <c r="AX34" s="260">
        <v>0</v>
      </c>
      <c r="AY34" s="261">
        <v>0</v>
      </c>
      <c r="AZ34" s="261">
        <v>0</v>
      </c>
      <c r="BA34" s="261">
        <v>0</v>
      </c>
      <c r="BB34" s="261">
        <v>0</v>
      </c>
      <c r="BC34" s="261">
        <v>0</v>
      </c>
      <c r="BD34" s="258">
        <v>0</v>
      </c>
      <c r="BE34" s="263">
        <v>0</v>
      </c>
      <c r="BF34" s="257">
        <v>0</v>
      </c>
      <c r="BG34" s="261">
        <v>0</v>
      </c>
      <c r="BH34" s="258">
        <v>0</v>
      </c>
      <c r="BI34" s="260">
        <v>0</v>
      </c>
      <c r="BJ34" s="261">
        <v>0</v>
      </c>
      <c r="BK34" s="261">
        <v>0</v>
      </c>
      <c r="BL34" s="261">
        <v>1</v>
      </c>
      <c r="BM34" s="261">
        <v>0</v>
      </c>
      <c r="BN34" s="261">
        <v>0</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1</v>
      </c>
      <c r="CJ34" s="261">
        <v>0</v>
      </c>
      <c r="CK34" s="258">
        <v>2</v>
      </c>
      <c r="CL34" s="263">
        <v>2</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0</v>
      </c>
      <c r="AF35" s="261">
        <v>0</v>
      </c>
      <c r="AG35" s="261">
        <v>0</v>
      </c>
      <c r="AH35" s="258">
        <v>1</v>
      </c>
      <c r="AI35" s="263">
        <v>1</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1</v>
      </c>
      <c r="CR35" s="261">
        <v>0</v>
      </c>
      <c r="CS35" s="261">
        <v>1</v>
      </c>
      <c r="CT35" s="261">
        <v>0</v>
      </c>
      <c r="CU35" s="261">
        <v>0</v>
      </c>
      <c r="CV35" s="258">
        <v>2</v>
      </c>
      <c r="CW35" s="263">
        <v>2</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2</v>
      </c>
      <c r="AE36" s="261">
        <v>0</v>
      </c>
      <c r="AF36" s="261">
        <v>0</v>
      </c>
      <c r="AG36" s="261">
        <v>0</v>
      </c>
      <c r="AH36" s="258">
        <v>3</v>
      </c>
      <c r="AI36" s="263">
        <v>3</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1</v>
      </c>
      <c r="BA36" s="261">
        <v>0</v>
      </c>
      <c r="BB36" s="261">
        <v>0</v>
      </c>
      <c r="BC36" s="261">
        <v>0</v>
      </c>
      <c r="BD36" s="258">
        <v>1</v>
      </c>
      <c r="BE36" s="263">
        <v>1</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1</v>
      </c>
      <c r="CT36" s="261">
        <v>0</v>
      </c>
      <c r="CU36" s="261">
        <v>0</v>
      </c>
      <c r="CV36" s="258">
        <v>1</v>
      </c>
      <c r="CW36" s="263">
        <v>1</v>
      </c>
    </row>
    <row r="37" spans="2:101" ht="21" customHeight="1" x14ac:dyDescent="0.2">
      <c r="B37" s="472" t="s">
        <v>35</v>
      </c>
      <c r="C37" s="257">
        <v>0</v>
      </c>
      <c r="D37" s="258">
        <v>0</v>
      </c>
      <c r="E37" s="259">
        <v>0</v>
      </c>
      <c r="F37" s="260">
        <v>0</v>
      </c>
      <c r="G37" s="261">
        <v>0</v>
      </c>
      <c r="H37" s="261">
        <v>0</v>
      </c>
      <c r="I37" s="261">
        <v>1</v>
      </c>
      <c r="J37" s="261">
        <v>0</v>
      </c>
      <c r="K37" s="261">
        <v>0</v>
      </c>
      <c r="L37" s="262">
        <v>1</v>
      </c>
      <c r="M37" s="263">
        <v>1</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1</v>
      </c>
      <c r="BA37" s="261">
        <v>0</v>
      </c>
      <c r="BB37" s="261">
        <v>0</v>
      </c>
      <c r="BC37" s="261">
        <v>0</v>
      </c>
      <c r="BD37" s="258">
        <v>1</v>
      </c>
      <c r="BE37" s="263">
        <v>1</v>
      </c>
      <c r="BF37" s="257">
        <v>0</v>
      </c>
      <c r="BG37" s="261">
        <v>0</v>
      </c>
      <c r="BH37" s="258">
        <v>0</v>
      </c>
      <c r="BI37" s="260">
        <v>0</v>
      </c>
      <c r="BJ37" s="261">
        <v>1</v>
      </c>
      <c r="BK37" s="261">
        <v>1</v>
      </c>
      <c r="BL37" s="261">
        <v>0</v>
      </c>
      <c r="BM37" s="261">
        <v>0</v>
      </c>
      <c r="BN37" s="261">
        <v>0</v>
      </c>
      <c r="BO37" s="262">
        <v>2</v>
      </c>
      <c r="BP37" s="263">
        <v>2</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2</v>
      </c>
      <c r="AD38" s="261">
        <v>1</v>
      </c>
      <c r="AE38" s="261">
        <v>1</v>
      </c>
      <c r="AF38" s="261">
        <v>1</v>
      </c>
      <c r="AG38" s="261">
        <v>0</v>
      </c>
      <c r="AH38" s="258">
        <v>5</v>
      </c>
      <c r="AI38" s="263">
        <v>5</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0</v>
      </c>
      <c r="BB38" s="261">
        <v>0</v>
      </c>
      <c r="BC38" s="261">
        <v>0</v>
      </c>
      <c r="BD38" s="258">
        <v>0</v>
      </c>
      <c r="BE38" s="263">
        <v>0</v>
      </c>
      <c r="BF38" s="257">
        <v>0</v>
      </c>
      <c r="BG38" s="261">
        <v>0</v>
      </c>
      <c r="BH38" s="258">
        <v>0</v>
      </c>
      <c r="BI38" s="260">
        <v>0</v>
      </c>
      <c r="BJ38" s="261">
        <v>0</v>
      </c>
      <c r="BK38" s="261">
        <v>0</v>
      </c>
      <c r="BL38" s="261">
        <v>0</v>
      </c>
      <c r="BM38" s="261">
        <v>1</v>
      </c>
      <c r="BN38" s="261">
        <v>0</v>
      </c>
      <c r="BO38" s="262">
        <v>1</v>
      </c>
      <c r="BP38" s="263">
        <v>1</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501">
        <f>第１表!F2</f>
        <v>5</v>
      </c>
      <c r="J1" s="501"/>
      <c r="K1" s="235">
        <f>第１表!G2</f>
        <v>10</v>
      </c>
      <c r="L1" s="505">
        <f>IF(K1&lt;3,K1+12-2,K1-2)</f>
        <v>8</v>
      </c>
      <c r="M1" s="505"/>
    </row>
    <row r="2" spans="1:101" s="272" customFormat="1" ht="24" customHeight="1" thickBot="1" x14ac:dyDescent="0.25">
      <c r="A2" s="39"/>
      <c r="B2" s="271" t="s">
        <v>154</v>
      </c>
    </row>
    <row r="3" spans="1:101" ht="21" customHeight="1" thickBot="1" x14ac:dyDescent="0.25">
      <c r="B3" s="518"/>
      <c r="C3" s="509" t="s">
        <v>94</v>
      </c>
      <c r="D3" s="510"/>
      <c r="E3" s="510"/>
      <c r="F3" s="510"/>
      <c r="G3" s="510"/>
      <c r="H3" s="510"/>
      <c r="I3" s="510"/>
      <c r="J3" s="510"/>
      <c r="K3" s="510"/>
      <c r="L3" s="510"/>
      <c r="M3" s="511"/>
      <c r="N3" s="509" t="s">
        <v>88</v>
      </c>
      <c r="O3" s="510"/>
      <c r="P3" s="510"/>
      <c r="Q3" s="510"/>
      <c r="R3" s="510"/>
      <c r="S3" s="510"/>
      <c r="T3" s="510"/>
      <c r="U3" s="510"/>
      <c r="V3" s="510"/>
      <c r="W3" s="510"/>
      <c r="X3" s="511"/>
      <c r="Y3" s="509" t="s">
        <v>141</v>
      </c>
      <c r="Z3" s="510"/>
      <c r="AA3" s="510"/>
      <c r="AB3" s="510"/>
      <c r="AC3" s="510"/>
      <c r="AD3" s="510"/>
      <c r="AE3" s="510"/>
      <c r="AF3" s="510"/>
      <c r="AG3" s="510"/>
      <c r="AH3" s="510"/>
      <c r="AI3" s="511"/>
      <c r="AJ3" s="509" t="s">
        <v>90</v>
      </c>
      <c r="AK3" s="510"/>
      <c r="AL3" s="510"/>
      <c r="AM3" s="510"/>
      <c r="AN3" s="510"/>
      <c r="AO3" s="510"/>
      <c r="AP3" s="510"/>
      <c r="AQ3" s="510"/>
      <c r="AR3" s="510"/>
      <c r="AS3" s="510"/>
      <c r="AT3" s="511"/>
      <c r="AU3" s="522" t="s">
        <v>89</v>
      </c>
      <c r="AV3" s="523"/>
      <c r="AW3" s="523"/>
      <c r="AX3" s="523"/>
      <c r="AY3" s="523"/>
      <c r="AZ3" s="523"/>
      <c r="BA3" s="523"/>
      <c r="BB3" s="523"/>
      <c r="BC3" s="523"/>
      <c r="BD3" s="523"/>
      <c r="BE3" s="524"/>
      <c r="BF3" s="522" t="s">
        <v>91</v>
      </c>
      <c r="BG3" s="523"/>
      <c r="BH3" s="523"/>
      <c r="BI3" s="523"/>
      <c r="BJ3" s="523"/>
      <c r="BK3" s="523"/>
      <c r="BL3" s="523"/>
      <c r="BM3" s="523"/>
      <c r="BN3" s="523"/>
      <c r="BO3" s="523"/>
      <c r="BP3" s="524"/>
      <c r="BQ3" s="522" t="s">
        <v>92</v>
      </c>
      <c r="BR3" s="523"/>
      <c r="BS3" s="523"/>
      <c r="BT3" s="523"/>
      <c r="BU3" s="523"/>
      <c r="BV3" s="523"/>
      <c r="BW3" s="523"/>
      <c r="BX3" s="523"/>
      <c r="BY3" s="523"/>
      <c r="BZ3" s="523"/>
      <c r="CA3" s="524"/>
      <c r="CB3" s="522" t="s">
        <v>93</v>
      </c>
      <c r="CC3" s="523"/>
      <c r="CD3" s="523"/>
      <c r="CE3" s="523"/>
      <c r="CF3" s="523"/>
      <c r="CG3" s="523"/>
      <c r="CH3" s="523"/>
      <c r="CI3" s="523"/>
      <c r="CJ3" s="523"/>
      <c r="CK3" s="523"/>
      <c r="CL3" s="524"/>
      <c r="CM3" s="523" t="s">
        <v>140</v>
      </c>
      <c r="CN3" s="523"/>
      <c r="CO3" s="523"/>
      <c r="CP3" s="523"/>
      <c r="CQ3" s="523"/>
      <c r="CR3" s="523"/>
      <c r="CS3" s="523"/>
      <c r="CT3" s="523"/>
      <c r="CU3" s="523"/>
      <c r="CV3" s="523"/>
      <c r="CW3" s="524"/>
    </row>
    <row r="4" spans="1:101" ht="21" customHeight="1" x14ac:dyDescent="0.2">
      <c r="B4" s="519"/>
      <c r="C4" s="517" t="s">
        <v>61</v>
      </c>
      <c r="D4" s="513"/>
      <c r="E4" s="514"/>
      <c r="F4" s="512" t="s">
        <v>62</v>
      </c>
      <c r="G4" s="513"/>
      <c r="H4" s="513"/>
      <c r="I4" s="513"/>
      <c r="J4" s="513"/>
      <c r="K4" s="513"/>
      <c r="L4" s="521"/>
      <c r="M4" s="515" t="s">
        <v>52</v>
      </c>
      <c r="N4" s="517" t="s">
        <v>61</v>
      </c>
      <c r="O4" s="513"/>
      <c r="P4" s="514"/>
      <c r="Q4" s="512" t="s">
        <v>62</v>
      </c>
      <c r="R4" s="513"/>
      <c r="S4" s="513"/>
      <c r="T4" s="513"/>
      <c r="U4" s="513"/>
      <c r="V4" s="513"/>
      <c r="W4" s="514"/>
      <c r="X4" s="515" t="s">
        <v>52</v>
      </c>
      <c r="Y4" s="517" t="s">
        <v>61</v>
      </c>
      <c r="Z4" s="513"/>
      <c r="AA4" s="514"/>
      <c r="AB4" s="512" t="s">
        <v>62</v>
      </c>
      <c r="AC4" s="513"/>
      <c r="AD4" s="513"/>
      <c r="AE4" s="513"/>
      <c r="AF4" s="513"/>
      <c r="AG4" s="513"/>
      <c r="AH4" s="514"/>
      <c r="AI4" s="515" t="s">
        <v>52</v>
      </c>
      <c r="AJ4" s="517" t="s">
        <v>61</v>
      </c>
      <c r="AK4" s="513"/>
      <c r="AL4" s="514"/>
      <c r="AM4" s="512" t="s">
        <v>62</v>
      </c>
      <c r="AN4" s="513"/>
      <c r="AO4" s="513"/>
      <c r="AP4" s="513"/>
      <c r="AQ4" s="513"/>
      <c r="AR4" s="513"/>
      <c r="AS4" s="514"/>
      <c r="AT4" s="515" t="s">
        <v>52</v>
      </c>
      <c r="AU4" s="540" t="s">
        <v>61</v>
      </c>
      <c r="AV4" s="538"/>
      <c r="AW4" s="539"/>
      <c r="AX4" s="537" t="s">
        <v>62</v>
      </c>
      <c r="AY4" s="538"/>
      <c r="AZ4" s="538"/>
      <c r="BA4" s="538"/>
      <c r="BB4" s="538"/>
      <c r="BC4" s="538"/>
      <c r="BD4" s="539"/>
      <c r="BE4" s="535" t="s">
        <v>52</v>
      </c>
      <c r="BF4" s="540" t="s">
        <v>61</v>
      </c>
      <c r="BG4" s="538"/>
      <c r="BH4" s="539"/>
      <c r="BI4" s="537" t="s">
        <v>62</v>
      </c>
      <c r="BJ4" s="538"/>
      <c r="BK4" s="538"/>
      <c r="BL4" s="538"/>
      <c r="BM4" s="538"/>
      <c r="BN4" s="538"/>
      <c r="BO4" s="539"/>
      <c r="BP4" s="535" t="s">
        <v>52</v>
      </c>
      <c r="BQ4" s="540" t="s">
        <v>61</v>
      </c>
      <c r="BR4" s="538"/>
      <c r="BS4" s="539"/>
      <c r="BT4" s="537" t="s">
        <v>62</v>
      </c>
      <c r="BU4" s="538"/>
      <c r="BV4" s="538"/>
      <c r="BW4" s="538"/>
      <c r="BX4" s="538"/>
      <c r="BY4" s="538"/>
      <c r="BZ4" s="539"/>
      <c r="CA4" s="535" t="s">
        <v>52</v>
      </c>
      <c r="CB4" s="540" t="s">
        <v>61</v>
      </c>
      <c r="CC4" s="538"/>
      <c r="CD4" s="539"/>
      <c r="CE4" s="537" t="s">
        <v>62</v>
      </c>
      <c r="CF4" s="538"/>
      <c r="CG4" s="538"/>
      <c r="CH4" s="538"/>
      <c r="CI4" s="538"/>
      <c r="CJ4" s="538"/>
      <c r="CK4" s="539"/>
      <c r="CL4" s="535" t="s">
        <v>52</v>
      </c>
      <c r="CM4" s="540" t="s">
        <v>61</v>
      </c>
      <c r="CN4" s="538"/>
      <c r="CO4" s="539"/>
      <c r="CP4" s="537" t="s">
        <v>62</v>
      </c>
      <c r="CQ4" s="538"/>
      <c r="CR4" s="538"/>
      <c r="CS4" s="538"/>
      <c r="CT4" s="538"/>
      <c r="CU4" s="538"/>
      <c r="CV4" s="539"/>
      <c r="CW4" s="535" t="s">
        <v>52</v>
      </c>
    </row>
    <row r="5" spans="1:101" ht="30" customHeight="1" thickBot="1" x14ac:dyDescent="0.25">
      <c r="B5" s="520"/>
      <c r="C5" s="327" t="s">
        <v>43</v>
      </c>
      <c r="D5" s="246" t="s">
        <v>44</v>
      </c>
      <c r="E5" s="247" t="s">
        <v>45</v>
      </c>
      <c r="F5" s="248" t="s">
        <v>83</v>
      </c>
      <c r="G5" s="243" t="s">
        <v>47</v>
      </c>
      <c r="H5" s="243" t="s">
        <v>48</v>
      </c>
      <c r="I5" s="243" t="s">
        <v>49</v>
      </c>
      <c r="J5" s="243" t="s">
        <v>50</v>
      </c>
      <c r="K5" s="243" t="s">
        <v>51</v>
      </c>
      <c r="L5" s="249" t="s">
        <v>45</v>
      </c>
      <c r="M5" s="516"/>
      <c r="N5" s="327" t="s">
        <v>43</v>
      </c>
      <c r="O5" s="243" t="s">
        <v>44</v>
      </c>
      <c r="P5" s="246" t="s">
        <v>45</v>
      </c>
      <c r="Q5" s="248" t="s">
        <v>83</v>
      </c>
      <c r="R5" s="243" t="s">
        <v>47</v>
      </c>
      <c r="S5" s="243" t="s">
        <v>48</v>
      </c>
      <c r="T5" s="243" t="s">
        <v>49</v>
      </c>
      <c r="U5" s="243" t="s">
        <v>50</v>
      </c>
      <c r="V5" s="243" t="s">
        <v>51</v>
      </c>
      <c r="W5" s="246" t="s">
        <v>45</v>
      </c>
      <c r="X5" s="516"/>
      <c r="Y5" s="327" t="s">
        <v>43</v>
      </c>
      <c r="Z5" s="243" t="s">
        <v>44</v>
      </c>
      <c r="AA5" s="246" t="s">
        <v>45</v>
      </c>
      <c r="AB5" s="248" t="s">
        <v>83</v>
      </c>
      <c r="AC5" s="243" t="s">
        <v>47</v>
      </c>
      <c r="AD5" s="243" t="s">
        <v>48</v>
      </c>
      <c r="AE5" s="243" t="s">
        <v>49</v>
      </c>
      <c r="AF5" s="243" t="s">
        <v>50</v>
      </c>
      <c r="AG5" s="243" t="s">
        <v>51</v>
      </c>
      <c r="AH5" s="246" t="s">
        <v>45</v>
      </c>
      <c r="AI5" s="516"/>
      <c r="AJ5" s="327" t="s">
        <v>43</v>
      </c>
      <c r="AK5" s="243" t="s">
        <v>44</v>
      </c>
      <c r="AL5" s="246" t="s">
        <v>45</v>
      </c>
      <c r="AM5" s="248" t="s">
        <v>83</v>
      </c>
      <c r="AN5" s="243" t="s">
        <v>47</v>
      </c>
      <c r="AO5" s="243" t="s">
        <v>48</v>
      </c>
      <c r="AP5" s="243" t="s">
        <v>49</v>
      </c>
      <c r="AQ5" s="243" t="s">
        <v>50</v>
      </c>
      <c r="AR5" s="243" t="s">
        <v>51</v>
      </c>
      <c r="AS5" s="246" t="s">
        <v>45</v>
      </c>
      <c r="AT5" s="516"/>
      <c r="AU5" s="327" t="s">
        <v>43</v>
      </c>
      <c r="AV5" s="243" t="s">
        <v>44</v>
      </c>
      <c r="AW5" s="246" t="s">
        <v>45</v>
      </c>
      <c r="AX5" s="248" t="s">
        <v>83</v>
      </c>
      <c r="AY5" s="243" t="s">
        <v>47</v>
      </c>
      <c r="AZ5" s="243" t="s">
        <v>48</v>
      </c>
      <c r="BA5" s="243" t="s">
        <v>49</v>
      </c>
      <c r="BB5" s="243" t="s">
        <v>50</v>
      </c>
      <c r="BC5" s="243" t="s">
        <v>51</v>
      </c>
      <c r="BD5" s="246" t="s">
        <v>45</v>
      </c>
      <c r="BE5" s="536"/>
      <c r="BF5" s="327" t="s">
        <v>43</v>
      </c>
      <c r="BG5" s="243" t="s">
        <v>44</v>
      </c>
      <c r="BH5" s="246" t="s">
        <v>45</v>
      </c>
      <c r="BI5" s="248" t="s">
        <v>83</v>
      </c>
      <c r="BJ5" s="243" t="s">
        <v>47</v>
      </c>
      <c r="BK5" s="243" t="s">
        <v>48</v>
      </c>
      <c r="BL5" s="243" t="s">
        <v>49</v>
      </c>
      <c r="BM5" s="243" t="s">
        <v>50</v>
      </c>
      <c r="BN5" s="243" t="s">
        <v>51</v>
      </c>
      <c r="BO5" s="246" t="s">
        <v>45</v>
      </c>
      <c r="BP5" s="536"/>
      <c r="BQ5" s="327" t="s">
        <v>43</v>
      </c>
      <c r="BR5" s="243" t="s">
        <v>44</v>
      </c>
      <c r="BS5" s="246" t="s">
        <v>45</v>
      </c>
      <c r="BT5" s="248" t="s">
        <v>83</v>
      </c>
      <c r="BU5" s="243" t="s">
        <v>47</v>
      </c>
      <c r="BV5" s="243" t="s">
        <v>48</v>
      </c>
      <c r="BW5" s="243" t="s">
        <v>49</v>
      </c>
      <c r="BX5" s="243" t="s">
        <v>50</v>
      </c>
      <c r="BY5" s="243" t="s">
        <v>51</v>
      </c>
      <c r="BZ5" s="246" t="s">
        <v>45</v>
      </c>
      <c r="CA5" s="536"/>
      <c r="CB5" s="327" t="s">
        <v>43</v>
      </c>
      <c r="CC5" s="243" t="s">
        <v>44</v>
      </c>
      <c r="CD5" s="246" t="s">
        <v>45</v>
      </c>
      <c r="CE5" s="248" t="s">
        <v>83</v>
      </c>
      <c r="CF5" s="243" t="s">
        <v>47</v>
      </c>
      <c r="CG5" s="243" t="s">
        <v>48</v>
      </c>
      <c r="CH5" s="243" t="s">
        <v>49</v>
      </c>
      <c r="CI5" s="243" t="s">
        <v>50</v>
      </c>
      <c r="CJ5" s="243" t="s">
        <v>51</v>
      </c>
      <c r="CK5" s="246" t="s">
        <v>45</v>
      </c>
      <c r="CL5" s="536"/>
      <c r="CM5" s="327" t="s">
        <v>43</v>
      </c>
      <c r="CN5" s="243" t="s">
        <v>44</v>
      </c>
      <c r="CO5" s="246" t="s">
        <v>45</v>
      </c>
      <c r="CP5" s="248" t="s">
        <v>83</v>
      </c>
      <c r="CQ5" s="243" t="s">
        <v>47</v>
      </c>
      <c r="CR5" s="243" t="s">
        <v>48</v>
      </c>
      <c r="CS5" s="243" t="s">
        <v>49</v>
      </c>
      <c r="CT5" s="243" t="s">
        <v>50</v>
      </c>
      <c r="CU5" s="243" t="s">
        <v>51</v>
      </c>
      <c r="CV5" s="246" t="s">
        <v>45</v>
      </c>
      <c r="CW5" s="536"/>
    </row>
    <row r="6" spans="1:101" ht="21" customHeight="1" x14ac:dyDescent="0.2">
      <c r="B6" s="470" t="s">
        <v>4</v>
      </c>
      <c r="C6" s="250">
        <v>0</v>
      </c>
      <c r="D6" s="251">
        <v>0</v>
      </c>
      <c r="E6" s="252">
        <v>0</v>
      </c>
      <c r="F6" s="253">
        <v>0</v>
      </c>
      <c r="G6" s="254">
        <v>27</v>
      </c>
      <c r="H6" s="254">
        <v>30</v>
      </c>
      <c r="I6" s="254">
        <v>19</v>
      </c>
      <c r="J6" s="254">
        <v>23</v>
      </c>
      <c r="K6" s="254">
        <v>13</v>
      </c>
      <c r="L6" s="255">
        <v>112</v>
      </c>
      <c r="M6" s="256">
        <v>112</v>
      </c>
      <c r="N6" s="250">
        <v>0</v>
      </c>
      <c r="O6" s="254">
        <v>0</v>
      </c>
      <c r="P6" s="251">
        <v>0</v>
      </c>
      <c r="Q6" s="253">
        <v>0</v>
      </c>
      <c r="R6" s="254">
        <v>9</v>
      </c>
      <c r="S6" s="254">
        <v>26</v>
      </c>
      <c r="T6" s="254">
        <v>31</v>
      </c>
      <c r="U6" s="254">
        <v>28</v>
      </c>
      <c r="V6" s="254">
        <v>22</v>
      </c>
      <c r="W6" s="251">
        <v>116</v>
      </c>
      <c r="X6" s="256">
        <v>116</v>
      </c>
      <c r="Y6" s="250">
        <v>0</v>
      </c>
      <c r="Z6" s="254">
        <v>0</v>
      </c>
      <c r="AA6" s="251">
        <v>0</v>
      </c>
      <c r="AB6" s="253">
        <v>0</v>
      </c>
      <c r="AC6" s="254">
        <v>776</v>
      </c>
      <c r="AD6" s="254">
        <v>674</v>
      </c>
      <c r="AE6" s="254">
        <v>284</v>
      </c>
      <c r="AF6" s="254">
        <v>145</v>
      </c>
      <c r="AG6" s="254">
        <v>53</v>
      </c>
      <c r="AH6" s="251">
        <v>1932</v>
      </c>
      <c r="AI6" s="256">
        <v>1932</v>
      </c>
      <c r="AJ6" s="250">
        <v>0</v>
      </c>
      <c r="AK6" s="254">
        <v>0</v>
      </c>
      <c r="AL6" s="251">
        <v>0</v>
      </c>
      <c r="AM6" s="253">
        <v>0</v>
      </c>
      <c r="AN6" s="254">
        <v>51</v>
      </c>
      <c r="AO6" s="254">
        <v>56</v>
      </c>
      <c r="AP6" s="254">
        <v>74</v>
      </c>
      <c r="AQ6" s="254">
        <v>24</v>
      </c>
      <c r="AR6" s="254">
        <v>18</v>
      </c>
      <c r="AS6" s="251">
        <v>223</v>
      </c>
      <c r="AT6" s="256">
        <v>223</v>
      </c>
      <c r="AU6" s="250">
        <v>13</v>
      </c>
      <c r="AV6" s="254">
        <v>19</v>
      </c>
      <c r="AW6" s="251">
        <v>32</v>
      </c>
      <c r="AX6" s="253">
        <v>0</v>
      </c>
      <c r="AY6" s="254">
        <v>63</v>
      </c>
      <c r="AZ6" s="254">
        <v>49</v>
      </c>
      <c r="BA6" s="254">
        <v>55</v>
      </c>
      <c r="BB6" s="254">
        <v>38</v>
      </c>
      <c r="BC6" s="254">
        <v>15</v>
      </c>
      <c r="BD6" s="251">
        <v>220</v>
      </c>
      <c r="BE6" s="256">
        <v>252</v>
      </c>
      <c r="BF6" s="250">
        <v>0</v>
      </c>
      <c r="BG6" s="254">
        <v>0</v>
      </c>
      <c r="BH6" s="251">
        <v>0</v>
      </c>
      <c r="BI6" s="253">
        <v>0</v>
      </c>
      <c r="BJ6" s="254">
        <v>54</v>
      </c>
      <c r="BK6" s="254">
        <v>97</v>
      </c>
      <c r="BL6" s="254">
        <v>126</v>
      </c>
      <c r="BM6" s="254">
        <v>92</v>
      </c>
      <c r="BN6" s="254">
        <v>74</v>
      </c>
      <c r="BO6" s="255">
        <v>443</v>
      </c>
      <c r="BP6" s="256">
        <v>443</v>
      </c>
      <c r="BQ6" s="250">
        <v>0</v>
      </c>
      <c r="BR6" s="254">
        <v>0</v>
      </c>
      <c r="BS6" s="251">
        <v>0</v>
      </c>
      <c r="BT6" s="253">
        <v>0</v>
      </c>
      <c r="BU6" s="254">
        <v>2</v>
      </c>
      <c r="BV6" s="254">
        <v>4</v>
      </c>
      <c r="BW6" s="254">
        <v>6</v>
      </c>
      <c r="BX6" s="254">
        <v>3</v>
      </c>
      <c r="BY6" s="254">
        <v>6</v>
      </c>
      <c r="BZ6" s="251">
        <v>21</v>
      </c>
      <c r="CA6" s="256">
        <v>21</v>
      </c>
      <c r="CB6" s="250">
        <v>0</v>
      </c>
      <c r="CC6" s="254">
        <v>0</v>
      </c>
      <c r="CD6" s="251">
        <v>0</v>
      </c>
      <c r="CE6" s="253">
        <v>0</v>
      </c>
      <c r="CF6" s="254">
        <v>1</v>
      </c>
      <c r="CG6" s="254">
        <v>2</v>
      </c>
      <c r="CH6" s="254">
        <v>9</v>
      </c>
      <c r="CI6" s="254">
        <v>16</v>
      </c>
      <c r="CJ6" s="254">
        <v>8</v>
      </c>
      <c r="CK6" s="251">
        <v>36</v>
      </c>
      <c r="CL6" s="256">
        <v>36</v>
      </c>
      <c r="CM6" s="250">
        <v>0</v>
      </c>
      <c r="CN6" s="254">
        <v>0</v>
      </c>
      <c r="CO6" s="251">
        <v>0</v>
      </c>
      <c r="CP6" s="253">
        <v>0</v>
      </c>
      <c r="CQ6" s="254">
        <v>6</v>
      </c>
      <c r="CR6" s="254">
        <v>17</v>
      </c>
      <c r="CS6" s="254">
        <v>20</v>
      </c>
      <c r="CT6" s="254">
        <v>15</v>
      </c>
      <c r="CU6" s="254">
        <v>27</v>
      </c>
      <c r="CV6" s="251">
        <v>85</v>
      </c>
      <c r="CW6" s="256">
        <v>85</v>
      </c>
    </row>
    <row r="7" spans="1:101" ht="21" customHeight="1" x14ac:dyDescent="0.2">
      <c r="B7" s="471" t="s">
        <v>5</v>
      </c>
      <c r="C7" s="257">
        <v>0</v>
      </c>
      <c r="D7" s="258">
        <v>0</v>
      </c>
      <c r="E7" s="259">
        <v>0</v>
      </c>
      <c r="F7" s="260">
        <v>0</v>
      </c>
      <c r="G7" s="261">
        <v>13</v>
      </c>
      <c r="H7" s="261">
        <v>16</v>
      </c>
      <c r="I7" s="261">
        <v>9</v>
      </c>
      <c r="J7" s="261">
        <v>7</v>
      </c>
      <c r="K7" s="261">
        <v>6</v>
      </c>
      <c r="L7" s="262">
        <v>51</v>
      </c>
      <c r="M7" s="263">
        <v>51</v>
      </c>
      <c r="N7" s="257">
        <v>0</v>
      </c>
      <c r="O7" s="261">
        <v>0</v>
      </c>
      <c r="P7" s="258">
        <v>0</v>
      </c>
      <c r="Q7" s="260">
        <v>0</v>
      </c>
      <c r="R7" s="261">
        <v>6</v>
      </c>
      <c r="S7" s="261">
        <v>18</v>
      </c>
      <c r="T7" s="261">
        <v>24</v>
      </c>
      <c r="U7" s="261">
        <v>21</v>
      </c>
      <c r="V7" s="261">
        <v>16</v>
      </c>
      <c r="W7" s="258">
        <v>85</v>
      </c>
      <c r="X7" s="263">
        <v>85</v>
      </c>
      <c r="Y7" s="257">
        <v>0</v>
      </c>
      <c r="Z7" s="261">
        <v>0</v>
      </c>
      <c r="AA7" s="258">
        <v>0</v>
      </c>
      <c r="AB7" s="260">
        <v>0</v>
      </c>
      <c r="AC7" s="261">
        <v>307</v>
      </c>
      <c r="AD7" s="261">
        <v>358</v>
      </c>
      <c r="AE7" s="261">
        <v>143</v>
      </c>
      <c r="AF7" s="261">
        <v>68</v>
      </c>
      <c r="AG7" s="261">
        <v>29</v>
      </c>
      <c r="AH7" s="258">
        <v>905</v>
      </c>
      <c r="AI7" s="263">
        <v>905</v>
      </c>
      <c r="AJ7" s="257">
        <v>0</v>
      </c>
      <c r="AK7" s="261">
        <v>0</v>
      </c>
      <c r="AL7" s="258">
        <v>0</v>
      </c>
      <c r="AM7" s="260">
        <v>0</v>
      </c>
      <c r="AN7" s="261">
        <v>30</v>
      </c>
      <c r="AO7" s="261">
        <v>31</v>
      </c>
      <c r="AP7" s="261">
        <v>33</v>
      </c>
      <c r="AQ7" s="261">
        <v>14</v>
      </c>
      <c r="AR7" s="261">
        <v>13</v>
      </c>
      <c r="AS7" s="258">
        <v>121</v>
      </c>
      <c r="AT7" s="263">
        <v>121</v>
      </c>
      <c r="AU7" s="257">
        <v>8</v>
      </c>
      <c r="AV7" s="261">
        <v>8</v>
      </c>
      <c r="AW7" s="258">
        <v>16</v>
      </c>
      <c r="AX7" s="260">
        <v>0</v>
      </c>
      <c r="AY7" s="261">
        <v>24</v>
      </c>
      <c r="AZ7" s="261">
        <v>26</v>
      </c>
      <c r="BA7" s="261">
        <v>24</v>
      </c>
      <c r="BB7" s="261">
        <v>24</v>
      </c>
      <c r="BC7" s="261">
        <v>6</v>
      </c>
      <c r="BD7" s="258">
        <v>104</v>
      </c>
      <c r="BE7" s="263">
        <v>120</v>
      </c>
      <c r="BF7" s="257">
        <v>0</v>
      </c>
      <c r="BG7" s="261">
        <v>0</v>
      </c>
      <c r="BH7" s="258">
        <v>0</v>
      </c>
      <c r="BI7" s="260">
        <v>0</v>
      </c>
      <c r="BJ7" s="261">
        <v>23</v>
      </c>
      <c r="BK7" s="261">
        <v>33</v>
      </c>
      <c r="BL7" s="261">
        <v>50</v>
      </c>
      <c r="BM7" s="261">
        <v>35</v>
      </c>
      <c r="BN7" s="261">
        <v>26</v>
      </c>
      <c r="BO7" s="262">
        <v>167</v>
      </c>
      <c r="BP7" s="263">
        <v>167</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0</v>
      </c>
      <c r="CI7" s="261">
        <v>1</v>
      </c>
      <c r="CJ7" s="261">
        <v>0</v>
      </c>
      <c r="CK7" s="258">
        <v>2</v>
      </c>
      <c r="CL7" s="263">
        <v>2</v>
      </c>
      <c r="CM7" s="257">
        <v>0</v>
      </c>
      <c r="CN7" s="261">
        <v>0</v>
      </c>
      <c r="CO7" s="258">
        <v>0</v>
      </c>
      <c r="CP7" s="260">
        <v>0</v>
      </c>
      <c r="CQ7" s="261">
        <v>0</v>
      </c>
      <c r="CR7" s="261">
        <v>5</v>
      </c>
      <c r="CS7" s="261">
        <v>7</v>
      </c>
      <c r="CT7" s="261">
        <v>5</v>
      </c>
      <c r="CU7" s="261">
        <v>11</v>
      </c>
      <c r="CV7" s="258">
        <v>28</v>
      </c>
      <c r="CW7" s="263">
        <v>28</v>
      </c>
    </row>
    <row r="8" spans="1:101" ht="21" customHeight="1" x14ac:dyDescent="0.2">
      <c r="B8" s="472" t="s">
        <v>6</v>
      </c>
      <c r="C8" s="257">
        <v>0</v>
      </c>
      <c r="D8" s="258">
        <v>0</v>
      </c>
      <c r="E8" s="259">
        <v>0</v>
      </c>
      <c r="F8" s="260">
        <v>0</v>
      </c>
      <c r="G8" s="261">
        <v>7</v>
      </c>
      <c r="H8" s="261">
        <v>6</v>
      </c>
      <c r="I8" s="261">
        <v>4</v>
      </c>
      <c r="J8" s="261">
        <v>7</v>
      </c>
      <c r="K8" s="261">
        <v>4</v>
      </c>
      <c r="L8" s="262">
        <v>28</v>
      </c>
      <c r="M8" s="263">
        <v>28</v>
      </c>
      <c r="N8" s="257">
        <v>0</v>
      </c>
      <c r="O8" s="261">
        <v>0</v>
      </c>
      <c r="P8" s="258">
        <v>0</v>
      </c>
      <c r="Q8" s="260">
        <v>0</v>
      </c>
      <c r="R8" s="261">
        <v>2</v>
      </c>
      <c r="S8" s="261">
        <v>7</v>
      </c>
      <c r="T8" s="261">
        <v>7</v>
      </c>
      <c r="U8" s="261">
        <v>4</v>
      </c>
      <c r="V8" s="261">
        <v>6</v>
      </c>
      <c r="W8" s="258">
        <v>26</v>
      </c>
      <c r="X8" s="263">
        <v>26</v>
      </c>
      <c r="Y8" s="257">
        <v>0</v>
      </c>
      <c r="Z8" s="261">
        <v>0</v>
      </c>
      <c r="AA8" s="258">
        <v>0</v>
      </c>
      <c r="AB8" s="260">
        <v>0</v>
      </c>
      <c r="AC8" s="261">
        <v>127</v>
      </c>
      <c r="AD8" s="261">
        <v>81</v>
      </c>
      <c r="AE8" s="261">
        <v>39</v>
      </c>
      <c r="AF8" s="261">
        <v>16</v>
      </c>
      <c r="AG8" s="261">
        <v>6</v>
      </c>
      <c r="AH8" s="258">
        <v>269</v>
      </c>
      <c r="AI8" s="263">
        <v>269</v>
      </c>
      <c r="AJ8" s="257">
        <v>0</v>
      </c>
      <c r="AK8" s="261">
        <v>0</v>
      </c>
      <c r="AL8" s="258">
        <v>0</v>
      </c>
      <c r="AM8" s="260">
        <v>0</v>
      </c>
      <c r="AN8" s="261">
        <v>11</v>
      </c>
      <c r="AO8" s="261">
        <v>14</v>
      </c>
      <c r="AP8" s="261">
        <v>25</v>
      </c>
      <c r="AQ8" s="261">
        <v>4</v>
      </c>
      <c r="AR8" s="261">
        <v>3</v>
      </c>
      <c r="AS8" s="258">
        <v>57</v>
      </c>
      <c r="AT8" s="263">
        <v>57</v>
      </c>
      <c r="AU8" s="257">
        <v>1</v>
      </c>
      <c r="AV8" s="261">
        <v>7</v>
      </c>
      <c r="AW8" s="258">
        <v>8</v>
      </c>
      <c r="AX8" s="260">
        <v>0</v>
      </c>
      <c r="AY8" s="261">
        <v>10</v>
      </c>
      <c r="AZ8" s="261">
        <v>5</v>
      </c>
      <c r="BA8" s="261">
        <v>6</v>
      </c>
      <c r="BB8" s="261">
        <v>2</v>
      </c>
      <c r="BC8" s="261">
        <v>2</v>
      </c>
      <c r="BD8" s="258">
        <v>25</v>
      </c>
      <c r="BE8" s="263">
        <v>33</v>
      </c>
      <c r="BF8" s="257">
        <v>0</v>
      </c>
      <c r="BG8" s="261">
        <v>0</v>
      </c>
      <c r="BH8" s="258">
        <v>0</v>
      </c>
      <c r="BI8" s="260">
        <v>0</v>
      </c>
      <c r="BJ8" s="261">
        <v>13</v>
      </c>
      <c r="BK8" s="261">
        <v>24</v>
      </c>
      <c r="BL8" s="261">
        <v>27</v>
      </c>
      <c r="BM8" s="261">
        <v>16</v>
      </c>
      <c r="BN8" s="261">
        <v>17</v>
      </c>
      <c r="BO8" s="262">
        <v>97</v>
      </c>
      <c r="BP8" s="263">
        <v>97</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1</v>
      </c>
      <c r="CG8" s="261">
        <v>0</v>
      </c>
      <c r="CH8" s="261">
        <v>7</v>
      </c>
      <c r="CI8" s="261">
        <v>6</v>
      </c>
      <c r="CJ8" s="261">
        <v>2</v>
      </c>
      <c r="CK8" s="258">
        <v>16</v>
      </c>
      <c r="CL8" s="263">
        <v>16</v>
      </c>
      <c r="CM8" s="257">
        <v>0</v>
      </c>
      <c r="CN8" s="261">
        <v>0</v>
      </c>
      <c r="CO8" s="258">
        <v>0</v>
      </c>
      <c r="CP8" s="260">
        <v>0</v>
      </c>
      <c r="CQ8" s="261">
        <v>6</v>
      </c>
      <c r="CR8" s="261">
        <v>5</v>
      </c>
      <c r="CS8" s="261">
        <v>6</v>
      </c>
      <c r="CT8" s="261">
        <v>5</v>
      </c>
      <c r="CU8" s="261">
        <v>5</v>
      </c>
      <c r="CV8" s="258">
        <v>27</v>
      </c>
      <c r="CW8" s="263">
        <v>27</v>
      </c>
    </row>
    <row r="9" spans="1:101" ht="21" customHeight="1" x14ac:dyDescent="0.2">
      <c r="B9" s="472" t="s">
        <v>14</v>
      </c>
      <c r="C9" s="257">
        <v>0</v>
      </c>
      <c r="D9" s="258">
        <v>0</v>
      </c>
      <c r="E9" s="259">
        <v>0</v>
      </c>
      <c r="F9" s="260">
        <v>0</v>
      </c>
      <c r="G9" s="261">
        <v>1</v>
      </c>
      <c r="H9" s="261">
        <v>1</v>
      </c>
      <c r="I9" s="261">
        <v>0</v>
      </c>
      <c r="J9" s="261">
        <v>2</v>
      </c>
      <c r="K9" s="261">
        <v>0</v>
      </c>
      <c r="L9" s="262">
        <v>4</v>
      </c>
      <c r="M9" s="263">
        <v>4</v>
      </c>
      <c r="N9" s="257">
        <v>0</v>
      </c>
      <c r="O9" s="261">
        <v>0</v>
      </c>
      <c r="P9" s="258">
        <v>0</v>
      </c>
      <c r="Q9" s="260">
        <v>0</v>
      </c>
      <c r="R9" s="261">
        <v>0</v>
      </c>
      <c r="S9" s="261">
        <v>0</v>
      </c>
      <c r="T9" s="261">
        <v>0</v>
      </c>
      <c r="U9" s="261">
        <v>0</v>
      </c>
      <c r="V9" s="261">
        <v>0</v>
      </c>
      <c r="W9" s="258">
        <v>0</v>
      </c>
      <c r="X9" s="263">
        <v>0</v>
      </c>
      <c r="Y9" s="257">
        <v>0</v>
      </c>
      <c r="Z9" s="261">
        <v>0</v>
      </c>
      <c r="AA9" s="258">
        <v>0</v>
      </c>
      <c r="AB9" s="260">
        <v>0</v>
      </c>
      <c r="AC9" s="261">
        <v>33</v>
      </c>
      <c r="AD9" s="261">
        <v>52</v>
      </c>
      <c r="AE9" s="261">
        <v>18</v>
      </c>
      <c r="AF9" s="261">
        <v>13</v>
      </c>
      <c r="AG9" s="261">
        <v>3</v>
      </c>
      <c r="AH9" s="258">
        <v>119</v>
      </c>
      <c r="AI9" s="263">
        <v>119</v>
      </c>
      <c r="AJ9" s="257">
        <v>0</v>
      </c>
      <c r="AK9" s="261">
        <v>0</v>
      </c>
      <c r="AL9" s="258">
        <v>0</v>
      </c>
      <c r="AM9" s="260">
        <v>0</v>
      </c>
      <c r="AN9" s="261">
        <v>2</v>
      </c>
      <c r="AO9" s="261">
        <v>1</v>
      </c>
      <c r="AP9" s="261">
        <v>0</v>
      </c>
      <c r="AQ9" s="261">
        <v>1</v>
      </c>
      <c r="AR9" s="261">
        <v>0</v>
      </c>
      <c r="AS9" s="258">
        <v>4</v>
      </c>
      <c r="AT9" s="263">
        <v>4</v>
      </c>
      <c r="AU9" s="257">
        <v>1</v>
      </c>
      <c r="AV9" s="261">
        <v>1</v>
      </c>
      <c r="AW9" s="258">
        <v>2</v>
      </c>
      <c r="AX9" s="260">
        <v>0</v>
      </c>
      <c r="AY9" s="261">
        <v>4</v>
      </c>
      <c r="AZ9" s="261">
        <v>4</v>
      </c>
      <c r="BA9" s="261">
        <v>4</v>
      </c>
      <c r="BB9" s="261">
        <v>1</v>
      </c>
      <c r="BC9" s="261">
        <v>2</v>
      </c>
      <c r="BD9" s="258">
        <v>15</v>
      </c>
      <c r="BE9" s="263">
        <v>17</v>
      </c>
      <c r="BF9" s="257">
        <v>0</v>
      </c>
      <c r="BG9" s="261">
        <v>0</v>
      </c>
      <c r="BH9" s="258">
        <v>0</v>
      </c>
      <c r="BI9" s="260">
        <v>0</v>
      </c>
      <c r="BJ9" s="261">
        <v>3</v>
      </c>
      <c r="BK9" s="261">
        <v>5</v>
      </c>
      <c r="BL9" s="261">
        <v>9</v>
      </c>
      <c r="BM9" s="261">
        <v>10</v>
      </c>
      <c r="BN9" s="261">
        <v>5</v>
      </c>
      <c r="BO9" s="262">
        <v>32</v>
      </c>
      <c r="BP9" s="263">
        <v>32</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1</v>
      </c>
      <c r="CH9" s="261">
        <v>0</v>
      </c>
      <c r="CI9" s="261">
        <v>2</v>
      </c>
      <c r="CJ9" s="261">
        <v>0</v>
      </c>
      <c r="CK9" s="258">
        <v>3</v>
      </c>
      <c r="CL9" s="263">
        <v>3</v>
      </c>
      <c r="CM9" s="257">
        <v>0</v>
      </c>
      <c r="CN9" s="261">
        <v>0</v>
      </c>
      <c r="CO9" s="258">
        <v>0</v>
      </c>
      <c r="CP9" s="260">
        <v>0</v>
      </c>
      <c r="CQ9" s="261">
        <v>0</v>
      </c>
      <c r="CR9" s="261">
        <v>1</v>
      </c>
      <c r="CS9" s="261">
        <v>2</v>
      </c>
      <c r="CT9" s="261">
        <v>1</v>
      </c>
      <c r="CU9" s="261">
        <v>1</v>
      </c>
      <c r="CV9" s="258">
        <v>5</v>
      </c>
      <c r="CW9" s="263">
        <v>5</v>
      </c>
    </row>
    <row r="10" spans="1:101" ht="21" customHeight="1" x14ac:dyDescent="0.2">
      <c r="B10" s="472" t="s">
        <v>7</v>
      </c>
      <c r="C10" s="257">
        <v>0</v>
      </c>
      <c r="D10" s="258">
        <v>0</v>
      </c>
      <c r="E10" s="259">
        <v>0</v>
      </c>
      <c r="F10" s="260">
        <v>0</v>
      </c>
      <c r="G10" s="261">
        <v>1</v>
      </c>
      <c r="H10" s="261">
        <v>0</v>
      </c>
      <c r="I10" s="261">
        <v>1</v>
      </c>
      <c r="J10" s="261">
        <v>0</v>
      </c>
      <c r="K10" s="261">
        <v>0</v>
      </c>
      <c r="L10" s="262">
        <v>2</v>
      </c>
      <c r="M10" s="263">
        <v>2</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32</v>
      </c>
      <c r="AD10" s="261">
        <v>21</v>
      </c>
      <c r="AE10" s="261">
        <v>7</v>
      </c>
      <c r="AF10" s="261">
        <v>3</v>
      </c>
      <c r="AG10" s="261">
        <v>2</v>
      </c>
      <c r="AH10" s="258">
        <v>65</v>
      </c>
      <c r="AI10" s="263">
        <v>65</v>
      </c>
      <c r="AJ10" s="257">
        <v>0</v>
      </c>
      <c r="AK10" s="261">
        <v>0</v>
      </c>
      <c r="AL10" s="258">
        <v>0</v>
      </c>
      <c r="AM10" s="260">
        <v>0</v>
      </c>
      <c r="AN10" s="261">
        <v>2</v>
      </c>
      <c r="AO10" s="261">
        <v>4</v>
      </c>
      <c r="AP10" s="261">
        <v>5</v>
      </c>
      <c r="AQ10" s="261">
        <v>2</v>
      </c>
      <c r="AR10" s="261">
        <v>0</v>
      </c>
      <c r="AS10" s="258">
        <v>13</v>
      </c>
      <c r="AT10" s="263">
        <v>13</v>
      </c>
      <c r="AU10" s="257">
        <v>1</v>
      </c>
      <c r="AV10" s="261">
        <v>0</v>
      </c>
      <c r="AW10" s="258">
        <v>1</v>
      </c>
      <c r="AX10" s="260">
        <v>0</v>
      </c>
      <c r="AY10" s="261">
        <v>0</v>
      </c>
      <c r="AZ10" s="261">
        <v>2</v>
      </c>
      <c r="BA10" s="261">
        <v>2</v>
      </c>
      <c r="BB10" s="261">
        <v>0</v>
      </c>
      <c r="BC10" s="261">
        <v>0</v>
      </c>
      <c r="BD10" s="258">
        <v>4</v>
      </c>
      <c r="BE10" s="263">
        <v>5</v>
      </c>
      <c r="BF10" s="257">
        <v>0</v>
      </c>
      <c r="BG10" s="261">
        <v>0</v>
      </c>
      <c r="BH10" s="258">
        <v>0</v>
      </c>
      <c r="BI10" s="260">
        <v>0</v>
      </c>
      <c r="BJ10" s="261">
        <v>2</v>
      </c>
      <c r="BK10" s="261">
        <v>2</v>
      </c>
      <c r="BL10" s="261">
        <v>6</v>
      </c>
      <c r="BM10" s="261">
        <v>4</v>
      </c>
      <c r="BN10" s="261">
        <v>2</v>
      </c>
      <c r="BO10" s="262">
        <v>16</v>
      </c>
      <c r="BP10" s="263">
        <v>16</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0</v>
      </c>
      <c r="CR10" s="261">
        <v>0</v>
      </c>
      <c r="CS10" s="261">
        <v>0</v>
      </c>
      <c r="CT10" s="261">
        <v>0</v>
      </c>
      <c r="CU10" s="261">
        <v>1</v>
      </c>
      <c r="CV10" s="258">
        <v>1</v>
      </c>
      <c r="CW10" s="263">
        <v>1</v>
      </c>
    </row>
    <row r="11" spans="1:101" ht="21" customHeight="1" x14ac:dyDescent="0.2">
      <c r="B11" s="472" t="s">
        <v>8</v>
      </c>
      <c r="C11" s="257">
        <v>0</v>
      </c>
      <c r="D11" s="258">
        <v>0</v>
      </c>
      <c r="E11" s="259">
        <v>0</v>
      </c>
      <c r="F11" s="260">
        <v>0</v>
      </c>
      <c r="G11" s="261">
        <v>0</v>
      </c>
      <c r="H11" s="261">
        <v>0</v>
      </c>
      <c r="I11" s="261">
        <v>0</v>
      </c>
      <c r="J11" s="261">
        <v>1</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38</v>
      </c>
      <c r="AD11" s="261">
        <v>16</v>
      </c>
      <c r="AE11" s="261">
        <v>6</v>
      </c>
      <c r="AF11" s="261">
        <v>6</v>
      </c>
      <c r="AG11" s="261">
        <v>0</v>
      </c>
      <c r="AH11" s="258">
        <v>66</v>
      </c>
      <c r="AI11" s="263">
        <v>66</v>
      </c>
      <c r="AJ11" s="257">
        <v>0</v>
      </c>
      <c r="AK11" s="261">
        <v>0</v>
      </c>
      <c r="AL11" s="258">
        <v>0</v>
      </c>
      <c r="AM11" s="260">
        <v>0</v>
      </c>
      <c r="AN11" s="261">
        <v>0</v>
      </c>
      <c r="AO11" s="261">
        <v>0</v>
      </c>
      <c r="AP11" s="261">
        <v>0</v>
      </c>
      <c r="AQ11" s="261">
        <v>0</v>
      </c>
      <c r="AR11" s="261">
        <v>0</v>
      </c>
      <c r="AS11" s="258">
        <v>0</v>
      </c>
      <c r="AT11" s="263">
        <v>0</v>
      </c>
      <c r="AU11" s="257">
        <v>0</v>
      </c>
      <c r="AV11" s="261">
        <v>0</v>
      </c>
      <c r="AW11" s="258">
        <v>0</v>
      </c>
      <c r="AX11" s="260">
        <v>0</v>
      </c>
      <c r="AY11" s="261">
        <v>3</v>
      </c>
      <c r="AZ11" s="261">
        <v>0</v>
      </c>
      <c r="BA11" s="261">
        <v>1</v>
      </c>
      <c r="BB11" s="261">
        <v>2</v>
      </c>
      <c r="BC11" s="261">
        <v>0</v>
      </c>
      <c r="BD11" s="258">
        <v>6</v>
      </c>
      <c r="BE11" s="263">
        <v>6</v>
      </c>
      <c r="BF11" s="257">
        <v>0</v>
      </c>
      <c r="BG11" s="261">
        <v>0</v>
      </c>
      <c r="BH11" s="258">
        <v>0</v>
      </c>
      <c r="BI11" s="260">
        <v>0</v>
      </c>
      <c r="BJ11" s="261">
        <v>0</v>
      </c>
      <c r="BK11" s="261">
        <v>4</v>
      </c>
      <c r="BL11" s="261">
        <v>1</v>
      </c>
      <c r="BM11" s="261">
        <v>3</v>
      </c>
      <c r="BN11" s="261">
        <v>1</v>
      </c>
      <c r="BO11" s="262">
        <v>9</v>
      </c>
      <c r="BP11" s="263">
        <v>9</v>
      </c>
      <c r="BQ11" s="257">
        <v>0</v>
      </c>
      <c r="BR11" s="261">
        <v>0</v>
      </c>
      <c r="BS11" s="258">
        <v>0</v>
      </c>
      <c r="BT11" s="260">
        <v>0</v>
      </c>
      <c r="BU11" s="261">
        <v>0</v>
      </c>
      <c r="BV11" s="261">
        <v>0</v>
      </c>
      <c r="BW11" s="261">
        <v>0</v>
      </c>
      <c r="BX11" s="261">
        <v>1</v>
      </c>
      <c r="BY11" s="261">
        <v>1</v>
      </c>
      <c r="BZ11" s="258">
        <v>2</v>
      </c>
      <c r="CA11" s="263">
        <v>2</v>
      </c>
      <c r="CB11" s="257">
        <v>0</v>
      </c>
      <c r="CC11" s="261">
        <v>0</v>
      </c>
      <c r="CD11" s="258">
        <v>0</v>
      </c>
      <c r="CE11" s="260">
        <v>0</v>
      </c>
      <c r="CF11" s="261">
        <v>0</v>
      </c>
      <c r="CG11" s="261">
        <v>0</v>
      </c>
      <c r="CH11" s="261">
        <v>0</v>
      </c>
      <c r="CI11" s="261">
        <v>1</v>
      </c>
      <c r="CJ11" s="261">
        <v>1</v>
      </c>
      <c r="CK11" s="258">
        <v>2</v>
      </c>
      <c r="CL11" s="263">
        <v>2</v>
      </c>
      <c r="CM11" s="257">
        <v>0</v>
      </c>
      <c r="CN11" s="261">
        <v>0</v>
      </c>
      <c r="CO11" s="258">
        <v>0</v>
      </c>
      <c r="CP11" s="260">
        <v>0</v>
      </c>
      <c r="CQ11" s="261">
        <v>0</v>
      </c>
      <c r="CR11" s="261">
        <v>0</v>
      </c>
      <c r="CS11" s="261">
        <v>0</v>
      </c>
      <c r="CT11" s="261">
        <v>0</v>
      </c>
      <c r="CU11" s="261">
        <v>0</v>
      </c>
      <c r="CV11" s="258">
        <v>0</v>
      </c>
      <c r="CW11" s="263">
        <v>0</v>
      </c>
    </row>
    <row r="12" spans="1:101" ht="21" customHeight="1" x14ac:dyDescent="0.2">
      <c r="B12" s="472" t="s">
        <v>9</v>
      </c>
      <c r="C12" s="257">
        <v>0</v>
      </c>
      <c r="D12" s="258">
        <v>0</v>
      </c>
      <c r="E12" s="259">
        <v>0</v>
      </c>
      <c r="F12" s="260">
        <v>0</v>
      </c>
      <c r="G12" s="261">
        <v>0</v>
      </c>
      <c r="H12" s="261">
        <v>1</v>
      </c>
      <c r="I12" s="261">
        <v>1</v>
      </c>
      <c r="J12" s="261">
        <v>2</v>
      </c>
      <c r="K12" s="261">
        <v>0</v>
      </c>
      <c r="L12" s="262">
        <v>4</v>
      </c>
      <c r="M12" s="263">
        <v>4</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6</v>
      </c>
      <c r="AD12" s="261">
        <v>26</v>
      </c>
      <c r="AE12" s="261">
        <v>13</v>
      </c>
      <c r="AF12" s="261">
        <v>9</v>
      </c>
      <c r="AG12" s="261">
        <v>1</v>
      </c>
      <c r="AH12" s="258">
        <v>95</v>
      </c>
      <c r="AI12" s="263">
        <v>95</v>
      </c>
      <c r="AJ12" s="257">
        <v>0</v>
      </c>
      <c r="AK12" s="261">
        <v>0</v>
      </c>
      <c r="AL12" s="258">
        <v>0</v>
      </c>
      <c r="AM12" s="260">
        <v>0</v>
      </c>
      <c r="AN12" s="261">
        <v>0</v>
      </c>
      <c r="AO12" s="261">
        <v>0</v>
      </c>
      <c r="AP12" s="261">
        <v>1</v>
      </c>
      <c r="AQ12" s="261">
        <v>0</v>
      </c>
      <c r="AR12" s="261">
        <v>1</v>
      </c>
      <c r="AS12" s="258">
        <v>2</v>
      </c>
      <c r="AT12" s="263">
        <v>2</v>
      </c>
      <c r="AU12" s="257">
        <v>1</v>
      </c>
      <c r="AV12" s="261">
        <v>0</v>
      </c>
      <c r="AW12" s="258">
        <v>1</v>
      </c>
      <c r="AX12" s="260">
        <v>0</v>
      </c>
      <c r="AY12" s="261">
        <v>3</v>
      </c>
      <c r="AZ12" s="261">
        <v>1</v>
      </c>
      <c r="BA12" s="261">
        <v>3</v>
      </c>
      <c r="BB12" s="261">
        <v>1</v>
      </c>
      <c r="BC12" s="261">
        <v>0</v>
      </c>
      <c r="BD12" s="258">
        <v>8</v>
      </c>
      <c r="BE12" s="263">
        <v>9</v>
      </c>
      <c r="BF12" s="257">
        <v>0</v>
      </c>
      <c r="BG12" s="261">
        <v>0</v>
      </c>
      <c r="BH12" s="258">
        <v>0</v>
      </c>
      <c r="BI12" s="260">
        <v>0</v>
      </c>
      <c r="BJ12" s="261">
        <v>0</v>
      </c>
      <c r="BK12" s="261">
        <v>2</v>
      </c>
      <c r="BL12" s="261">
        <v>6</v>
      </c>
      <c r="BM12" s="261">
        <v>3</v>
      </c>
      <c r="BN12" s="261">
        <v>3</v>
      </c>
      <c r="BO12" s="262">
        <v>14</v>
      </c>
      <c r="BP12" s="263">
        <v>14</v>
      </c>
      <c r="BQ12" s="257">
        <v>0</v>
      </c>
      <c r="BR12" s="261">
        <v>0</v>
      </c>
      <c r="BS12" s="258">
        <v>0</v>
      </c>
      <c r="BT12" s="260">
        <v>0</v>
      </c>
      <c r="BU12" s="261">
        <v>0</v>
      </c>
      <c r="BV12" s="261">
        <v>1</v>
      </c>
      <c r="BW12" s="261">
        <v>1</v>
      </c>
      <c r="BX12" s="261">
        <v>1</v>
      </c>
      <c r="BY12" s="261">
        <v>0</v>
      </c>
      <c r="BZ12" s="258">
        <v>3</v>
      </c>
      <c r="CA12" s="263">
        <v>3</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0</v>
      </c>
      <c r="CT12" s="261">
        <v>0</v>
      </c>
      <c r="CU12" s="261">
        <v>2</v>
      </c>
      <c r="CV12" s="258">
        <v>3</v>
      </c>
      <c r="CW12" s="263">
        <v>3</v>
      </c>
    </row>
    <row r="13" spans="1:101" ht="21" customHeight="1" x14ac:dyDescent="0.2">
      <c r="B13" s="472" t="s">
        <v>10</v>
      </c>
      <c r="C13" s="257">
        <v>0</v>
      </c>
      <c r="D13" s="258">
        <v>0</v>
      </c>
      <c r="E13" s="259">
        <v>0</v>
      </c>
      <c r="F13" s="260">
        <v>0</v>
      </c>
      <c r="G13" s="261">
        <v>0</v>
      </c>
      <c r="H13" s="261">
        <v>1</v>
      </c>
      <c r="I13" s="261">
        <v>1</v>
      </c>
      <c r="J13" s="261">
        <v>0</v>
      </c>
      <c r="K13" s="261">
        <v>0</v>
      </c>
      <c r="L13" s="262">
        <v>2</v>
      </c>
      <c r="M13" s="263">
        <v>2</v>
      </c>
      <c r="N13" s="257">
        <v>0</v>
      </c>
      <c r="O13" s="261">
        <v>0</v>
      </c>
      <c r="P13" s="258">
        <v>0</v>
      </c>
      <c r="Q13" s="260">
        <v>0</v>
      </c>
      <c r="R13" s="261">
        <v>0</v>
      </c>
      <c r="S13" s="261">
        <v>1</v>
      </c>
      <c r="T13" s="261">
        <v>0</v>
      </c>
      <c r="U13" s="261">
        <v>1</v>
      </c>
      <c r="V13" s="261">
        <v>0</v>
      </c>
      <c r="W13" s="258">
        <v>2</v>
      </c>
      <c r="X13" s="263">
        <v>2</v>
      </c>
      <c r="Y13" s="257">
        <v>0</v>
      </c>
      <c r="Z13" s="261">
        <v>0</v>
      </c>
      <c r="AA13" s="258">
        <v>0</v>
      </c>
      <c r="AB13" s="260">
        <v>0</v>
      </c>
      <c r="AC13" s="261">
        <v>36</v>
      </c>
      <c r="AD13" s="261">
        <v>19</v>
      </c>
      <c r="AE13" s="261">
        <v>4</v>
      </c>
      <c r="AF13" s="261">
        <v>4</v>
      </c>
      <c r="AG13" s="261">
        <v>1</v>
      </c>
      <c r="AH13" s="258">
        <v>64</v>
      </c>
      <c r="AI13" s="263">
        <v>64</v>
      </c>
      <c r="AJ13" s="257">
        <v>0</v>
      </c>
      <c r="AK13" s="261">
        <v>0</v>
      </c>
      <c r="AL13" s="258">
        <v>0</v>
      </c>
      <c r="AM13" s="260">
        <v>0</v>
      </c>
      <c r="AN13" s="261">
        <v>1</v>
      </c>
      <c r="AO13" s="261">
        <v>0</v>
      </c>
      <c r="AP13" s="261">
        <v>3</v>
      </c>
      <c r="AQ13" s="261">
        <v>2</v>
      </c>
      <c r="AR13" s="261">
        <v>0</v>
      </c>
      <c r="AS13" s="258">
        <v>6</v>
      </c>
      <c r="AT13" s="263">
        <v>6</v>
      </c>
      <c r="AU13" s="257">
        <v>1</v>
      </c>
      <c r="AV13" s="261">
        <v>1</v>
      </c>
      <c r="AW13" s="258">
        <v>2</v>
      </c>
      <c r="AX13" s="260">
        <v>0</v>
      </c>
      <c r="AY13" s="261">
        <v>4</v>
      </c>
      <c r="AZ13" s="261">
        <v>1</v>
      </c>
      <c r="BA13" s="261">
        <v>4</v>
      </c>
      <c r="BB13" s="261">
        <v>1</v>
      </c>
      <c r="BC13" s="261">
        <v>1</v>
      </c>
      <c r="BD13" s="258">
        <v>11</v>
      </c>
      <c r="BE13" s="263">
        <v>13</v>
      </c>
      <c r="BF13" s="257">
        <v>0</v>
      </c>
      <c r="BG13" s="261">
        <v>0</v>
      </c>
      <c r="BH13" s="258">
        <v>0</v>
      </c>
      <c r="BI13" s="260">
        <v>0</v>
      </c>
      <c r="BJ13" s="261">
        <v>2</v>
      </c>
      <c r="BK13" s="261">
        <v>7</v>
      </c>
      <c r="BL13" s="261">
        <v>6</v>
      </c>
      <c r="BM13" s="261">
        <v>7</v>
      </c>
      <c r="BN13" s="261">
        <v>8</v>
      </c>
      <c r="BO13" s="262">
        <v>30</v>
      </c>
      <c r="BP13" s="263">
        <v>30</v>
      </c>
      <c r="BQ13" s="257">
        <v>0</v>
      </c>
      <c r="BR13" s="261">
        <v>0</v>
      </c>
      <c r="BS13" s="258">
        <v>0</v>
      </c>
      <c r="BT13" s="260">
        <v>0</v>
      </c>
      <c r="BU13" s="261">
        <v>2</v>
      </c>
      <c r="BV13" s="261">
        <v>2</v>
      </c>
      <c r="BW13" s="261">
        <v>5</v>
      </c>
      <c r="BX13" s="261">
        <v>0</v>
      </c>
      <c r="BY13" s="261">
        <v>4</v>
      </c>
      <c r="BZ13" s="258">
        <v>13</v>
      </c>
      <c r="CA13" s="263">
        <v>13</v>
      </c>
      <c r="CB13" s="257">
        <v>0</v>
      </c>
      <c r="CC13" s="261">
        <v>0</v>
      </c>
      <c r="CD13" s="258">
        <v>0</v>
      </c>
      <c r="CE13" s="260">
        <v>0</v>
      </c>
      <c r="CF13" s="261">
        <v>0</v>
      </c>
      <c r="CG13" s="261">
        <v>0</v>
      </c>
      <c r="CH13" s="261">
        <v>0</v>
      </c>
      <c r="CI13" s="261">
        <v>1</v>
      </c>
      <c r="CJ13" s="261">
        <v>0</v>
      </c>
      <c r="CK13" s="258">
        <v>1</v>
      </c>
      <c r="CL13" s="263">
        <v>1</v>
      </c>
      <c r="CM13" s="257">
        <v>0</v>
      </c>
      <c r="CN13" s="261">
        <v>0</v>
      </c>
      <c r="CO13" s="258">
        <v>0</v>
      </c>
      <c r="CP13" s="260">
        <v>0</v>
      </c>
      <c r="CQ13" s="261">
        <v>0</v>
      </c>
      <c r="CR13" s="261">
        <v>1</v>
      </c>
      <c r="CS13" s="261">
        <v>2</v>
      </c>
      <c r="CT13" s="261">
        <v>1</v>
      </c>
      <c r="CU13" s="261">
        <v>1</v>
      </c>
      <c r="CV13" s="258">
        <v>5</v>
      </c>
      <c r="CW13" s="263">
        <v>5</v>
      </c>
    </row>
    <row r="14" spans="1:101" ht="21" customHeight="1" x14ac:dyDescent="0.2">
      <c r="B14" s="472" t="s">
        <v>11</v>
      </c>
      <c r="C14" s="257">
        <v>0</v>
      </c>
      <c r="D14" s="258">
        <v>0</v>
      </c>
      <c r="E14" s="259">
        <v>0</v>
      </c>
      <c r="F14" s="260">
        <v>0</v>
      </c>
      <c r="G14" s="261">
        <v>1</v>
      </c>
      <c r="H14" s="261">
        <v>1</v>
      </c>
      <c r="I14" s="261">
        <v>0</v>
      </c>
      <c r="J14" s="261">
        <v>0</v>
      </c>
      <c r="K14" s="261">
        <v>0</v>
      </c>
      <c r="L14" s="262">
        <v>2</v>
      </c>
      <c r="M14" s="263">
        <v>2</v>
      </c>
      <c r="N14" s="257">
        <v>0</v>
      </c>
      <c r="O14" s="261">
        <v>0</v>
      </c>
      <c r="P14" s="258">
        <v>0</v>
      </c>
      <c r="Q14" s="260">
        <v>0</v>
      </c>
      <c r="R14" s="261">
        <v>1</v>
      </c>
      <c r="S14" s="261">
        <v>0</v>
      </c>
      <c r="T14" s="261">
        <v>0</v>
      </c>
      <c r="U14" s="261">
        <v>0</v>
      </c>
      <c r="V14" s="261">
        <v>0</v>
      </c>
      <c r="W14" s="258">
        <v>1</v>
      </c>
      <c r="X14" s="263">
        <v>1</v>
      </c>
      <c r="Y14" s="257">
        <v>0</v>
      </c>
      <c r="Z14" s="261">
        <v>0</v>
      </c>
      <c r="AA14" s="258">
        <v>0</v>
      </c>
      <c r="AB14" s="260">
        <v>0</v>
      </c>
      <c r="AC14" s="261">
        <v>31</v>
      </c>
      <c r="AD14" s="261">
        <v>3</v>
      </c>
      <c r="AE14" s="261">
        <v>4</v>
      </c>
      <c r="AF14" s="261">
        <v>5</v>
      </c>
      <c r="AG14" s="261">
        <v>1</v>
      </c>
      <c r="AH14" s="258">
        <v>44</v>
      </c>
      <c r="AI14" s="263">
        <v>44</v>
      </c>
      <c r="AJ14" s="257">
        <v>0</v>
      </c>
      <c r="AK14" s="261">
        <v>0</v>
      </c>
      <c r="AL14" s="258">
        <v>0</v>
      </c>
      <c r="AM14" s="260">
        <v>0</v>
      </c>
      <c r="AN14" s="261">
        <v>1</v>
      </c>
      <c r="AO14" s="261">
        <v>0</v>
      </c>
      <c r="AP14" s="261">
        <v>0</v>
      </c>
      <c r="AQ14" s="261">
        <v>0</v>
      </c>
      <c r="AR14" s="261">
        <v>0</v>
      </c>
      <c r="AS14" s="258">
        <v>1</v>
      </c>
      <c r="AT14" s="263">
        <v>1</v>
      </c>
      <c r="AU14" s="257">
        <v>0</v>
      </c>
      <c r="AV14" s="261">
        <v>1</v>
      </c>
      <c r="AW14" s="258">
        <v>1</v>
      </c>
      <c r="AX14" s="260">
        <v>0</v>
      </c>
      <c r="AY14" s="261">
        <v>2</v>
      </c>
      <c r="AZ14" s="261">
        <v>1</v>
      </c>
      <c r="BA14" s="261">
        <v>1</v>
      </c>
      <c r="BB14" s="261">
        <v>2</v>
      </c>
      <c r="BC14" s="261">
        <v>0</v>
      </c>
      <c r="BD14" s="258">
        <v>6</v>
      </c>
      <c r="BE14" s="263">
        <v>7</v>
      </c>
      <c r="BF14" s="257">
        <v>0</v>
      </c>
      <c r="BG14" s="261">
        <v>0</v>
      </c>
      <c r="BH14" s="258">
        <v>0</v>
      </c>
      <c r="BI14" s="260">
        <v>0</v>
      </c>
      <c r="BJ14" s="261">
        <v>1</v>
      </c>
      <c r="BK14" s="261">
        <v>3</v>
      </c>
      <c r="BL14" s="261">
        <v>1</v>
      </c>
      <c r="BM14" s="261">
        <v>1</v>
      </c>
      <c r="BN14" s="261">
        <v>0</v>
      </c>
      <c r="BO14" s="262">
        <v>6</v>
      </c>
      <c r="BP14" s="263">
        <v>6</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0</v>
      </c>
      <c r="CR14" s="261">
        <v>0</v>
      </c>
      <c r="CS14" s="261">
        <v>0</v>
      </c>
      <c r="CT14" s="261">
        <v>0</v>
      </c>
      <c r="CU14" s="261">
        <v>0</v>
      </c>
      <c r="CV14" s="258">
        <v>0</v>
      </c>
      <c r="CW14" s="263">
        <v>0</v>
      </c>
    </row>
    <row r="15" spans="1:101" ht="21" customHeight="1" x14ac:dyDescent="0.2">
      <c r="B15" s="472" t="s">
        <v>12</v>
      </c>
      <c r="C15" s="257">
        <v>0</v>
      </c>
      <c r="D15" s="258">
        <v>0</v>
      </c>
      <c r="E15" s="259">
        <v>0</v>
      </c>
      <c r="F15" s="260">
        <v>0</v>
      </c>
      <c r="G15" s="261">
        <v>0</v>
      </c>
      <c r="H15" s="261">
        <v>0</v>
      </c>
      <c r="I15" s="261">
        <v>0</v>
      </c>
      <c r="J15" s="261">
        <v>0</v>
      </c>
      <c r="K15" s="261">
        <v>0</v>
      </c>
      <c r="L15" s="262">
        <v>0</v>
      </c>
      <c r="M15" s="263">
        <v>0</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19</v>
      </c>
      <c r="AD15" s="261">
        <v>13</v>
      </c>
      <c r="AE15" s="261">
        <v>7</v>
      </c>
      <c r="AF15" s="261">
        <v>4</v>
      </c>
      <c r="AG15" s="261">
        <v>2</v>
      </c>
      <c r="AH15" s="258">
        <v>45</v>
      </c>
      <c r="AI15" s="263">
        <v>45</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1</v>
      </c>
      <c r="AZ15" s="261">
        <v>2</v>
      </c>
      <c r="BA15" s="261">
        <v>1</v>
      </c>
      <c r="BB15" s="261">
        <v>3</v>
      </c>
      <c r="BC15" s="261">
        <v>0</v>
      </c>
      <c r="BD15" s="258">
        <v>7</v>
      </c>
      <c r="BE15" s="263">
        <v>7</v>
      </c>
      <c r="BF15" s="257">
        <v>0</v>
      </c>
      <c r="BG15" s="261">
        <v>0</v>
      </c>
      <c r="BH15" s="258">
        <v>0</v>
      </c>
      <c r="BI15" s="260">
        <v>0</v>
      </c>
      <c r="BJ15" s="261">
        <v>2</v>
      </c>
      <c r="BK15" s="261">
        <v>1</v>
      </c>
      <c r="BL15" s="261">
        <v>0</v>
      </c>
      <c r="BM15" s="261">
        <v>1</v>
      </c>
      <c r="BN15" s="261">
        <v>1</v>
      </c>
      <c r="BO15" s="262">
        <v>5</v>
      </c>
      <c r="BP15" s="263">
        <v>5</v>
      </c>
      <c r="BQ15" s="257">
        <v>0</v>
      </c>
      <c r="BR15" s="261">
        <v>0</v>
      </c>
      <c r="BS15" s="258">
        <v>0</v>
      </c>
      <c r="BT15" s="260">
        <v>0</v>
      </c>
      <c r="BU15" s="261">
        <v>0</v>
      </c>
      <c r="BV15" s="261">
        <v>1</v>
      </c>
      <c r="BW15" s="261">
        <v>0</v>
      </c>
      <c r="BX15" s="261">
        <v>1</v>
      </c>
      <c r="BY15" s="261">
        <v>0</v>
      </c>
      <c r="BZ15" s="258">
        <v>2</v>
      </c>
      <c r="CA15" s="263">
        <v>2</v>
      </c>
      <c r="CB15" s="257">
        <v>0</v>
      </c>
      <c r="CC15" s="261">
        <v>0</v>
      </c>
      <c r="CD15" s="258">
        <v>0</v>
      </c>
      <c r="CE15" s="260">
        <v>0</v>
      </c>
      <c r="CF15" s="261">
        <v>0</v>
      </c>
      <c r="CG15" s="261">
        <v>0</v>
      </c>
      <c r="CH15" s="261">
        <v>0</v>
      </c>
      <c r="CI15" s="261">
        <v>0</v>
      </c>
      <c r="CJ15" s="261">
        <v>1</v>
      </c>
      <c r="CK15" s="258">
        <v>1</v>
      </c>
      <c r="CL15" s="263">
        <v>1</v>
      </c>
      <c r="CM15" s="257">
        <v>0</v>
      </c>
      <c r="CN15" s="261">
        <v>0</v>
      </c>
      <c r="CO15" s="258">
        <v>0</v>
      </c>
      <c r="CP15" s="260">
        <v>0</v>
      </c>
      <c r="CQ15" s="261">
        <v>0</v>
      </c>
      <c r="CR15" s="261">
        <v>3</v>
      </c>
      <c r="CS15" s="261">
        <v>2</v>
      </c>
      <c r="CT15" s="261">
        <v>2</v>
      </c>
      <c r="CU15" s="261">
        <v>0</v>
      </c>
      <c r="CV15" s="258">
        <v>7</v>
      </c>
      <c r="CW15" s="263">
        <v>7</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9</v>
      </c>
      <c r="AD16" s="261">
        <v>13</v>
      </c>
      <c r="AE16" s="261">
        <v>7</v>
      </c>
      <c r="AF16" s="261">
        <v>2</v>
      </c>
      <c r="AG16" s="261">
        <v>3</v>
      </c>
      <c r="AH16" s="258">
        <v>34</v>
      </c>
      <c r="AI16" s="263">
        <v>34</v>
      </c>
      <c r="AJ16" s="257">
        <v>0</v>
      </c>
      <c r="AK16" s="261">
        <v>0</v>
      </c>
      <c r="AL16" s="258">
        <v>0</v>
      </c>
      <c r="AM16" s="260">
        <v>0</v>
      </c>
      <c r="AN16" s="261">
        <v>1</v>
      </c>
      <c r="AO16" s="261">
        <v>0</v>
      </c>
      <c r="AP16" s="261">
        <v>0</v>
      </c>
      <c r="AQ16" s="261">
        <v>0</v>
      </c>
      <c r="AR16" s="261">
        <v>0</v>
      </c>
      <c r="AS16" s="258">
        <v>1</v>
      </c>
      <c r="AT16" s="263">
        <v>1</v>
      </c>
      <c r="AU16" s="257">
        <v>0</v>
      </c>
      <c r="AV16" s="261">
        <v>0</v>
      </c>
      <c r="AW16" s="258">
        <v>0</v>
      </c>
      <c r="AX16" s="260">
        <v>0</v>
      </c>
      <c r="AY16" s="261">
        <v>0</v>
      </c>
      <c r="AZ16" s="261">
        <v>0</v>
      </c>
      <c r="BA16" s="261">
        <v>1</v>
      </c>
      <c r="BB16" s="261">
        <v>0</v>
      </c>
      <c r="BC16" s="261">
        <v>0</v>
      </c>
      <c r="BD16" s="258">
        <v>1</v>
      </c>
      <c r="BE16" s="263">
        <v>1</v>
      </c>
      <c r="BF16" s="257">
        <v>0</v>
      </c>
      <c r="BG16" s="261">
        <v>0</v>
      </c>
      <c r="BH16" s="258">
        <v>0</v>
      </c>
      <c r="BI16" s="260">
        <v>0</v>
      </c>
      <c r="BJ16" s="261">
        <v>0</v>
      </c>
      <c r="BK16" s="261">
        <v>0</v>
      </c>
      <c r="BL16" s="261">
        <v>0</v>
      </c>
      <c r="BM16" s="261">
        <v>0</v>
      </c>
      <c r="BN16" s="261">
        <v>0</v>
      </c>
      <c r="BO16" s="262">
        <v>0</v>
      </c>
      <c r="BP16" s="263">
        <v>0</v>
      </c>
      <c r="BQ16" s="257">
        <v>0</v>
      </c>
      <c r="BR16" s="261">
        <v>0</v>
      </c>
      <c r="BS16" s="258">
        <v>0</v>
      </c>
      <c r="BT16" s="260">
        <v>0</v>
      </c>
      <c r="BU16" s="261">
        <v>0</v>
      </c>
      <c r="BV16" s="261">
        <v>0</v>
      </c>
      <c r="BW16" s="261">
        <v>0</v>
      </c>
      <c r="BX16" s="261">
        <v>0</v>
      </c>
      <c r="BY16" s="261">
        <v>1</v>
      </c>
      <c r="BZ16" s="258">
        <v>1</v>
      </c>
      <c r="CA16" s="263">
        <v>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0</v>
      </c>
      <c r="H17" s="261">
        <v>0</v>
      </c>
      <c r="I17" s="261">
        <v>1</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5</v>
      </c>
      <c r="AD17" s="261">
        <v>10</v>
      </c>
      <c r="AE17" s="261">
        <v>3</v>
      </c>
      <c r="AF17" s="261">
        <v>0</v>
      </c>
      <c r="AG17" s="261">
        <v>1</v>
      </c>
      <c r="AH17" s="258">
        <v>19</v>
      </c>
      <c r="AI17" s="263">
        <v>19</v>
      </c>
      <c r="AJ17" s="257">
        <v>0</v>
      </c>
      <c r="AK17" s="261">
        <v>0</v>
      </c>
      <c r="AL17" s="258">
        <v>0</v>
      </c>
      <c r="AM17" s="260">
        <v>0</v>
      </c>
      <c r="AN17" s="261">
        <v>0</v>
      </c>
      <c r="AO17" s="261">
        <v>0</v>
      </c>
      <c r="AP17" s="261">
        <v>0</v>
      </c>
      <c r="AQ17" s="261">
        <v>0</v>
      </c>
      <c r="AR17" s="261">
        <v>0</v>
      </c>
      <c r="AS17" s="258">
        <v>0</v>
      </c>
      <c r="AT17" s="263">
        <v>0</v>
      </c>
      <c r="AU17" s="257">
        <v>0</v>
      </c>
      <c r="AV17" s="261">
        <v>0</v>
      </c>
      <c r="AW17" s="258">
        <v>0</v>
      </c>
      <c r="AX17" s="260">
        <v>0</v>
      </c>
      <c r="AY17" s="261">
        <v>0</v>
      </c>
      <c r="AZ17" s="261">
        <v>0</v>
      </c>
      <c r="BA17" s="261">
        <v>0</v>
      </c>
      <c r="BB17" s="261">
        <v>0</v>
      </c>
      <c r="BC17" s="261">
        <v>0</v>
      </c>
      <c r="BD17" s="258">
        <v>0</v>
      </c>
      <c r="BE17" s="263">
        <v>0</v>
      </c>
      <c r="BF17" s="257">
        <v>0</v>
      </c>
      <c r="BG17" s="261">
        <v>0</v>
      </c>
      <c r="BH17" s="258">
        <v>0</v>
      </c>
      <c r="BI17" s="260">
        <v>0</v>
      </c>
      <c r="BJ17" s="261">
        <v>0</v>
      </c>
      <c r="BK17" s="261">
        <v>0</v>
      </c>
      <c r="BL17" s="261">
        <v>0</v>
      </c>
      <c r="BM17" s="261">
        <v>1</v>
      </c>
      <c r="BN17" s="261">
        <v>1</v>
      </c>
      <c r="BO17" s="262">
        <v>2</v>
      </c>
      <c r="BP17" s="263">
        <v>2</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1</v>
      </c>
      <c r="CJ17" s="261">
        <v>0</v>
      </c>
      <c r="CK17" s="258">
        <v>1</v>
      </c>
      <c r="CL17" s="263">
        <v>1</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72" t="s">
        <v>16</v>
      </c>
      <c r="C18" s="257">
        <v>0</v>
      </c>
      <c r="D18" s="258">
        <v>0</v>
      </c>
      <c r="E18" s="259">
        <v>0</v>
      </c>
      <c r="F18" s="260">
        <v>0</v>
      </c>
      <c r="G18" s="261">
        <v>0</v>
      </c>
      <c r="H18" s="261">
        <v>0</v>
      </c>
      <c r="I18" s="261">
        <v>0</v>
      </c>
      <c r="J18" s="261">
        <v>1</v>
      </c>
      <c r="K18" s="261">
        <v>1</v>
      </c>
      <c r="L18" s="262">
        <v>2</v>
      </c>
      <c r="M18" s="263">
        <v>2</v>
      </c>
      <c r="N18" s="257">
        <v>0</v>
      </c>
      <c r="O18" s="261">
        <v>0</v>
      </c>
      <c r="P18" s="258">
        <v>0</v>
      </c>
      <c r="Q18" s="260">
        <v>0</v>
      </c>
      <c r="R18" s="261">
        <v>0</v>
      </c>
      <c r="S18" s="261">
        <v>0</v>
      </c>
      <c r="T18" s="261">
        <v>0</v>
      </c>
      <c r="U18" s="261">
        <v>1</v>
      </c>
      <c r="V18" s="261">
        <v>0</v>
      </c>
      <c r="W18" s="258">
        <v>1</v>
      </c>
      <c r="X18" s="263">
        <v>1</v>
      </c>
      <c r="Y18" s="257">
        <v>0</v>
      </c>
      <c r="Z18" s="261">
        <v>0</v>
      </c>
      <c r="AA18" s="258">
        <v>0</v>
      </c>
      <c r="AB18" s="260">
        <v>0</v>
      </c>
      <c r="AC18" s="261">
        <v>9</v>
      </c>
      <c r="AD18" s="261">
        <v>8</v>
      </c>
      <c r="AE18" s="261">
        <v>5</v>
      </c>
      <c r="AF18" s="261">
        <v>2</v>
      </c>
      <c r="AG18" s="261">
        <v>0</v>
      </c>
      <c r="AH18" s="258">
        <v>24</v>
      </c>
      <c r="AI18" s="263">
        <v>24</v>
      </c>
      <c r="AJ18" s="257">
        <v>0</v>
      </c>
      <c r="AK18" s="261">
        <v>0</v>
      </c>
      <c r="AL18" s="258">
        <v>0</v>
      </c>
      <c r="AM18" s="260">
        <v>0</v>
      </c>
      <c r="AN18" s="261">
        <v>0</v>
      </c>
      <c r="AO18" s="261">
        <v>1</v>
      </c>
      <c r="AP18" s="261">
        <v>0</v>
      </c>
      <c r="AQ18" s="261">
        <v>0</v>
      </c>
      <c r="AR18" s="261">
        <v>0</v>
      </c>
      <c r="AS18" s="258">
        <v>1</v>
      </c>
      <c r="AT18" s="263">
        <v>1</v>
      </c>
      <c r="AU18" s="257">
        <v>0</v>
      </c>
      <c r="AV18" s="261">
        <v>1</v>
      </c>
      <c r="AW18" s="258">
        <v>1</v>
      </c>
      <c r="AX18" s="260">
        <v>0</v>
      </c>
      <c r="AY18" s="261">
        <v>0</v>
      </c>
      <c r="AZ18" s="261">
        <v>1</v>
      </c>
      <c r="BA18" s="261">
        <v>0</v>
      </c>
      <c r="BB18" s="261">
        <v>0</v>
      </c>
      <c r="BC18" s="261">
        <v>1</v>
      </c>
      <c r="BD18" s="258">
        <v>2</v>
      </c>
      <c r="BE18" s="263">
        <v>3</v>
      </c>
      <c r="BF18" s="257">
        <v>0</v>
      </c>
      <c r="BG18" s="261">
        <v>0</v>
      </c>
      <c r="BH18" s="258">
        <v>0</v>
      </c>
      <c r="BI18" s="260">
        <v>0</v>
      </c>
      <c r="BJ18" s="261">
        <v>0</v>
      </c>
      <c r="BK18" s="261">
        <v>2</v>
      </c>
      <c r="BL18" s="261">
        <v>3</v>
      </c>
      <c r="BM18" s="261">
        <v>1</v>
      </c>
      <c r="BN18" s="261">
        <v>1</v>
      </c>
      <c r="BO18" s="262">
        <v>7</v>
      </c>
      <c r="BP18" s="263">
        <v>7</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0</v>
      </c>
      <c r="CS18" s="261">
        <v>0</v>
      </c>
      <c r="CT18" s="261">
        <v>0</v>
      </c>
      <c r="CU18" s="261">
        <v>0</v>
      </c>
      <c r="CV18" s="258">
        <v>0</v>
      </c>
      <c r="CW18" s="263">
        <v>0</v>
      </c>
    </row>
    <row r="19" spans="2:101" ht="21" customHeight="1" x14ac:dyDescent="0.2">
      <c r="B19" s="472" t="s">
        <v>17</v>
      </c>
      <c r="C19" s="257">
        <v>0</v>
      </c>
      <c r="D19" s="258">
        <v>0</v>
      </c>
      <c r="E19" s="259">
        <v>0</v>
      </c>
      <c r="F19" s="260">
        <v>0</v>
      </c>
      <c r="G19" s="261">
        <v>1</v>
      </c>
      <c r="H19" s="261">
        <v>0</v>
      </c>
      <c r="I19" s="261">
        <v>0</v>
      </c>
      <c r="J19" s="261">
        <v>0</v>
      </c>
      <c r="K19" s="261">
        <v>0</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18</v>
      </c>
      <c r="AD19" s="261">
        <v>16</v>
      </c>
      <c r="AE19" s="261">
        <v>9</v>
      </c>
      <c r="AF19" s="261">
        <v>3</v>
      </c>
      <c r="AG19" s="261">
        <v>1</v>
      </c>
      <c r="AH19" s="258">
        <v>47</v>
      </c>
      <c r="AI19" s="263">
        <v>47</v>
      </c>
      <c r="AJ19" s="257">
        <v>0</v>
      </c>
      <c r="AK19" s="261">
        <v>0</v>
      </c>
      <c r="AL19" s="258">
        <v>0</v>
      </c>
      <c r="AM19" s="260">
        <v>0</v>
      </c>
      <c r="AN19" s="261">
        <v>0</v>
      </c>
      <c r="AO19" s="261">
        <v>0</v>
      </c>
      <c r="AP19" s="261">
        <v>1</v>
      </c>
      <c r="AQ19" s="261">
        <v>0</v>
      </c>
      <c r="AR19" s="261">
        <v>0</v>
      </c>
      <c r="AS19" s="258">
        <v>1</v>
      </c>
      <c r="AT19" s="263">
        <v>1</v>
      </c>
      <c r="AU19" s="257">
        <v>0</v>
      </c>
      <c r="AV19" s="261">
        <v>0</v>
      </c>
      <c r="AW19" s="258">
        <v>0</v>
      </c>
      <c r="AX19" s="260">
        <v>0</v>
      </c>
      <c r="AY19" s="261">
        <v>0</v>
      </c>
      <c r="AZ19" s="261">
        <v>1</v>
      </c>
      <c r="BA19" s="261">
        <v>0</v>
      </c>
      <c r="BB19" s="261">
        <v>1</v>
      </c>
      <c r="BC19" s="261">
        <v>1</v>
      </c>
      <c r="BD19" s="258">
        <v>3</v>
      </c>
      <c r="BE19" s="263">
        <v>3</v>
      </c>
      <c r="BF19" s="257">
        <v>0</v>
      </c>
      <c r="BG19" s="261">
        <v>0</v>
      </c>
      <c r="BH19" s="258">
        <v>0</v>
      </c>
      <c r="BI19" s="260">
        <v>0</v>
      </c>
      <c r="BJ19" s="261">
        <v>1</v>
      </c>
      <c r="BK19" s="261">
        <v>5</v>
      </c>
      <c r="BL19" s="261">
        <v>2</v>
      </c>
      <c r="BM19" s="261">
        <v>3</v>
      </c>
      <c r="BN19" s="261">
        <v>4</v>
      </c>
      <c r="BO19" s="262">
        <v>15</v>
      </c>
      <c r="BP19" s="263">
        <v>15</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1</v>
      </c>
      <c r="CI19" s="261">
        <v>2</v>
      </c>
      <c r="CJ19" s="261">
        <v>2</v>
      </c>
      <c r="CK19" s="258">
        <v>5</v>
      </c>
      <c r="CL19" s="263">
        <v>5</v>
      </c>
      <c r="CM19" s="257">
        <v>0</v>
      </c>
      <c r="CN19" s="261">
        <v>0</v>
      </c>
      <c r="CO19" s="258">
        <v>0</v>
      </c>
      <c r="CP19" s="260">
        <v>0</v>
      </c>
      <c r="CQ19" s="261">
        <v>0</v>
      </c>
      <c r="CR19" s="261">
        <v>0</v>
      </c>
      <c r="CS19" s="261">
        <v>0</v>
      </c>
      <c r="CT19" s="261">
        <v>0</v>
      </c>
      <c r="CU19" s="261">
        <v>0</v>
      </c>
      <c r="CV19" s="258">
        <v>0</v>
      </c>
      <c r="CW19" s="263">
        <v>0</v>
      </c>
    </row>
    <row r="20" spans="2:101" ht="21" customHeight="1" x14ac:dyDescent="0.2">
      <c r="B20" s="472" t="s">
        <v>18</v>
      </c>
      <c r="C20" s="257">
        <v>0</v>
      </c>
      <c r="D20" s="258">
        <v>0</v>
      </c>
      <c r="E20" s="259">
        <v>0</v>
      </c>
      <c r="F20" s="260">
        <v>0</v>
      </c>
      <c r="G20" s="261">
        <v>0</v>
      </c>
      <c r="H20" s="261">
        <v>0</v>
      </c>
      <c r="I20" s="261">
        <v>0</v>
      </c>
      <c r="J20" s="261">
        <v>0</v>
      </c>
      <c r="K20" s="261">
        <v>0</v>
      </c>
      <c r="L20" s="262">
        <v>0</v>
      </c>
      <c r="M20" s="263">
        <v>0</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18</v>
      </c>
      <c r="AD20" s="261">
        <v>10</v>
      </c>
      <c r="AE20" s="261">
        <v>5</v>
      </c>
      <c r="AF20" s="261">
        <v>4</v>
      </c>
      <c r="AG20" s="261">
        <v>0</v>
      </c>
      <c r="AH20" s="258">
        <v>37</v>
      </c>
      <c r="AI20" s="263">
        <v>37</v>
      </c>
      <c r="AJ20" s="257">
        <v>0</v>
      </c>
      <c r="AK20" s="261">
        <v>0</v>
      </c>
      <c r="AL20" s="258">
        <v>0</v>
      </c>
      <c r="AM20" s="260">
        <v>0</v>
      </c>
      <c r="AN20" s="261">
        <v>0</v>
      </c>
      <c r="AO20" s="261">
        <v>0</v>
      </c>
      <c r="AP20" s="261">
        <v>2</v>
      </c>
      <c r="AQ20" s="261">
        <v>1</v>
      </c>
      <c r="AR20" s="261">
        <v>0</v>
      </c>
      <c r="AS20" s="258">
        <v>3</v>
      </c>
      <c r="AT20" s="263">
        <v>3</v>
      </c>
      <c r="AU20" s="257">
        <v>0</v>
      </c>
      <c r="AV20" s="261">
        <v>0</v>
      </c>
      <c r="AW20" s="258">
        <v>0</v>
      </c>
      <c r="AX20" s="260">
        <v>0</v>
      </c>
      <c r="AY20" s="261">
        <v>0</v>
      </c>
      <c r="AZ20" s="261">
        <v>0</v>
      </c>
      <c r="BA20" s="261">
        <v>0</v>
      </c>
      <c r="BB20" s="261">
        <v>0</v>
      </c>
      <c r="BC20" s="261">
        <v>1</v>
      </c>
      <c r="BD20" s="258">
        <v>1</v>
      </c>
      <c r="BE20" s="263">
        <v>1</v>
      </c>
      <c r="BF20" s="257">
        <v>0</v>
      </c>
      <c r="BG20" s="261">
        <v>0</v>
      </c>
      <c r="BH20" s="258">
        <v>0</v>
      </c>
      <c r="BI20" s="260">
        <v>0</v>
      </c>
      <c r="BJ20" s="261">
        <v>2</v>
      </c>
      <c r="BK20" s="261">
        <v>4</v>
      </c>
      <c r="BL20" s="261">
        <v>4</v>
      </c>
      <c r="BM20" s="261">
        <v>2</v>
      </c>
      <c r="BN20" s="261">
        <v>0</v>
      </c>
      <c r="BO20" s="262">
        <v>12</v>
      </c>
      <c r="BP20" s="263">
        <v>12</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0</v>
      </c>
      <c r="CI20" s="261">
        <v>1</v>
      </c>
      <c r="CJ20" s="261">
        <v>1</v>
      </c>
      <c r="CK20" s="258">
        <v>2</v>
      </c>
      <c r="CL20" s="263">
        <v>2</v>
      </c>
      <c r="CM20" s="257">
        <v>0</v>
      </c>
      <c r="CN20" s="261">
        <v>0</v>
      </c>
      <c r="CO20" s="258">
        <v>0</v>
      </c>
      <c r="CP20" s="260">
        <v>0</v>
      </c>
      <c r="CQ20" s="261">
        <v>0</v>
      </c>
      <c r="CR20" s="261">
        <v>1</v>
      </c>
      <c r="CS20" s="261">
        <v>1</v>
      </c>
      <c r="CT20" s="261">
        <v>1</v>
      </c>
      <c r="CU20" s="261">
        <v>3</v>
      </c>
      <c r="CV20" s="258">
        <v>6</v>
      </c>
      <c r="CW20" s="263">
        <v>6</v>
      </c>
    </row>
    <row r="21" spans="2:101" ht="21" customHeight="1" x14ac:dyDescent="0.2">
      <c r="B21" s="472" t="s">
        <v>19</v>
      </c>
      <c r="C21" s="257">
        <v>0</v>
      </c>
      <c r="D21" s="258">
        <v>0</v>
      </c>
      <c r="E21" s="259">
        <v>0</v>
      </c>
      <c r="F21" s="260">
        <v>0</v>
      </c>
      <c r="G21" s="261">
        <v>0</v>
      </c>
      <c r="H21" s="261">
        <v>1</v>
      </c>
      <c r="I21" s="261">
        <v>0</v>
      </c>
      <c r="J21" s="261">
        <v>2</v>
      </c>
      <c r="K21" s="261">
        <v>1</v>
      </c>
      <c r="L21" s="262">
        <v>4</v>
      </c>
      <c r="M21" s="263">
        <v>4</v>
      </c>
      <c r="N21" s="257">
        <v>0</v>
      </c>
      <c r="O21" s="261">
        <v>0</v>
      </c>
      <c r="P21" s="258">
        <v>0</v>
      </c>
      <c r="Q21" s="260">
        <v>0</v>
      </c>
      <c r="R21" s="261">
        <v>0</v>
      </c>
      <c r="S21" s="261">
        <v>0</v>
      </c>
      <c r="T21" s="261">
        <v>0</v>
      </c>
      <c r="U21" s="261">
        <v>1</v>
      </c>
      <c r="V21" s="261">
        <v>0</v>
      </c>
      <c r="W21" s="258">
        <v>1</v>
      </c>
      <c r="X21" s="263">
        <v>1</v>
      </c>
      <c r="Y21" s="257">
        <v>0</v>
      </c>
      <c r="Z21" s="261">
        <v>0</v>
      </c>
      <c r="AA21" s="258">
        <v>0</v>
      </c>
      <c r="AB21" s="260">
        <v>0</v>
      </c>
      <c r="AC21" s="261">
        <v>7</v>
      </c>
      <c r="AD21" s="261">
        <v>6</v>
      </c>
      <c r="AE21" s="261">
        <v>2</v>
      </c>
      <c r="AF21" s="261">
        <v>2</v>
      </c>
      <c r="AG21" s="261">
        <v>0</v>
      </c>
      <c r="AH21" s="258">
        <v>17</v>
      </c>
      <c r="AI21" s="263">
        <v>17</v>
      </c>
      <c r="AJ21" s="257">
        <v>0</v>
      </c>
      <c r="AK21" s="261">
        <v>0</v>
      </c>
      <c r="AL21" s="258">
        <v>0</v>
      </c>
      <c r="AM21" s="260">
        <v>0</v>
      </c>
      <c r="AN21" s="261">
        <v>1</v>
      </c>
      <c r="AO21" s="261">
        <v>2</v>
      </c>
      <c r="AP21" s="261">
        <v>0</v>
      </c>
      <c r="AQ21" s="261">
        <v>0</v>
      </c>
      <c r="AR21" s="261">
        <v>0</v>
      </c>
      <c r="AS21" s="258">
        <v>3</v>
      </c>
      <c r="AT21" s="263">
        <v>3</v>
      </c>
      <c r="AU21" s="257">
        <v>0</v>
      </c>
      <c r="AV21" s="261">
        <v>0</v>
      </c>
      <c r="AW21" s="258">
        <v>0</v>
      </c>
      <c r="AX21" s="260">
        <v>0</v>
      </c>
      <c r="AY21" s="261">
        <v>0</v>
      </c>
      <c r="AZ21" s="261">
        <v>0</v>
      </c>
      <c r="BA21" s="261">
        <v>3</v>
      </c>
      <c r="BB21" s="261">
        <v>0</v>
      </c>
      <c r="BC21" s="261">
        <v>0</v>
      </c>
      <c r="BD21" s="258">
        <v>3</v>
      </c>
      <c r="BE21" s="263">
        <v>3</v>
      </c>
      <c r="BF21" s="257">
        <v>0</v>
      </c>
      <c r="BG21" s="261">
        <v>0</v>
      </c>
      <c r="BH21" s="258">
        <v>0</v>
      </c>
      <c r="BI21" s="260">
        <v>0</v>
      </c>
      <c r="BJ21" s="261">
        <v>0</v>
      </c>
      <c r="BK21" s="261">
        <v>0</v>
      </c>
      <c r="BL21" s="261">
        <v>1</v>
      </c>
      <c r="BM21" s="261">
        <v>0</v>
      </c>
      <c r="BN21" s="261">
        <v>1</v>
      </c>
      <c r="BO21" s="262">
        <v>2</v>
      </c>
      <c r="BP21" s="263">
        <v>2</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0</v>
      </c>
      <c r="CS21" s="261">
        <v>0</v>
      </c>
      <c r="CT21" s="261">
        <v>0</v>
      </c>
      <c r="CU21" s="261">
        <v>1</v>
      </c>
      <c r="CV21" s="258">
        <v>1</v>
      </c>
      <c r="CW21" s="263">
        <v>1</v>
      </c>
    </row>
    <row r="22" spans="2:101" ht="21" customHeight="1" x14ac:dyDescent="0.2">
      <c r="B22" s="472" t="s">
        <v>20</v>
      </c>
      <c r="C22" s="257">
        <v>0</v>
      </c>
      <c r="D22" s="258">
        <v>0</v>
      </c>
      <c r="E22" s="259">
        <v>0</v>
      </c>
      <c r="F22" s="260">
        <v>0</v>
      </c>
      <c r="G22" s="261">
        <v>0</v>
      </c>
      <c r="H22" s="261">
        <v>1</v>
      </c>
      <c r="I22" s="261">
        <v>0</v>
      </c>
      <c r="J22" s="261">
        <v>0</v>
      </c>
      <c r="K22" s="261">
        <v>0</v>
      </c>
      <c r="L22" s="262">
        <v>1</v>
      </c>
      <c r="M22" s="263">
        <v>1</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4</v>
      </c>
      <c r="AD22" s="261">
        <v>6</v>
      </c>
      <c r="AE22" s="261">
        <v>2</v>
      </c>
      <c r="AF22" s="261">
        <v>0</v>
      </c>
      <c r="AG22" s="261">
        <v>0</v>
      </c>
      <c r="AH22" s="258">
        <v>12</v>
      </c>
      <c r="AI22" s="263">
        <v>12</v>
      </c>
      <c r="AJ22" s="257">
        <v>0</v>
      </c>
      <c r="AK22" s="261">
        <v>0</v>
      </c>
      <c r="AL22" s="258">
        <v>0</v>
      </c>
      <c r="AM22" s="260">
        <v>0</v>
      </c>
      <c r="AN22" s="261">
        <v>0</v>
      </c>
      <c r="AO22" s="261">
        <v>0</v>
      </c>
      <c r="AP22" s="261">
        <v>0</v>
      </c>
      <c r="AQ22" s="261">
        <v>0</v>
      </c>
      <c r="AR22" s="261">
        <v>0</v>
      </c>
      <c r="AS22" s="258">
        <v>0</v>
      </c>
      <c r="AT22" s="263">
        <v>0</v>
      </c>
      <c r="AU22" s="257">
        <v>0</v>
      </c>
      <c r="AV22" s="261">
        <v>0</v>
      </c>
      <c r="AW22" s="258">
        <v>0</v>
      </c>
      <c r="AX22" s="260">
        <v>0</v>
      </c>
      <c r="AY22" s="261">
        <v>1</v>
      </c>
      <c r="AZ22" s="261">
        <v>0</v>
      </c>
      <c r="BA22" s="261">
        <v>1</v>
      </c>
      <c r="BB22" s="261">
        <v>0</v>
      </c>
      <c r="BC22" s="261">
        <v>0</v>
      </c>
      <c r="BD22" s="258">
        <v>2</v>
      </c>
      <c r="BE22" s="263">
        <v>2</v>
      </c>
      <c r="BF22" s="257">
        <v>0</v>
      </c>
      <c r="BG22" s="261">
        <v>0</v>
      </c>
      <c r="BH22" s="258">
        <v>0</v>
      </c>
      <c r="BI22" s="260">
        <v>0</v>
      </c>
      <c r="BJ22" s="261">
        <v>2</v>
      </c>
      <c r="BK22" s="261">
        <v>1</v>
      </c>
      <c r="BL22" s="261">
        <v>2</v>
      </c>
      <c r="BM22" s="261">
        <v>0</v>
      </c>
      <c r="BN22" s="261">
        <v>1</v>
      </c>
      <c r="BO22" s="262">
        <v>6</v>
      </c>
      <c r="BP22" s="263">
        <v>6</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1</v>
      </c>
      <c r="H23" s="261">
        <v>0</v>
      </c>
      <c r="I23" s="261">
        <v>0</v>
      </c>
      <c r="J23" s="261">
        <v>0</v>
      </c>
      <c r="K23" s="261">
        <v>0</v>
      </c>
      <c r="L23" s="262">
        <v>1</v>
      </c>
      <c r="M23" s="263">
        <v>1</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0</v>
      </c>
      <c r="AD23" s="261">
        <v>7</v>
      </c>
      <c r="AE23" s="261">
        <v>2</v>
      </c>
      <c r="AF23" s="261">
        <v>1</v>
      </c>
      <c r="AG23" s="261">
        <v>0</v>
      </c>
      <c r="AH23" s="258">
        <v>20</v>
      </c>
      <c r="AI23" s="263">
        <v>20</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1</v>
      </c>
      <c r="AZ23" s="261">
        <v>0</v>
      </c>
      <c r="BA23" s="261">
        <v>1</v>
      </c>
      <c r="BB23" s="261">
        <v>1</v>
      </c>
      <c r="BC23" s="261">
        <v>0</v>
      </c>
      <c r="BD23" s="258">
        <v>3</v>
      </c>
      <c r="BE23" s="263">
        <v>3</v>
      </c>
      <c r="BF23" s="257">
        <v>0</v>
      </c>
      <c r="BG23" s="261">
        <v>0</v>
      </c>
      <c r="BH23" s="258">
        <v>0</v>
      </c>
      <c r="BI23" s="260">
        <v>0</v>
      </c>
      <c r="BJ23" s="261">
        <v>0</v>
      </c>
      <c r="BK23" s="261">
        <v>2</v>
      </c>
      <c r="BL23" s="261">
        <v>1</v>
      </c>
      <c r="BM23" s="261">
        <v>2</v>
      </c>
      <c r="BN23" s="261">
        <v>0</v>
      </c>
      <c r="BO23" s="262">
        <v>5</v>
      </c>
      <c r="BP23" s="263">
        <v>5</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1</v>
      </c>
      <c r="H24" s="261">
        <v>0</v>
      </c>
      <c r="I24" s="261">
        <v>1</v>
      </c>
      <c r="J24" s="261">
        <v>0</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7</v>
      </c>
      <c r="AD24" s="261">
        <v>2</v>
      </c>
      <c r="AE24" s="261">
        <v>2</v>
      </c>
      <c r="AF24" s="261">
        <v>0</v>
      </c>
      <c r="AG24" s="261">
        <v>0</v>
      </c>
      <c r="AH24" s="258">
        <v>11</v>
      </c>
      <c r="AI24" s="263">
        <v>11</v>
      </c>
      <c r="AJ24" s="257">
        <v>0</v>
      </c>
      <c r="AK24" s="261">
        <v>0</v>
      </c>
      <c r="AL24" s="258">
        <v>0</v>
      </c>
      <c r="AM24" s="260">
        <v>0</v>
      </c>
      <c r="AN24" s="261">
        <v>0</v>
      </c>
      <c r="AO24" s="261">
        <v>0</v>
      </c>
      <c r="AP24" s="261">
        <v>1</v>
      </c>
      <c r="AQ24" s="261">
        <v>0</v>
      </c>
      <c r="AR24" s="261">
        <v>0</v>
      </c>
      <c r="AS24" s="258">
        <v>1</v>
      </c>
      <c r="AT24" s="263">
        <v>1</v>
      </c>
      <c r="AU24" s="257">
        <v>0</v>
      </c>
      <c r="AV24" s="261">
        <v>0</v>
      </c>
      <c r="AW24" s="258">
        <v>0</v>
      </c>
      <c r="AX24" s="260">
        <v>0</v>
      </c>
      <c r="AY24" s="261">
        <v>0</v>
      </c>
      <c r="AZ24" s="261">
        <v>2</v>
      </c>
      <c r="BA24" s="261">
        <v>1</v>
      </c>
      <c r="BB24" s="261">
        <v>0</v>
      </c>
      <c r="BC24" s="261">
        <v>0</v>
      </c>
      <c r="BD24" s="258">
        <v>3</v>
      </c>
      <c r="BE24" s="263">
        <v>3</v>
      </c>
      <c r="BF24" s="257">
        <v>0</v>
      </c>
      <c r="BG24" s="261">
        <v>0</v>
      </c>
      <c r="BH24" s="258">
        <v>0</v>
      </c>
      <c r="BI24" s="260">
        <v>0</v>
      </c>
      <c r="BJ24" s="261">
        <v>0</v>
      </c>
      <c r="BK24" s="261">
        <v>0</v>
      </c>
      <c r="BL24" s="261">
        <v>0</v>
      </c>
      <c r="BM24" s="261">
        <v>0</v>
      </c>
      <c r="BN24" s="261">
        <v>0</v>
      </c>
      <c r="BO24" s="262">
        <v>0</v>
      </c>
      <c r="BP24" s="263">
        <v>0</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1</v>
      </c>
      <c r="L25" s="262">
        <v>1</v>
      </c>
      <c r="M25" s="263">
        <v>1</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1</v>
      </c>
      <c r="AD25" s="261">
        <v>1</v>
      </c>
      <c r="AE25" s="261">
        <v>1</v>
      </c>
      <c r="AF25" s="261">
        <v>0</v>
      </c>
      <c r="AG25" s="261">
        <v>1</v>
      </c>
      <c r="AH25" s="258">
        <v>4</v>
      </c>
      <c r="AI25" s="263">
        <v>4</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0</v>
      </c>
      <c r="BA25" s="261">
        <v>0</v>
      </c>
      <c r="BB25" s="261">
        <v>0</v>
      </c>
      <c r="BC25" s="261">
        <v>0</v>
      </c>
      <c r="BD25" s="258">
        <v>0</v>
      </c>
      <c r="BE25" s="263">
        <v>0</v>
      </c>
      <c r="BF25" s="257">
        <v>0</v>
      </c>
      <c r="BG25" s="261">
        <v>0</v>
      </c>
      <c r="BH25" s="258">
        <v>0</v>
      </c>
      <c r="BI25" s="260">
        <v>0</v>
      </c>
      <c r="BJ25" s="261">
        <v>1</v>
      </c>
      <c r="BK25" s="261">
        <v>0</v>
      </c>
      <c r="BL25" s="261">
        <v>3</v>
      </c>
      <c r="BM25" s="261">
        <v>1</v>
      </c>
      <c r="BN25" s="261">
        <v>0</v>
      </c>
      <c r="BO25" s="262">
        <v>5</v>
      </c>
      <c r="BP25" s="263">
        <v>5</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1</v>
      </c>
      <c r="J26" s="261">
        <v>1</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0</v>
      </c>
      <c r="AD26" s="261">
        <v>0</v>
      </c>
      <c r="AE26" s="261">
        <v>0</v>
      </c>
      <c r="AF26" s="261">
        <v>1</v>
      </c>
      <c r="AG26" s="261">
        <v>0</v>
      </c>
      <c r="AH26" s="258">
        <v>1</v>
      </c>
      <c r="AI26" s="263">
        <v>1</v>
      </c>
      <c r="AJ26" s="257">
        <v>0</v>
      </c>
      <c r="AK26" s="261">
        <v>0</v>
      </c>
      <c r="AL26" s="258">
        <v>0</v>
      </c>
      <c r="AM26" s="260">
        <v>0</v>
      </c>
      <c r="AN26" s="261">
        <v>0</v>
      </c>
      <c r="AO26" s="261">
        <v>1</v>
      </c>
      <c r="AP26" s="261">
        <v>2</v>
      </c>
      <c r="AQ26" s="261">
        <v>0</v>
      </c>
      <c r="AR26" s="261">
        <v>1</v>
      </c>
      <c r="AS26" s="258">
        <v>4</v>
      </c>
      <c r="AT26" s="263">
        <v>4</v>
      </c>
      <c r="AU26" s="257">
        <v>0</v>
      </c>
      <c r="AV26" s="261">
        <v>0</v>
      </c>
      <c r="AW26" s="258">
        <v>0</v>
      </c>
      <c r="AX26" s="260">
        <v>0</v>
      </c>
      <c r="AY26" s="261">
        <v>3</v>
      </c>
      <c r="AZ26" s="261">
        <v>0</v>
      </c>
      <c r="BA26" s="261">
        <v>1</v>
      </c>
      <c r="BB26" s="261">
        <v>0</v>
      </c>
      <c r="BC26" s="261">
        <v>0</v>
      </c>
      <c r="BD26" s="258">
        <v>4</v>
      </c>
      <c r="BE26" s="263">
        <v>4</v>
      </c>
      <c r="BF26" s="257">
        <v>0</v>
      </c>
      <c r="BG26" s="261">
        <v>0</v>
      </c>
      <c r="BH26" s="258">
        <v>0</v>
      </c>
      <c r="BI26" s="260">
        <v>0</v>
      </c>
      <c r="BJ26" s="261">
        <v>0</v>
      </c>
      <c r="BK26" s="261">
        <v>0</v>
      </c>
      <c r="BL26" s="261">
        <v>1</v>
      </c>
      <c r="BM26" s="261">
        <v>0</v>
      </c>
      <c r="BN26" s="261">
        <v>1</v>
      </c>
      <c r="BO26" s="262">
        <v>2</v>
      </c>
      <c r="BP26" s="263">
        <v>2</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4</v>
      </c>
      <c r="AD27" s="261">
        <v>2</v>
      </c>
      <c r="AE27" s="261">
        <v>0</v>
      </c>
      <c r="AF27" s="261">
        <v>0</v>
      </c>
      <c r="AG27" s="261">
        <v>0</v>
      </c>
      <c r="AH27" s="258">
        <v>6</v>
      </c>
      <c r="AI27" s="263">
        <v>6</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0</v>
      </c>
      <c r="AZ27" s="261">
        <v>0</v>
      </c>
      <c r="BA27" s="261">
        <v>0</v>
      </c>
      <c r="BB27" s="261">
        <v>0</v>
      </c>
      <c r="BC27" s="261">
        <v>0</v>
      </c>
      <c r="BD27" s="258">
        <v>0</v>
      </c>
      <c r="BE27" s="263">
        <v>0</v>
      </c>
      <c r="BF27" s="257">
        <v>0</v>
      </c>
      <c r="BG27" s="261">
        <v>0</v>
      </c>
      <c r="BH27" s="258">
        <v>0</v>
      </c>
      <c r="BI27" s="260">
        <v>0</v>
      </c>
      <c r="BJ27" s="261">
        <v>1</v>
      </c>
      <c r="BK27" s="261">
        <v>0</v>
      </c>
      <c r="BL27" s="261">
        <v>0</v>
      </c>
      <c r="BM27" s="261">
        <v>0</v>
      </c>
      <c r="BN27" s="261">
        <v>0</v>
      </c>
      <c r="BO27" s="262">
        <v>1</v>
      </c>
      <c r="BP27" s="263">
        <v>1</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1</v>
      </c>
      <c r="AE28" s="261">
        <v>2</v>
      </c>
      <c r="AF28" s="261">
        <v>0</v>
      </c>
      <c r="AG28" s="261">
        <v>1</v>
      </c>
      <c r="AH28" s="258">
        <v>7</v>
      </c>
      <c r="AI28" s="263">
        <v>7</v>
      </c>
      <c r="AJ28" s="257">
        <v>0</v>
      </c>
      <c r="AK28" s="261">
        <v>0</v>
      </c>
      <c r="AL28" s="258">
        <v>0</v>
      </c>
      <c r="AM28" s="260">
        <v>0</v>
      </c>
      <c r="AN28" s="261">
        <v>0</v>
      </c>
      <c r="AO28" s="261">
        <v>0</v>
      </c>
      <c r="AP28" s="261">
        <v>0</v>
      </c>
      <c r="AQ28" s="261">
        <v>0</v>
      </c>
      <c r="AR28" s="261">
        <v>0</v>
      </c>
      <c r="AS28" s="258">
        <v>0</v>
      </c>
      <c r="AT28" s="263">
        <v>0</v>
      </c>
      <c r="AU28" s="257">
        <v>0</v>
      </c>
      <c r="AV28" s="261">
        <v>0</v>
      </c>
      <c r="AW28" s="258">
        <v>0</v>
      </c>
      <c r="AX28" s="260">
        <v>0</v>
      </c>
      <c r="AY28" s="261">
        <v>2</v>
      </c>
      <c r="AZ28" s="261">
        <v>0</v>
      </c>
      <c r="BA28" s="261">
        <v>0</v>
      </c>
      <c r="BB28" s="261">
        <v>0</v>
      </c>
      <c r="BC28" s="261">
        <v>0</v>
      </c>
      <c r="BD28" s="258">
        <v>2</v>
      </c>
      <c r="BE28" s="263">
        <v>2</v>
      </c>
      <c r="BF28" s="257">
        <v>0</v>
      </c>
      <c r="BG28" s="261">
        <v>0</v>
      </c>
      <c r="BH28" s="258">
        <v>0</v>
      </c>
      <c r="BI28" s="260">
        <v>0</v>
      </c>
      <c r="BJ28" s="261">
        <v>0</v>
      </c>
      <c r="BK28" s="261">
        <v>0</v>
      </c>
      <c r="BL28" s="261">
        <v>2</v>
      </c>
      <c r="BM28" s="261">
        <v>1</v>
      </c>
      <c r="BN28" s="261">
        <v>0</v>
      </c>
      <c r="BO28" s="262">
        <v>3</v>
      </c>
      <c r="BP28" s="263">
        <v>3</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0</v>
      </c>
      <c r="J29" s="261">
        <v>0</v>
      </c>
      <c r="K29" s="261">
        <v>0</v>
      </c>
      <c r="L29" s="262">
        <v>0</v>
      </c>
      <c r="M29" s="263">
        <v>0</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v>
      </c>
      <c r="AD29" s="261">
        <v>1</v>
      </c>
      <c r="AE29" s="261">
        <v>0</v>
      </c>
      <c r="AF29" s="261">
        <v>0</v>
      </c>
      <c r="AG29" s="261">
        <v>0</v>
      </c>
      <c r="AH29" s="258">
        <v>4</v>
      </c>
      <c r="AI29" s="263">
        <v>4</v>
      </c>
      <c r="AJ29" s="257">
        <v>0</v>
      </c>
      <c r="AK29" s="261">
        <v>0</v>
      </c>
      <c r="AL29" s="258">
        <v>0</v>
      </c>
      <c r="AM29" s="260">
        <v>0</v>
      </c>
      <c r="AN29" s="261">
        <v>0</v>
      </c>
      <c r="AO29" s="261">
        <v>1</v>
      </c>
      <c r="AP29" s="261">
        <v>1</v>
      </c>
      <c r="AQ29" s="261">
        <v>0</v>
      </c>
      <c r="AR29" s="261">
        <v>0</v>
      </c>
      <c r="AS29" s="258">
        <v>2</v>
      </c>
      <c r="AT29" s="263">
        <v>2</v>
      </c>
      <c r="AU29" s="257">
        <v>0</v>
      </c>
      <c r="AV29" s="261">
        <v>0</v>
      </c>
      <c r="AW29" s="258">
        <v>0</v>
      </c>
      <c r="AX29" s="260">
        <v>0</v>
      </c>
      <c r="AY29" s="261">
        <v>0</v>
      </c>
      <c r="AZ29" s="261">
        <v>0</v>
      </c>
      <c r="BA29" s="261">
        <v>0</v>
      </c>
      <c r="BB29" s="261">
        <v>0</v>
      </c>
      <c r="BC29" s="261">
        <v>0</v>
      </c>
      <c r="BD29" s="258">
        <v>0</v>
      </c>
      <c r="BE29" s="263">
        <v>0</v>
      </c>
      <c r="BF29" s="257">
        <v>0</v>
      </c>
      <c r="BG29" s="261">
        <v>0</v>
      </c>
      <c r="BH29" s="258">
        <v>0</v>
      </c>
      <c r="BI29" s="260">
        <v>0</v>
      </c>
      <c r="BJ29" s="261">
        <v>0</v>
      </c>
      <c r="BK29" s="261">
        <v>0</v>
      </c>
      <c r="BL29" s="261">
        <v>0</v>
      </c>
      <c r="BM29" s="261">
        <v>0</v>
      </c>
      <c r="BN29" s="261">
        <v>0</v>
      </c>
      <c r="BO29" s="262">
        <v>0</v>
      </c>
      <c r="BP29" s="263">
        <v>0</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3</v>
      </c>
      <c r="AD30" s="261">
        <v>1</v>
      </c>
      <c r="AE30" s="261">
        <v>0</v>
      </c>
      <c r="AF30" s="261">
        <v>0</v>
      </c>
      <c r="AG30" s="261">
        <v>0</v>
      </c>
      <c r="AH30" s="258">
        <v>4</v>
      </c>
      <c r="AI30" s="263">
        <v>4</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1</v>
      </c>
      <c r="BL30" s="261">
        <v>0</v>
      </c>
      <c r="BM30" s="261">
        <v>0</v>
      </c>
      <c r="BN30" s="261">
        <v>0</v>
      </c>
      <c r="BO30" s="262">
        <v>1</v>
      </c>
      <c r="BP30" s="263">
        <v>1</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1</v>
      </c>
      <c r="H31" s="261">
        <v>0</v>
      </c>
      <c r="I31" s="261">
        <v>0</v>
      </c>
      <c r="J31" s="261">
        <v>0</v>
      </c>
      <c r="K31" s="261">
        <v>0</v>
      </c>
      <c r="L31" s="262">
        <v>1</v>
      </c>
      <c r="M31" s="263">
        <v>1</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v>
      </c>
      <c r="AD31" s="261">
        <v>0</v>
      </c>
      <c r="AE31" s="261">
        <v>0</v>
      </c>
      <c r="AF31" s="261">
        <v>0</v>
      </c>
      <c r="AG31" s="261">
        <v>0</v>
      </c>
      <c r="AH31" s="258">
        <v>2</v>
      </c>
      <c r="AI31" s="263">
        <v>2</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3</v>
      </c>
      <c r="AZ31" s="261">
        <v>1</v>
      </c>
      <c r="BA31" s="261">
        <v>0</v>
      </c>
      <c r="BB31" s="261">
        <v>0</v>
      </c>
      <c r="BC31" s="261">
        <v>0</v>
      </c>
      <c r="BD31" s="258">
        <v>4</v>
      </c>
      <c r="BE31" s="263">
        <v>4</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0</v>
      </c>
      <c r="CI31" s="261">
        <v>1</v>
      </c>
      <c r="CJ31" s="261">
        <v>0</v>
      </c>
      <c r="CK31" s="258">
        <v>1</v>
      </c>
      <c r="CL31" s="263">
        <v>1</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1</v>
      </c>
      <c r="AD32" s="261">
        <v>0</v>
      </c>
      <c r="AE32" s="261">
        <v>0</v>
      </c>
      <c r="AF32" s="261">
        <v>0</v>
      </c>
      <c r="AG32" s="261">
        <v>0</v>
      </c>
      <c r="AH32" s="258">
        <v>1</v>
      </c>
      <c r="AI32" s="263">
        <v>1</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0</v>
      </c>
      <c r="BN32" s="261">
        <v>0</v>
      </c>
      <c r="BO32" s="262">
        <v>0</v>
      </c>
      <c r="BP32" s="263">
        <v>0</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1</v>
      </c>
      <c r="I33" s="261">
        <v>0</v>
      </c>
      <c r="J33" s="261">
        <v>0</v>
      </c>
      <c r="K33" s="261">
        <v>0</v>
      </c>
      <c r="L33" s="262">
        <v>1</v>
      </c>
      <c r="M33" s="263">
        <v>1</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2</v>
      </c>
      <c r="AD33" s="261">
        <v>1</v>
      </c>
      <c r="AE33" s="261">
        <v>1</v>
      </c>
      <c r="AF33" s="261">
        <v>1</v>
      </c>
      <c r="AG33" s="261">
        <v>0</v>
      </c>
      <c r="AH33" s="258">
        <v>5</v>
      </c>
      <c r="AI33" s="263">
        <v>5</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0</v>
      </c>
      <c r="BC33" s="261">
        <v>0</v>
      </c>
      <c r="BD33" s="258">
        <v>1</v>
      </c>
      <c r="BE33" s="263">
        <v>1</v>
      </c>
      <c r="BF33" s="257">
        <v>0</v>
      </c>
      <c r="BG33" s="261">
        <v>0</v>
      </c>
      <c r="BH33" s="258">
        <v>0</v>
      </c>
      <c r="BI33" s="260">
        <v>0</v>
      </c>
      <c r="BJ33" s="261">
        <v>0</v>
      </c>
      <c r="BK33" s="261">
        <v>0</v>
      </c>
      <c r="BL33" s="261">
        <v>0</v>
      </c>
      <c r="BM33" s="261">
        <v>0</v>
      </c>
      <c r="BN33" s="261">
        <v>0</v>
      </c>
      <c r="BO33" s="262">
        <v>0</v>
      </c>
      <c r="BP33" s="263">
        <v>0</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1</v>
      </c>
      <c r="I34" s="261">
        <v>0</v>
      </c>
      <c r="J34" s="261">
        <v>0</v>
      </c>
      <c r="K34" s="261">
        <v>0</v>
      </c>
      <c r="L34" s="262">
        <v>1</v>
      </c>
      <c r="M34" s="263">
        <v>1</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0</v>
      </c>
      <c r="AD34" s="261">
        <v>0</v>
      </c>
      <c r="AE34" s="261">
        <v>1</v>
      </c>
      <c r="AF34" s="261">
        <v>0</v>
      </c>
      <c r="AG34" s="261">
        <v>0</v>
      </c>
      <c r="AH34" s="258">
        <v>1</v>
      </c>
      <c r="AI34" s="263">
        <v>1</v>
      </c>
      <c r="AJ34" s="257">
        <v>0</v>
      </c>
      <c r="AK34" s="261">
        <v>0</v>
      </c>
      <c r="AL34" s="258">
        <v>0</v>
      </c>
      <c r="AM34" s="260">
        <v>0</v>
      </c>
      <c r="AN34" s="261">
        <v>2</v>
      </c>
      <c r="AO34" s="261">
        <v>0</v>
      </c>
      <c r="AP34" s="261">
        <v>0</v>
      </c>
      <c r="AQ34" s="261">
        <v>0</v>
      </c>
      <c r="AR34" s="261">
        <v>0</v>
      </c>
      <c r="AS34" s="258">
        <v>2</v>
      </c>
      <c r="AT34" s="263">
        <v>2</v>
      </c>
      <c r="AU34" s="257">
        <v>0</v>
      </c>
      <c r="AV34" s="261">
        <v>0</v>
      </c>
      <c r="AW34" s="258">
        <v>0</v>
      </c>
      <c r="AX34" s="260">
        <v>0</v>
      </c>
      <c r="AY34" s="261">
        <v>0</v>
      </c>
      <c r="AZ34" s="261">
        <v>1</v>
      </c>
      <c r="BA34" s="261">
        <v>0</v>
      </c>
      <c r="BB34" s="261">
        <v>0</v>
      </c>
      <c r="BC34" s="261">
        <v>0</v>
      </c>
      <c r="BD34" s="258">
        <v>1</v>
      </c>
      <c r="BE34" s="263">
        <v>1</v>
      </c>
      <c r="BF34" s="257">
        <v>0</v>
      </c>
      <c r="BG34" s="261">
        <v>0</v>
      </c>
      <c r="BH34" s="258">
        <v>0</v>
      </c>
      <c r="BI34" s="260">
        <v>0</v>
      </c>
      <c r="BJ34" s="261">
        <v>0</v>
      </c>
      <c r="BK34" s="261">
        <v>0</v>
      </c>
      <c r="BL34" s="261">
        <v>0</v>
      </c>
      <c r="BM34" s="261">
        <v>0</v>
      </c>
      <c r="BN34" s="261">
        <v>1</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0</v>
      </c>
      <c r="CJ34" s="261">
        <v>1</v>
      </c>
      <c r="CK34" s="258">
        <v>2</v>
      </c>
      <c r="CL34" s="263">
        <v>2</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1</v>
      </c>
      <c r="AG35" s="261">
        <v>0</v>
      </c>
      <c r="AH35" s="258">
        <v>3</v>
      </c>
      <c r="AI35" s="263">
        <v>3</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1</v>
      </c>
      <c r="CV35" s="258">
        <v>1</v>
      </c>
      <c r="CW35" s="263">
        <v>1</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0</v>
      </c>
      <c r="AE36" s="261">
        <v>0</v>
      </c>
      <c r="AF36" s="261">
        <v>0</v>
      </c>
      <c r="AG36" s="261">
        <v>0</v>
      </c>
      <c r="AH36" s="258">
        <v>0</v>
      </c>
      <c r="AI36" s="263">
        <v>0</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1</v>
      </c>
      <c r="AZ36" s="261">
        <v>0</v>
      </c>
      <c r="BA36" s="261">
        <v>0</v>
      </c>
      <c r="BB36" s="261">
        <v>0</v>
      </c>
      <c r="BC36" s="261">
        <v>0</v>
      </c>
      <c r="BD36" s="258">
        <v>1</v>
      </c>
      <c r="BE36" s="263">
        <v>1</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1</v>
      </c>
      <c r="CV36" s="258">
        <v>1</v>
      </c>
      <c r="CW36" s="263">
        <v>1</v>
      </c>
    </row>
    <row r="37" spans="2:101" ht="21" customHeight="1" x14ac:dyDescent="0.2">
      <c r="B37" s="472" t="s">
        <v>35</v>
      </c>
      <c r="C37" s="257">
        <v>0</v>
      </c>
      <c r="D37" s="258">
        <v>0</v>
      </c>
      <c r="E37" s="259">
        <v>0</v>
      </c>
      <c r="F37" s="260">
        <v>0</v>
      </c>
      <c r="G37" s="261">
        <v>0</v>
      </c>
      <c r="H37" s="261">
        <v>0</v>
      </c>
      <c r="I37" s="261">
        <v>0</v>
      </c>
      <c r="J37" s="261">
        <v>0</v>
      </c>
      <c r="K37" s="261">
        <v>0</v>
      </c>
      <c r="L37" s="262">
        <v>0</v>
      </c>
      <c r="M37" s="263">
        <v>0</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1</v>
      </c>
      <c r="AZ37" s="261">
        <v>0</v>
      </c>
      <c r="BA37" s="261">
        <v>0</v>
      </c>
      <c r="BB37" s="261">
        <v>0</v>
      </c>
      <c r="BC37" s="261">
        <v>1</v>
      </c>
      <c r="BD37" s="258">
        <v>2</v>
      </c>
      <c r="BE37" s="263">
        <v>2</v>
      </c>
      <c r="BF37" s="257">
        <v>0</v>
      </c>
      <c r="BG37" s="261">
        <v>0</v>
      </c>
      <c r="BH37" s="258">
        <v>0</v>
      </c>
      <c r="BI37" s="260">
        <v>0</v>
      </c>
      <c r="BJ37" s="261">
        <v>1</v>
      </c>
      <c r="BK37" s="261">
        <v>0</v>
      </c>
      <c r="BL37" s="261">
        <v>0</v>
      </c>
      <c r="BM37" s="261">
        <v>1</v>
      </c>
      <c r="BN37" s="261">
        <v>0</v>
      </c>
      <c r="BO37" s="262">
        <v>2</v>
      </c>
      <c r="BP37" s="263">
        <v>2</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0</v>
      </c>
      <c r="AD38" s="261">
        <v>0</v>
      </c>
      <c r="AE38" s="261">
        <v>0</v>
      </c>
      <c r="AF38" s="261">
        <v>0</v>
      </c>
      <c r="AG38" s="261">
        <v>0</v>
      </c>
      <c r="AH38" s="258">
        <v>0</v>
      </c>
      <c r="AI38" s="263">
        <v>0</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1</v>
      </c>
      <c r="BB38" s="261">
        <v>0</v>
      </c>
      <c r="BC38" s="261">
        <v>0</v>
      </c>
      <c r="BD38" s="258">
        <v>1</v>
      </c>
      <c r="BE38" s="263">
        <v>1</v>
      </c>
      <c r="BF38" s="257">
        <v>0</v>
      </c>
      <c r="BG38" s="261">
        <v>0</v>
      </c>
      <c r="BH38" s="258">
        <v>0</v>
      </c>
      <c r="BI38" s="260">
        <v>0</v>
      </c>
      <c r="BJ38" s="261">
        <v>0</v>
      </c>
      <c r="BK38" s="261">
        <v>1</v>
      </c>
      <c r="BL38" s="261">
        <v>1</v>
      </c>
      <c r="BM38" s="261">
        <v>0</v>
      </c>
      <c r="BN38" s="261">
        <v>1</v>
      </c>
      <c r="BO38" s="262">
        <v>3</v>
      </c>
      <c r="BP38" s="263">
        <v>3</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8" style="242" customWidth="1"/>
    <col min="18" max="16384" width="9" style="242"/>
  </cols>
  <sheetData>
    <row r="1" spans="2:24" ht="24" customHeight="1" x14ac:dyDescent="0.2">
      <c r="B1" s="271" t="s">
        <v>125</v>
      </c>
      <c r="H1" s="501">
        <f>第１表!F2</f>
        <v>5</v>
      </c>
      <c r="I1" s="501"/>
      <c r="J1" s="235">
        <f>第１表!G2</f>
        <v>10</v>
      </c>
      <c r="K1" s="505">
        <f>IF(J1&lt;3,J1+12-2,J1-2)</f>
        <v>8</v>
      </c>
      <c r="L1" s="505"/>
    </row>
    <row r="2" spans="2:24" ht="24" customHeight="1" thickBot="1" x14ac:dyDescent="0.25">
      <c r="B2" s="271" t="s">
        <v>132</v>
      </c>
    </row>
    <row r="3" spans="2:24" ht="21" customHeight="1" x14ac:dyDescent="0.2">
      <c r="B3" s="517"/>
      <c r="C3" s="513" t="s">
        <v>142</v>
      </c>
      <c r="D3" s="513"/>
      <c r="E3" s="513"/>
      <c r="F3" s="513"/>
      <c r="G3" s="513"/>
      <c r="H3" s="513"/>
      <c r="I3" s="513"/>
      <c r="J3" s="513"/>
      <c r="K3" s="513"/>
      <c r="L3" s="513"/>
      <c r="M3" s="543"/>
      <c r="N3" s="513" t="s">
        <v>113</v>
      </c>
      <c r="O3" s="513"/>
      <c r="P3" s="513"/>
      <c r="Q3" s="513"/>
      <c r="R3" s="513"/>
      <c r="S3" s="513"/>
      <c r="T3" s="513"/>
      <c r="U3" s="513"/>
      <c r="V3" s="513"/>
      <c r="W3" s="513"/>
      <c r="X3" s="543"/>
    </row>
    <row r="4" spans="2:24" ht="21" customHeight="1" x14ac:dyDescent="0.2">
      <c r="B4" s="541"/>
      <c r="C4" s="544" t="s">
        <v>61</v>
      </c>
      <c r="D4" s="544"/>
      <c r="E4" s="545"/>
      <c r="F4" s="546" t="s">
        <v>62</v>
      </c>
      <c r="G4" s="544"/>
      <c r="H4" s="544"/>
      <c r="I4" s="544"/>
      <c r="J4" s="544"/>
      <c r="K4" s="544"/>
      <c r="L4" s="547"/>
      <c r="M4" s="548" t="s">
        <v>52</v>
      </c>
      <c r="N4" s="544" t="s">
        <v>61</v>
      </c>
      <c r="O4" s="544"/>
      <c r="P4" s="545"/>
      <c r="Q4" s="546" t="s">
        <v>62</v>
      </c>
      <c r="R4" s="544"/>
      <c r="S4" s="544"/>
      <c r="T4" s="544"/>
      <c r="U4" s="544"/>
      <c r="V4" s="544"/>
      <c r="W4" s="547"/>
      <c r="X4" s="548" t="s">
        <v>52</v>
      </c>
    </row>
    <row r="5" spans="2:24" ht="30" customHeight="1" thickBot="1" x14ac:dyDescent="0.25">
      <c r="B5" s="542"/>
      <c r="C5" s="243" t="s">
        <v>43</v>
      </c>
      <c r="D5" s="243" t="s">
        <v>44</v>
      </c>
      <c r="E5" s="246" t="s">
        <v>45</v>
      </c>
      <c r="F5" s="248" t="s">
        <v>83</v>
      </c>
      <c r="G5" s="243" t="s">
        <v>47</v>
      </c>
      <c r="H5" s="243" t="s">
        <v>48</v>
      </c>
      <c r="I5" s="243" t="s">
        <v>49</v>
      </c>
      <c r="J5" s="243" t="s">
        <v>50</v>
      </c>
      <c r="K5" s="243" t="s">
        <v>51</v>
      </c>
      <c r="L5" s="246" t="s">
        <v>45</v>
      </c>
      <c r="M5" s="516"/>
      <c r="N5" s="243" t="s">
        <v>43</v>
      </c>
      <c r="O5" s="243" t="s">
        <v>44</v>
      </c>
      <c r="P5" s="246" t="s">
        <v>45</v>
      </c>
      <c r="Q5" s="248" t="s">
        <v>83</v>
      </c>
      <c r="R5" s="243" t="s">
        <v>47</v>
      </c>
      <c r="S5" s="243" t="s">
        <v>48</v>
      </c>
      <c r="T5" s="243" t="s">
        <v>49</v>
      </c>
      <c r="U5" s="243" t="s">
        <v>50</v>
      </c>
      <c r="V5" s="243" t="s">
        <v>51</v>
      </c>
      <c r="W5" s="246" t="s">
        <v>45</v>
      </c>
      <c r="X5" s="516"/>
    </row>
    <row r="6" spans="2:24" ht="21" customHeight="1" x14ac:dyDescent="0.2">
      <c r="B6" s="470" t="s">
        <v>4</v>
      </c>
      <c r="C6" s="254">
        <v>0</v>
      </c>
      <c r="D6" s="254">
        <v>0</v>
      </c>
      <c r="E6" s="251">
        <v>0</v>
      </c>
      <c r="F6" s="253">
        <v>0</v>
      </c>
      <c r="G6" s="254">
        <v>102422</v>
      </c>
      <c r="H6" s="254">
        <v>102610</v>
      </c>
      <c r="I6" s="254">
        <v>63210</v>
      </c>
      <c r="J6" s="254">
        <v>32502</v>
      </c>
      <c r="K6" s="254">
        <v>13776</v>
      </c>
      <c r="L6" s="251">
        <v>314520</v>
      </c>
      <c r="M6" s="256">
        <v>314520</v>
      </c>
      <c r="N6" s="254">
        <v>31</v>
      </c>
      <c r="O6" s="254">
        <v>56</v>
      </c>
      <c r="P6" s="251">
        <v>87</v>
      </c>
      <c r="Q6" s="253">
        <v>0</v>
      </c>
      <c r="R6" s="254">
        <v>6598</v>
      </c>
      <c r="S6" s="254">
        <v>9247</v>
      </c>
      <c r="T6" s="254">
        <v>12025</v>
      </c>
      <c r="U6" s="254">
        <v>6905</v>
      </c>
      <c r="V6" s="254">
        <v>5035</v>
      </c>
      <c r="W6" s="251">
        <v>39810</v>
      </c>
      <c r="X6" s="256">
        <v>39897</v>
      </c>
    </row>
    <row r="7" spans="2:24" ht="21" customHeight="1" x14ac:dyDescent="0.2">
      <c r="B7" s="471" t="s">
        <v>5</v>
      </c>
      <c r="C7" s="261">
        <v>0</v>
      </c>
      <c r="D7" s="261">
        <v>0</v>
      </c>
      <c r="E7" s="258">
        <v>0</v>
      </c>
      <c r="F7" s="260">
        <v>0</v>
      </c>
      <c r="G7" s="261">
        <v>35780</v>
      </c>
      <c r="H7" s="261">
        <v>48706</v>
      </c>
      <c r="I7" s="261">
        <v>29085</v>
      </c>
      <c r="J7" s="261">
        <v>15325</v>
      </c>
      <c r="K7" s="261">
        <v>6263</v>
      </c>
      <c r="L7" s="258">
        <v>135159</v>
      </c>
      <c r="M7" s="263">
        <v>135159</v>
      </c>
      <c r="N7" s="261">
        <v>18</v>
      </c>
      <c r="O7" s="261">
        <v>21</v>
      </c>
      <c r="P7" s="258">
        <v>39</v>
      </c>
      <c r="Q7" s="260">
        <v>0</v>
      </c>
      <c r="R7" s="261">
        <v>3162</v>
      </c>
      <c r="S7" s="261">
        <v>4745</v>
      </c>
      <c r="T7" s="261">
        <v>6211</v>
      </c>
      <c r="U7" s="261">
        <v>3819</v>
      </c>
      <c r="V7" s="261">
        <v>2694</v>
      </c>
      <c r="W7" s="258">
        <v>20631</v>
      </c>
      <c r="X7" s="263">
        <v>20670</v>
      </c>
    </row>
    <row r="8" spans="2:24" ht="21" customHeight="1" x14ac:dyDescent="0.2">
      <c r="B8" s="472" t="s">
        <v>6</v>
      </c>
      <c r="C8" s="261">
        <v>0</v>
      </c>
      <c r="D8" s="261">
        <v>0</v>
      </c>
      <c r="E8" s="258">
        <v>0</v>
      </c>
      <c r="F8" s="260">
        <v>0</v>
      </c>
      <c r="G8" s="261">
        <v>14350</v>
      </c>
      <c r="H8" s="261">
        <v>10926</v>
      </c>
      <c r="I8" s="261">
        <v>7823</v>
      </c>
      <c r="J8" s="261">
        <v>4314</v>
      </c>
      <c r="K8" s="261">
        <v>1925</v>
      </c>
      <c r="L8" s="258">
        <v>39338</v>
      </c>
      <c r="M8" s="263">
        <v>39338</v>
      </c>
      <c r="N8" s="261">
        <v>4</v>
      </c>
      <c r="O8" s="261">
        <v>8</v>
      </c>
      <c r="P8" s="258">
        <v>12</v>
      </c>
      <c r="Q8" s="260">
        <v>0</v>
      </c>
      <c r="R8" s="261">
        <v>1638</v>
      </c>
      <c r="S8" s="261">
        <v>2140</v>
      </c>
      <c r="T8" s="261">
        <v>2597</v>
      </c>
      <c r="U8" s="261">
        <v>1573</v>
      </c>
      <c r="V8" s="261">
        <v>1093</v>
      </c>
      <c r="W8" s="258">
        <v>9041</v>
      </c>
      <c r="X8" s="263">
        <v>9053</v>
      </c>
    </row>
    <row r="9" spans="2:24" ht="21" customHeight="1" x14ac:dyDescent="0.2">
      <c r="B9" s="472" t="s">
        <v>14</v>
      </c>
      <c r="C9" s="261">
        <v>0</v>
      </c>
      <c r="D9" s="261">
        <v>0</v>
      </c>
      <c r="E9" s="258">
        <v>0</v>
      </c>
      <c r="F9" s="260">
        <v>0</v>
      </c>
      <c r="G9" s="261">
        <v>7558</v>
      </c>
      <c r="H9" s="261">
        <v>9207</v>
      </c>
      <c r="I9" s="261">
        <v>5795</v>
      </c>
      <c r="J9" s="261">
        <v>2848</v>
      </c>
      <c r="K9" s="261">
        <v>1277</v>
      </c>
      <c r="L9" s="258">
        <v>26685</v>
      </c>
      <c r="M9" s="263">
        <v>26685</v>
      </c>
      <c r="N9" s="261">
        <v>0</v>
      </c>
      <c r="O9" s="261">
        <v>0</v>
      </c>
      <c r="P9" s="258">
        <v>0</v>
      </c>
      <c r="Q9" s="260">
        <v>0</v>
      </c>
      <c r="R9" s="261">
        <v>119</v>
      </c>
      <c r="S9" s="261">
        <v>205</v>
      </c>
      <c r="T9" s="261">
        <v>515</v>
      </c>
      <c r="U9" s="261">
        <v>220</v>
      </c>
      <c r="V9" s="261">
        <v>274</v>
      </c>
      <c r="W9" s="258">
        <v>1333</v>
      </c>
      <c r="X9" s="263">
        <v>1333</v>
      </c>
    </row>
    <row r="10" spans="2:24" ht="21" customHeight="1" x14ac:dyDescent="0.2">
      <c r="B10" s="472" t="s">
        <v>7</v>
      </c>
      <c r="C10" s="261">
        <v>0</v>
      </c>
      <c r="D10" s="261">
        <v>0</v>
      </c>
      <c r="E10" s="258">
        <v>0</v>
      </c>
      <c r="F10" s="260">
        <v>0</v>
      </c>
      <c r="G10" s="261">
        <v>8558</v>
      </c>
      <c r="H10" s="261">
        <v>5468</v>
      </c>
      <c r="I10" s="261">
        <v>2659</v>
      </c>
      <c r="J10" s="261">
        <v>1046</v>
      </c>
      <c r="K10" s="261">
        <v>498</v>
      </c>
      <c r="L10" s="258">
        <v>18229</v>
      </c>
      <c r="M10" s="263">
        <v>18229</v>
      </c>
      <c r="N10" s="261">
        <v>0</v>
      </c>
      <c r="O10" s="261">
        <v>0</v>
      </c>
      <c r="P10" s="258">
        <v>0</v>
      </c>
      <c r="Q10" s="260">
        <v>0</v>
      </c>
      <c r="R10" s="261">
        <v>729</v>
      </c>
      <c r="S10" s="261">
        <v>969</v>
      </c>
      <c r="T10" s="261">
        <v>998</v>
      </c>
      <c r="U10" s="261">
        <v>430</v>
      </c>
      <c r="V10" s="261">
        <v>206</v>
      </c>
      <c r="W10" s="258">
        <v>3332</v>
      </c>
      <c r="X10" s="263">
        <v>3332</v>
      </c>
    </row>
    <row r="11" spans="2:24" ht="21" customHeight="1" x14ac:dyDescent="0.2">
      <c r="B11" s="472" t="s">
        <v>8</v>
      </c>
      <c r="C11" s="261">
        <v>0</v>
      </c>
      <c r="D11" s="261">
        <v>0</v>
      </c>
      <c r="E11" s="258">
        <v>0</v>
      </c>
      <c r="F11" s="260">
        <v>0</v>
      </c>
      <c r="G11" s="261">
        <v>4726</v>
      </c>
      <c r="H11" s="261">
        <v>4489</v>
      </c>
      <c r="I11" s="261">
        <v>2482</v>
      </c>
      <c r="J11" s="261">
        <v>1169</v>
      </c>
      <c r="K11" s="261">
        <v>462</v>
      </c>
      <c r="L11" s="258">
        <v>13328</v>
      </c>
      <c r="M11" s="263">
        <v>13328</v>
      </c>
      <c r="N11" s="261">
        <v>0</v>
      </c>
      <c r="O11" s="261">
        <v>0</v>
      </c>
      <c r="P11" s="258">
        <v>0</v>
      </c>
      <c r="Q11" s="260">
        <v>0</v>
      </c>
      <c r="R11" s="261">
        <v>69</v>
      </c>
      <c r="S11" s="261">
        <v>91</v>
      </c>
      <c r="T11" s="261">
        <v>102</v>
      </c>
      <c r="U11" s="261">
        <v>109</v>
      </c>
      <c r="V11" s="261">
        <v>110</v>
      </c>
      <c r="W11" s="258">
        <v>481</v>
      </c>
      <c r="X11" s="263">
        <v>481</v>
      </c>
    </row>
    <row r="12" spans="2:24" ht="21" customHeight="1" x14ac:dyDescent="0.2">
      <c r="B12" s="472" t="s">
        <v>9</v>
      </c>
      <c r="C12" s="261">
        <v>0</v>
      </c>
      <c r="D12" s="261">
        <v>0</v>
      </c>
      <c r="E12" s="258">
        <v>0</v>
      </c>
      <c r="F12" s="260">
        <v>0</v>
      </c>
      <c r="G12" s="261">
        <v>2882</v>
      </c>
      <c r="H12" s="261">
        <v>1906</v>
      </c>
      <c r="I12" s="261">
        <v>1698</v>
      </c>
      <c r="J12" s="261">
        <v>825</v>
      </c>
      <c r="K12" s="261">
        <v>283</v>
      </c>
      <c r="L12" s="258">
        <v>7594</v>
      </c>
      <c r="M12" s="263">
        <v>7594</v>
      </c>
      <c r="N12" s="261">
        <v>0</v>
      </c>
      <c r="O12" s="261">
        <v>0</v>
      </c>
      <c r="P12" s="258">
        <v>0</v>
      </c>
      <c r="Q12" s="260">
        <v>0</v>
      </c>
      <c r="R12" s="261">
        <v>35</v>
      </c>
      <c r="S12" s="261">
        <v>55</v>
      </c>
      <c r="T12" s="261">
        <v>54</v>
      </c>
      <c r="U12" s="261">
        <v>10</v>
      </c>
      <c r="V12" s="261">
        <v>87</v>
      </c>
      <c r="W12" s="258">
        <v>241</v>
      </c>
      <c r="X12" s="263">
        <v>241</v>
      </c>
    </row>
    <row r="13" spans="2:24" ht="21" customHeight="1" x14ac:dyDescent="0.2">
      <c r="B13" s="472" t="s">
        <v>10</v>
      </c>
      <c r="C13" s="261">
        <v>0</v>
      </c>
      <c r="D13" s="261">
        <v>0</v>
      </c>
      <c r="E13" s="258">
        <v>0</v>
      </c>
      <c r="F13" s="260">
        <v>0</v>
      </c>
      <c r="G13" s="261">
        <v>4139</v>
      </c>
      <c r="H13" s="261">
        <v>2140</v>
      </c>
      <c r="I13" s="261">
        <v>1182</v>
      </c>
      <c r="J13" s="261">
        <v>674</v>
      </c>
      <c r="K13" s="261">
        <v>211</v>
      </c>
      <c r="L13" s="258">
        <v>8346</v>
      </c>
      <c r="M13" s="263">
        <v>8346</v>
      </c>
      <c r="N13" s="261">
        <v>0</v>
      </c>
      <c r="O13" s="261">
        <v>5</v>
      </c>
      <c r="P13" s="258">
        <v>5</v>
      </c>
      <c r="Q13" s="260">
        <v>0</v>
      </c>
      <c r="R13" s="261">
        <v>60</v>
      </c>
      <c r="S13" s="261">
        <v>112</v>
      </c>
      <c r="T13" s="261">
        <v>267</v>
      </c>
      <c r="U13" s="261">
        <v>115</v>
      </c>
      <c r="V13" s="261">
        <v>118</v>
      </c>
      <c r="W13" s="258">
        <v>672</v>
      </c>
      <c r="X13" s="263">
        <v>677</v>
      </c>
    </row>
    <row r="14" spans="2:24" ht="21" customHeight="1" x14ac:dyDescent="0.2">
      <c r="B14" s="472" t="s">
        <v>11</v>
      </c>
      <c r="C14" s="261">
        <v>0</v>
      </c>
      <c r="D14" s="261">
        <v>0</v>
      </c>
      <c r="E14" s="258">
        <v>0</v>
      </c>
      <c r="F14" s="260">
        <v>0</v>
      </c>
      <c r="G14" s="261">
        <v>4249</v>
      </c>
      <c r="H14" s="261">
        <v>2731</v>
      </c>
      <c r="I14" s="261">
        <v>1812</v>
      </c>
      <c r="J14" s="261">
        <v>900</v>
      </c>
      <c r="K14" s="261">
        <v>349</v>
      </c>
      <c r="L14" s="258">
        <v>10041</v>
      </c>
      <c r="M14" s="263">
        <v>10041</v>
      </c>
      <c r="N14" s="261">
        <v>0</v>
      </c>
      <c r="O14" s="261">
        <v>0</v>
      </c>
      <c r="P14" s="258">
        <v>0</v>
      </c>
      <c r="Q14" s="260">
        <v>0</v>
      </c>
      <c r="R14" s="261">
        <v>145</v>
      </c>
      <c r="S14" s="261">
        <v>87</v>
      </c>
      <c r="T14" s="261">
        <v>145</v>
      </c>
      <c r="U14" s="261">
        <v>3</v>
      </c>
      <c r="V14" s="261">
        <v>12</v>
      </c>
      <c r="W14" s="258">
        <v>392</v>
      </c>
      <c r="X14" s="263">
        <v>392</v>
      </c>
    </row>
    <row r="15" spans="2:24" ht="21" customHeight="1" x14ac:dyDescent="0.2">
      <c r="B15" s="472" t="s">
        <v>12</v>
      </c>
      <c r="C15" s="261">
        <v>0</v>
      </c>
      <c r="D15" s="261">
        <v>0</v>
      </c>
      <c r="E15" s="258">
        <v>0</v>
      </c>
      <c r="F15" s="260">
        <v>0</v>
      </c>
      <c r="G15" s="261">
        <v>3172</v>
      </c>
      <c r="H15" s="261">
        <v>2014</v>
      </c>
      <c r="I15" s="261">
        <v>1377</v>
      </c>
      <c r="J15" s="261">
        <v>659</v>
      </c>
      <c r="K15" s="261">
        <v>261</v>
      </c>
      <c r="L15" s="258">
        <v>7483</v>
      </c>
      <c r="M15" s="263">
        <v>7483</v>
      </c>
      <c r="N15" s="261">
        <v>0</v>
      </c>
      <c r="O15" s="261">
        <v>0</v>
      </c>
      <c r="P15" s="258">
        <v>0</v>
      </c>
      <c r="Q15" s="260">
        <v>0</v>
      </c>
      <c r="R15" s="261">
        <v>32</v>
      </c>
      <c r="S15" s="261">
        <v>18</v>
      </c>
      <c r="T15" s="261">
        <v>0</v>
      </c>
      <c r="U15" s="261">
        <v>14</v>
      </c>
      <c r="V15" s="261">
        <v>19</v>
      </c>
      <c r="W15" s="258">
        <v>83</v>
      </c>
      <c r="X15" s="263">
        <v>83</v>
      </c>
    </row>
    <row r="16" spans="2:24" ht="21" customHeight="1" x14ac:dyDescent="0.2">
      <c r="B16" s="472" t="s">
        <v>13</v>
      </c>
      <c r="C16" s="261">
        <v>0</v>
      </c>
      <c r="D16" s="261">
        <v>0</v>
      </c>
      <c r="E16" s="258">
        <v>0</v>
      </c>
      <c r="F16" s="260">
        <v>0</v>
      </c>
      <c r="G16" s="261">
        <v>1105</v>
      </c>
      <c r="H16" s="261">
        <v>1101</v>
      </c>
      <c r="I16" s="261">
        <v>674</v>
      </c>
      <c r="J16" s="261">
        <v>286</v>
      </c>
      <c r="K16" s="261">
        <v>197</v>
      </c>
      <c r="L16" s="258">
        <v>3363</v>
      </c>
      <c r="M16" s="263">
        <v>3363</v>
      </c>
      <c r="N16" s="261">
        <v>0</v>
      </c>
      <c r="O16" s="261">
        <v>0</v>
      </c>
      <c r="P16" s="258">
        <v>0</v>
      </c>
      <c r="Q16" s="260">
        <v>0</v>
      </c>
      <c r="R16" s="261">
        <v>20</v>
      </c>
      <c r="S16" s="261">
        <v>52</v>
      </c>
      <c r="T16" s="261">
        <v>75</v>
      </c>
      <c r="U16" s="261">
        <v>53</v>
      </c>
      <c r="V16" s="261">
        <v>38</v>
      </c>
      <c r="W16" s="258">
        <v>238</v>
      </c>
      <c r="X16" s="263">
        <v>238</v>
      </c>
    </row>
    <row r="17" spans="2:24" ht="21" customHeight="1" x14ac:dyDescent="0.2">
      <c r="B17" s="472" t="s">
        <v>15</v>
      </c>
      <c r="C17" s="261">
        <v>0</v>
      </c>
      <c r="D17" s="261">
        <v>0</v>
      </c>
      <c r="E17" s="258">
        <v>0</v>
      </c>
      <c r="F17" s="260">
        <v>0</v>
      </c>
      <c r="G17" s="261">
        <v>1311</v>
      </c>
      <c r="H17" s="261">
        <v>1473</v>
      </c>
      <c r="I17" s="261">
        <v>819</v>
      </c>
      <c r="J17" s="261">
        <v>298</v>
      </c>
      <c r="K17" s="261">
        <v>147</v>
      </c>
      <c r="L17" s="258">
        <v>4048</v>
      </c>
      <c r="M17" s="263">
        <v>4048</v>
      </c>
      <c r="N17" s="261">
        <v>0</v>
      </c>
      <c r="O17" s="261">
        <v>0</v>
      </c>
      <c r="P17" s="258">
        <v>0</v>
      </c>
      <c r="Q17" s="260">
        <v>0</v>
      </c>
      <c r="R17" s="261">
        <v>37</v>
      </c>
      <c r="S17" s="261">
        <v>17</v>
      </c>
      <c r="T17" s="261">
        <v>67</v>
      </c>
      <c r="U17" s="261">
        <v>16</v>
      </c>
      <c r="V17" s="261">
        <v>32</v>
      </c>
      <c r="W17" s="258">
        <v>169</v>
      </c>
      <c r="X17" s="263">
        <v>169</v>
      </c>
    </row>
    <row r="18" spans="2:24" ht="21" customHeight="1" x14ac:dyDescent="0.2">
      <c r="B18" s="472" t="s">
        <v>16</v>
      </c>
      <c r="C18" s="261">
        <v>0</v>
      </c>
      <c r="D18" s="261">
        <v>0</v>
      </c>
      <c r="E18" s="258">
        <v>0</v>
      </c>
      <c r="F18" s="260">
        <v>0</v>
      </c>
      <c r="G18" s="261">
        <v>1350</v>
      </c>
      <c r="H18" s="261">
        <v>1431</v>
      </c>
      <c r="I18" s="261">
        <v>879</v>
      </c>
      <c r="J18" s="261">
        <v>407</v>
      </c>
      <c r="K18" s="261">
        <v>188</v>
      </c>
      <c r="L18" s="258">
        <v>4255</v>
      </c>
      <c r="M18" s="263">
        <v>4255</v>
      </c>
      <c r="N18" s="261">
        <v>0</v>
      </c>
      <c r="O18" s="261">
        <v>0</v>
      </c>
      <c r="P18" s="258">
        <v>0</v>
      </c>
      <c r="Q18" s="260">
        <v>0</v>
      </c>
      <c r="R18" s="261">
        <v>45</v>
      </c>
      <c r="S18" s="261">
        <v>88</v>
      </c>
      <c r="T18" s="261">
        <v>75</v>
      </c>
      <c r="U18" s="261">
        <v>30</v>
      </c>
      <c r="V18" s="261">
        <v>43</v>
      </c>
      <c r="W18" s="258">
        <v>281</v>
      </c>
      <c r="X18" s="263">
        <v>281</v>
      </c>
    </row>
    <row r="19" spans="2:24" ht="21" customHeight="1" x14ac:dyDescent="0.2">
      <c r="B19" s="472" t="s">
        <v>17</v>
      </c>
      <c r="C19" s="261">
        <v>0</v>
      </c>
      <c r="D19" s="261">
        <v>0</v>
      </c>
      <c r="E19" s="258">
        <v>0</v>
      </c>
      <c r="F19" s="260">
        <v>0</v>
      </c>
      <c r="G19" s="261">
        <v>2222</v>
      </c>
      <c r="H19" s="261">
        <v>2693</v>
      </c>
      <c r="I19" s="261">
        <v>1505</v>
      </c>
      <c r="J19" s="261">
        <v>1340</v>
      </c>
      <c r="K19" s="261">
        <v>742</v>
      </c>
      <c r="L19" s="258">
        <v>8502</v>
      </c>
      <c r="M19" s="263">
        <v>8502</v>
      </c>
      <c r="N19" s="261">
        <v>5</v>
      </c>
      <c r="O19" s="261">
        <v>22</v>
      </c>
      <c r="P19" s="258">
        <v>27</v>
      </c>
      <c r="Q19" s="260">
        <v>0</v>
      </c>
      <c r="R19" s="261">
        <v>148</v>
      </c>
      <c r="S19" s="261">
        <v>223</v>
      </c>
      <c r="T19" s="261">
        <v>78</v>
      </c>
      <c r="U19" s="261">
        <v>145</v>
      </c>
      <c r="V19" s="261">
        <v>40</v>
      </c>
      <c r="W19" s="258">
        <v>634</v>
      </c>
      <c r="X19" s="263">
        <v>661</v>
      </c>
    </row>
    <row r="20" spans="2:24" ht="21" customHeight="1" x14ac:dyDescent="0.2">
      <c r="B20" s="472" t="s">
        <v>18</v>
      </c>
      <c r="C20" s="261">
        <v>0</v>
      </c>
      <c r="D20" s="261">
        <v>0</v>
      </c>
      <c r="E20" s="258">
        <v>0</v>
      </c>
      <c r="F20" s="260">
        <v>0</v>
      </c>
      <c r="G20" s="261">
        <v>2223</v>
      </c>
      <c r="H20" s="261">
        <v>1479</v>
      </c>
      <c r="I20" s="261">
        <v>1042</v>
      </c>
      <c r="J20" s="261">
        <v>419</v>
      </c>
      <c r="K20" s="261">
        <v>159</v>
      </c>
      <c r="L20" s="258">
        <v>5322</v>
      </c>
      <c r="M20" s="263">
        <v>5322</v>
      </c>
      <c r="N20" s="261">
        <v>0</v>
      </c>
      <c r="O20" s="261">
        <v>0</v>
      </c>
      <c r="P20" s="258">
        <v>0</v>
      </c>
      <c r="Q20" s="260">
        <v>0</v>
      </c>
      <c r="R20" s="261">
        <v>63</v>
      </c>
      <c r="S20" s="261">
        <v>78</v>
      </c>
      <c r="T20" s="261">
        <v>308</v>
      </c>
      <c r="U20" s="261">
        <v>166</v>
      </c>
      <c r="V20" s="261">
        <v>72</v>
      </c>
      <c r="W20" s="258">
        <v>687</v>
      </c>
      <c r="X20" s="263">
        <v>687</v>
      </c>
    </row>
    <row r="21" spans="2:24" ht="21" customHeight="1" x14ac:dyDescent="0.2">
      <c r="B21" s="472" t="s">
        <v>19</v>
      </c>
      <c r="C21" s="261">
        <v>0</v>
      </c>
      <c r="D21" s="261">
        <v>0</v>
      </c>
      <c r="E21" s="258">
        <v>0</v>
      </c>
      <c r="F21" s="260">
        <v>0</v>
      </c>
      <c r="G21" s="261">
        <v>1026</v>
      </c>
      <c r="H21" s="261">
        <v>1009</v>
      </c>
      <c r="I21" s="261">
        <v>551</v>
      </c>
      <c r="J21" s="261">
        <v>274</v>
      </c>
      <c r="K21" s="261">
        <v>119</v>
      </c>
      <c r="L21" s="258">
        <v>2979</v>
      </c>
      <c r="M21" s="263">
        <v>2979</v>
      </c>
      <c r="N21" s="261">
        <v>0</v>
      </c>
      <c r="O21" s="261">
        <v>0</v>
      </c>
      <c r="P21" s="258">
        <v>0</v>
      </c>
      <c r="Q21" s="260">
        <v>0</v>
      </c>
      <c r="R21" s="261">
        <v>106</v>
      </c>
      <c r="S21" s="261">
        <v>186</v>
      </c>
      <c r="T21" s="261">
        <v>251</v>
      </c>
      <c r="U21" s="261">
        <v>35</v>
      </c>
      <c r="V21" s="261">
        <v>40</v>
      </c>
      <c r="W21" s="258">
        <v>618</v>
      </c>
      <c r="X21" s="263">
        <v>618</v>
      </c>
    </row>
    <row r="22" spans="2:24" ht="21" customHeight="1" x14ac:dyDescent="0.2">
      <c r="B22" s="472" t="s">
        <v>20</v>
      </c>
      <c r="C22" s="261">
        <v>0</v>
      </c>
      <c r="D22" s="261">
        <v>0</v>
      </c>
      <c r="E22" s="258">
        <v>0</v>
      </c>
      <c r="F22" s="260">
        <v>0</v>
      </c>
      <c r="G22" s="261">
        <v>1263</v>
      </c>
      <c r="H22" s="261">
        <v>749</v>
      </c>
      <c r="I22" s="261">
        <v>634</v>
      </c>
      <c r="J22" s="261">
        <v>156</v>
      </c>
      <c r="K22" s="261">
        <v>33</v>
      </c>
      <c r="L22" s="258">
        <v>2835</v>
      </c>
      <c r="M22" s="263">
        <v>2835</v>
      </c>
      <c r="N22" s="261">
        <v>0</v>
      </c>
      <c r="O22" s="261">
        <v>0</v>
      </c>
      <c r="P22" s="258">
        <v>0</v>
      </c>
      <c r="Q22" s="260">
        <v>0</v>
      </c>
      <c r="R22" s="261">
        <v>11</v>
      </c>
      <c r="S22" s="261">
        <v>9</v>
      </c>
      <c r="T22" s="261">
        <v>35</v>
      </c>
      <c r="U22" s="261">
        <v>0</v>
      </c>
      <c r="V22" s="261">
        <v>25</v>
      </c>
      <c r="W22" s="258">
        <v>80</v>
      </c>
      <c r="X22" s="263">
        <v>80</v>
      </c>
    </row>
    <row r="23" spans="2:24" ht="21" customHeight="1" x14ac:dyDescent="0.2">
      <c r="B23" s="472" t="s">
        <v>21</v>
      </c>
      <c r="C23" s="261">
        <v>0</v>
      </c>
      <c r="D23" s="261">
        <v>0</v>
      </c>
      <c r="E23" s="258">
        <v>0</v>
      </c>
      <c r="F23" s="260">
        <v>0</v>
      </c>
      <c r="G23" s="261">
        <v>1371</v>
      </c>
      <c r="H23" s="261">
        <v>1445</v>
      </c>
      <c r="I23" s="261">
        <v>750</v>
      </c>
      <c r="J23" s="261">
        <v>290</v>
      </c>
      <c r="K23" s="261">
        <v>101</v>
      </c>
      <c r="L23" s="258">
        <v>3957</v>
      </c>
      <c r="M23" s="263">
        <v>3957</v>
      </c>
      <c r="N23" s="261">
        <v>0</v>
      </c>
      <c r="O23" s="261">
        <v>0</v>
      </c>
      <c r="P23" s="258">
        <v>0</v>
      </c>
      <c r="Q23" s="260">
        <v>0</v>
      </c>
      <c r="R23" s="261">
        <v>0</v>
      </c>
      <c r="S23" s="261">
        <v>0</v>
      </c>
      <c r="T23" s="261">
        <v>0</v>
      </c>
      <c r="U23" s="261">
        <v>9</v>
      </c>
      <c r="V23" s="261">
        <v>0</v>
      </c>
      <c r="W23" s="258">
        <v>9</v>
      </c>
      <c r="X23" s="263">
        <v>9</v>
      </c>
    </row>
    <row r="24" spans="2:24" ht="21" customHeight="1" x14ac:dyDescent="0.2">
      <c r="B24" s="472" t="s">
        <v>22</v>
      </c>
      <c r="C24" s="261">
        <v>0</v>
      </c>
      <c r="D24" s="261">
        <v>0</v>
      </c>
      <c r="E24" s="258">
        <v>0</v>
      </c>
      <c r="F24" s="260">
        <v>0</v>
      </c>
      <c r="G24" s="261">
        <v>978</v>
      </c>
      <c r="H24" s="261">
        <v>850</v>
      </c>
      <c r="I24" s="261">
        <v>521</v>
      </c>
      <c r="J24" s="261">
        <v>341</v>
      </c>
      <c r="K24" s="261">
        <v>52</v>
      </c>
      <c r="L24" s="258">
        <v>2742</v>
      </c>
      <c r="M24" s="263">
        <v>2742</v>
      </c>
      <c r="N24" s="261">
        <v>0</v>
      </c>
      <c r="O24" s="261">
        <v>0</v>
      </c>
      <c r="P24" s="258">
        <v>0</v>
      </c>
      <c r="Q24" s="260">
        <v>0</v>
      </c>
      <c r="R24" s="261">
        <v>17</v>
      </c>
      <c r="S24" s="261">
        <v>43</v>
      </c>
      <c r="T24" s="261">
        <v>53</v>
      </c>
      <c r="U24" s="261">
        <v>31</v>
      </c>
      <c r="V24" s="261">
        <v>34</v>
      </c>
      <c r="W24" s="258">
        <v>178</v>
      </c>
      <c r="X24" s="263">
        <v>178</v>
      </c>
    </row>
    <row r="25" spans="2:24" ht="21" customHeight="1" x14ac:dyDescent="0.2">
      <c r="B25" s="472" t="s">
        <v>23</v>
      </c>
      <c r="C25" s="261">
        <v>0</v>
      </c>
      <c r="D25" s="261">
        <v>0</v>
      </c>
      <c r="E25" s="258">
        <v>0</v>
      </c>
      <c r="F25" s="260">
        <v>0</v>
      </c>
      <c r="G25" s="261">
        <v>453</v>
      </c>
      <c r="H25" s="261">
        <v>386</v>
      </c>
      <c r="I25" s="261">
        <v>296</v>
      </c>
      <c r="J25" s="261">
        <v>192</v>
      </c>
      <c r="K25" s="261">
        <v>83</v>
      </c>
      <c r="L25" s="258">
        <v>1410</v>
      </c>
      <c r="M25" s="263">
        <v>1410</v>
      </c>
      <c r="N25" s="261">
        <v>0</v>
      </c>
      <c r="O25" s="261">
        <v>0</v>
      </c>
      <c r="P25" s="258">
        <v>0</v>
      </c>
      <c r="Q25" s="260">
        <v>0</v>
      </c>
      <c r="R25" s="261">
        <v>0</v>
      </c>
      <c r="S25" s="261">
        <v>0</v>
      </c>
      <c r="T25" s="261">
        <v>27</v>
      </c>
      <c r="U25" s="261">
        <v>0</v>
      </c>
      <c r="V25" s="261">
        <v>0</v>
      </c>
      <c r="W25" s="258">
        <v>27</v>
      </c>
      <c r="X25" s="263">
        <v>27</v>
      </c>
    </row>
    <row r="26" spans="2:24" ht="21" customHeight="1" x14ac:dyDescent="0.2">
      <c r="B26" s="472" t="s">
        <v>24</v>
      </c>
      <c r="C26" s="261">
        <v>0</v>
      </c>
      <c r="D26" s="261">
        <v>0</v>
      </c>
      <c r="E26" s="258">
        <v>0</v>
      </c>
      <c r="F26" s="260">
        <v>0</v>
      </c>
      <c r="G26" s="261">
        <v>213</v>
      </c>
      <c r="H26" s="261">
        <v>155</v>
      </c>
      <c r="I26" s="261">
        <v>150</v>
      </c>
      <c r="J26" s="261">
        <v>37</v>
      </c>
      <c r="K26" s="261">
        <v>29</v>
      </c>
      <c r="L26" s="258">
        <v>584</v>
      </c>
      <c r="M26" s="263">
        <v>584</v>
      </c>
      <c r="N26" s="261">
        <v>0</v>
      </c>
      <c r="O26" s="261">
        <v>0</v>
      </c>
      <c r="P26" s="258">
        <v>0</v>
      </c>
      <c r="Q26" s="260">
        <v>0</v>
      </c>
      <c r="R26" s="261">
        <v>63</v>
      </c>
      <c r="S26" s="261">
        <v>50</v>
      </c>
      <c r="T26" s="261">
        <v>64</v>
      </c>
      <c r="U26" s="261">
        <v>19</v>
      </c>
      <c r="V26" s="261">
        <v>12</v>
      </c>
      <c r="W26" s="258">
        <v>208</v>
      </c>
      <c r="X26" s="263">
        <v>208</v>
      </c>
    </row>
    <row r="27" spans="2:24" ht="21" customHeight="1" x14ac:dyDescent="0.2">
      <c r="B27" s="472" t="s">
        <v>25</v>
      </c>
      <c r="C27" s="261">
        <v>0</v>
      </c>
      <c r="D27" s="261">
        <v>0</v>
      </c>
      <c r="E27" s="258">
        <v>0</v>
      </c>
      <c r="F27" s="260">
        <v>0</v>
      </c>
      <c r="G27" s="261">
        <v>746</v>
      </c>
      <c r="H27" s="261">
        <v>276</v>
      </c>
      <c r="I27" s="261">
        <v>148</v>
      </c>
      <c r="J27" s="261">
        <v>54</v>
      </c>
      <c r="K27" s="261">
        <v>5</v>
      </c>
      <c r="L27" s="258">
        <v>1229</v>
      </c>
      <c r="M27" s="263">
        <v>1229</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345</v>
      </c>
      <c r="H28" s="261">
        <v>365</v>
      </c>
      <c r="I28" s="261">
        <v>257</v>
      </c>
      <c r="J28" s="261">
        <v>79</v>
      </c>
      <c r="K28" s="261">
        <v>56</v>
      </c>
      <c r="L28" s="258">
        <v>1102</v>
      </c>
      <c r="M28" s="263">
        <v>1102</v>
      </c>
      <c r="N28" s="261">
        <v>0</v>
      </c>
      <c r="O28" s="261">
        <v>0</v>
      </c>
      <c r="P28" s="258">
        <v>0</v>
      </c>
      <c r="Q28" s="260">
        <v>0</v>
      </c>
      <c r="R28" s="261">
        <v>0</v>
      </c>
      <c r="S28" s="261">
        <v>34</v>
      </c>
      <c r="T28" s="261">
        <v>65</v>
      </c>
      <c r="U28" s="261">
        <v>29</v>
      </c>
      <c r="V28" s="261">
        <v>13</v>
      </c>
      <c r="W28" s="258">
        <v>141</v>
      </c>
      <c r="X28" s="263">
        <v>141</v>
      </c>
    </row>
    <row r="29" spans="2:24" ht="21" customHeight="1" x14ac:dyDescent="0.2">
      <c r="B29" s="472" t="s">
        <v>27</v>
      </c>
      <c r="C29" s="261">
        <v>0</v>
      </c>
      <c r="D29" s="261">
        <v>0</v>
      </c>
      <c r="E29" s="258">
        <v>0</v>
      </c>
      <c r="F29" s="260">
        <v>0</v>
      </c>
      <c r="G29" s="261">
        <v>251</v>
      </c>
      <c r="H29" s="261">
        <v>134</v>
      </c>
      <c r="I29" s="261">
        <v>65</v>
      </c>
      <c r="J29" s="261">
        <v>12</v>
      </c>
      <c r="K29" s="261">
        <v>0</v>
      </c>
      <c r="L29" s="258">
        <v>462</v>
      </c>
      <c r="M29" s="263">
        <v>462</v>
      </c>
      <c r="N29" s="261">
        <v>0</v>
      </c>
      <c r="O29" s="261">
        <v>0</v>
      </c>
      <c r="P29" s="258">
        <v>0</v>
      </c>
      <c r="Q29" s="260">
        <v>0</v>
      </c>
      <c r="R29" s="261">
        <v>26</v>
      </c>
      <c r="S29" s="261">
        <v>5</v>
      </c>
      <c r="T29" s="261">
        <v>4</v>
      </c>
      <c r="U29" s="261">
        <v>23</v>
      </c>
      <c r="V29" s="261">
        <v>22</v>
      </c>
      <c r="W29" s="258">
        <v>80</v>
      </c>
      <c r="X29" s="263">
        <v>80</v>
      </c>
    </row>
    <row r="30" spans="2:24" ht="21" customHeight="1" x14ac:dyDescent="0.2">
      <c r="B30" s="472" t="s">
        <v>28</v>
      </c>
      <c r="C30" s="261">
        <v>0</v>
      </c>
      <c r="D30" s="261">
        <v>0</v>
      </c>
      <c r="E30" s="258">
        <v>0</v>
      </c>
      <c r="F30" s="260">
        <v>0</v>
      </c>
      <c r="G30" s="261">
        <v>157</v>
      </c>
      <c r="H30" s="261">
        <v>112</v>
      </c>
      <c r="I30" s="261">
        <v>23</v>
      </c>
      <c r="J30" s="261">
        <v>26</v>
      </c>
      <c r="K30" s="261">
        <v>4</v>
      </c>
      <c r="L30" s="258">
        <v>322</v>
      </c>
      <c r="M30" s="263">
        <v>322</v>
      </c>
      <c r="N30" s="261">
        <v>0</v>
      </c>
      <c r="O30" s="261">
        <v>0</v>
      </c>
      <c r="P30" s="258">
        <v>0</v>
      </c>
      <c r="Q30" s="260">
        <v>0</v>
      </c>
      <c r="R30" s="261">
        <v>10</v>
      </c>
      <c r="S30" s="261">
        <v>8</v>
      </c>
      <c r="T30" s="261">
        <v>5</v>
      </c>
      <c r="U30" s="261">
        <v>23</v>
      </c>
      <c r="V30" s="261">
        <v>0</v>
      </c>
      <c r="W30" s="258">
        <v>46</v>
      </c>
      <c r="X30" s="263">
        <v>46</v>
      </c>
    </row>
    <row r="31" spans="2:24" ht="21" customHeight="1" x14ac:dyDescent="0.2">
      <c r="B31" s="472" t="s">
        <v>29</v>
      </c>
      <c r="C31" s="261">
        <v>0</v>
      </c>
      <c r="D31" s="261">
        <v>0</v>
      </c>
      <c r="E31" s="258">
        <v>0</v>
      </c>
      <c r="F31" s="260">
        <v>0</v>
      </c>
      <c r="G31" s="261">
        <v>181</v>
      </c>
      <c r="H31" s="261">
        <v>160</v>
      </c>
      <c r="I31" s="261">
        <v>59</v>
      </c>
      <c r="J31" s="261">
        <v>24</v>
      </c>
      <c r="K31" s="261">
        <v>0</v>
      </c>
      <c r="L31" s="258">
        <v>424</v>
      </c>
      <c r="M31" s="263">
        <v>424</v>
      </c>
      <c r="N31" s="261">
        <v>0</v>
      </c>
      <c r="O31" s="261">
        <v>0</v>
      </c>
      <c r="P31" s="258">
        <v>0</v>
      </c>
      <c r="Q31" s="260">
        <v>0</v>
      </c>
      <c r="R31" s="261">
        <v>0</v>
      </c>
      <c r="S31" s="261">
        <v>0</v>
      </c>
      <c r="T31" s="261">
        <v>6</v>
      </c>
      <c r="U31" s="261">
        <v>2</v>
      </c>
      <c r="V31" s="261">
        <v>0</v>
      </c>
      <c r="W31" s="258">
        <v>8</v>
      </c>
      <c r="X31" s="263">
        <v>8</v>
      </c>
    </row>
    <row r="32" spans="2:24" ht="21" customHeight="1" x14ac:dyDescent="0.2">
      <c r="B32" s="472" t="s">
        <v>30</v>
      </c>
      <c r="C32" s="261">
        <v>0</v>
      </c>
      <c r="D32" s="261">
        <v>0</v>
      </c>
      <c r="E32" s="258">
        <v>0</v>
      </c>
      <c r="F32" s="260">
        <v>0</v>
      </c>
      <c r="G32" s="261">
        <v>210</v>
      </c>
      <c r="H32" s="261">
        <v>59</v>
      </c>
      <c r="I32" s="261">
        <v>106</v>
      </c>
      <c r="J32" s="261">
        <v>36</v>
      </c>
      <c r="K32" s="261">
        <v>0</v>
      </c>
      <c r="L32" s="258">
        <v>411</v>
      </c>
      <c r="M32" s="263">
        <v>411</v>
      </c>
      <c r="N32" s="261">
        <v>4</v>
      </c>
      <c r="O32" s="261">
        <v>0</v>
      </c>
      <c r="P32" s="258">
        <v>4</v>
      </c>
      <c r="Q32" s="260">
        <v>0</v>
      </c>
      <c r="R32" s="261">
        <v>17</v>
      </c>
      <c r="S32" s="261">
        <v>24</v>
      </c>
      <c r="T32" s="261">
        <v>13</v>
      </c>
      <c r="U32" s="261">
        <v>0</v>
      </c>
      <c r="V32" s="261">
        <v>0</v>
      </c>
      <c r="W32" s="258">
        <v>54</v>
      </c>
      <c r="X32" s="263">
        <v>58</v>
      </c>
    </row>
    <row r="33" spans="2:24" ht="21" customHeight="1" x14ac:dyDescent="0.2">
      <c r="B33" s="472" t="s">
        <v>31</v>
      </c>
      <c r="C33" s="261">
        <v>0</v>
      </c>
      <c r="D33" s="261">
        <v>0</v>
      </c>
      <c r="E33" s="258">
        <v>0</v>
      </c>
      <c r="F33" s="260">
        <v>0</v>
      </c>
      <c r="G33" s="261">
        <v>214</v>
      </c>
      <c r="H33" s="261">
        <v>92</v>
      </c>
      <c r="I33" s="261">
        <v>64</v>
      </c>
      <c r="J33" s="261">
        <v>44</v>
      </c>
      <c r="K33" s="261">
        <v>0</v>
      </c>
      <c r="L33" s="258">
        <v>414</v>
      </c>
      <c r="M33" s="263">
        <v>414</v>
      </c>
      <c r="N33" s="261">
        <v>0</v>
      </c>
      <c r="O33" s="261">
        <v>0</v>
      </c>
      <c r="P33" s="258">
        <v>0</v>
      </c>
      <c r="Q33" s="260">
        <v>0</v>
      </c>
      <c r="R33" s="261">
        <v>0</v>
      </c>
      <c r="S33" s="261">
        <v>0</v>
      </c>
      <c r="T33" s="261">
        <v>0</v>
      </c>
      <c r="U33" s="261">
        <v>17</v>
      </c>
      <c r="V33" s="261">
        <v>14</v>
      </c>
      <c r="W33" s="258">
        <v>31</v>
      </c>
      <c r="X33" s="263">
        <v>31</v>
      </c>
    </row>
    <row r="34" spans="2:24" ht="21" customHeight="1" x14ac:dyDescent="0.2">
      <c r="B34" s="472" t="s">
        <v>32</v>
      </c>
      <c r="C34" s="261">
        <v>0</v>
      </c>
      <c r="D34" s="261">
        <v>0</v>
      </c>
      <c r="E34" s="258">
        <v>0</v>
      </c>
      <c r="F34" s="260">
        <v>0</v>
      </c>
      <c r="G34" s="261">
        <v>326</v>
      </c>
      <c r="H34" s="261">
        <v>253</v>
      </c>
      <c r="I34" s="261">
        <v>119</v>
      </c>
      <c r="J34" s="261">
        <v>34</v>
      </c>
      <c r="K34" s="261">
        <v>18</v>
      </c>
      <c r="L34" s="258">
        <v>750</v>
      </c>
      <c r="M34" s="263">
        <v>750</v>
      </c>
      <c r="N34" s="261">
        <v>0</v>
      </c>
      <c r="O34" s="261">
        <v>0</v>
      </c>
      <c r="P34" s="258">
        <v>0</v>
      </c>
      <c r="Q34" s="260">
        <v>0</v>
      </c>
      <c r="R34" s="261">
        <v>42</v>
      </c>
      <c r="S34" s="261">
        <v>8</v>
      </c>
      <c r="T34" s="261">
        <v>10</v>
      </c>
      <c r="U34" s="261">
        <v>0</v>
      </c>
      <c r="V34" s="261">
        <v>13</v>
      </c>
      <c r="W34" s="258">
        <v>73</v>
      </c>
      <c r="X34" s="263">
        <v>73</v>
      </c>
    </row>
    <row r="35" spans="2:24" ht="21" customHeight="1" x14ac:dyDescent="0.2">
      <c r="B35" s="472" t="s">
        <v>33</v>
      </c>
      <c r="C35" s="261">
        <v>0</v>
      </c>
      <c r="D35" s="261">
        <v>0</v>
      </c>
      <c r="E35" s="258">
        <v>0</v>
      </c>
      <c r="F35" s="260">
        <v>0</v>
      </c>
      <c r="G35" s="261">
        <v>187</v>
      </c>
      <c r="H35" s="261">
        <v>97</v>
      </c>
      <c r="I35" s="261">
        <v>62</v>
      </c>
      <c r="J35" s="261">
        <v>9</v>
      </c>
      <c r="K35" s="261">
        <v>18</v>
      </c>
      <c r="L35" s="258">
        <v>373</v>
      </c>
      <c r="M35" s="263">
        <v>373</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101</v>
      </c>
      <c r="H36" s="261">
        <v>57</v>
      </c>
      <c r="I36" s="261">
        <v>25</v>
      </c>
      <c r="J36" s="261">
        <v>20</v>
      </c>
      <c r="K36" s="261">
        <v>5</v>
      </c>
      <c r="L36" s="258">
        <v>208</v>
      </c>
      <c r="M36" s="263">
        <v>208</v>
      </c>
      <c r="N36" s="261">
        <v>0</v>
      </c>
      <c r="O36" s="261">
        <v>0</v>
      </c>
      <c r="P36" s="258">
        <v>0</v>
      </c>
      <c r="Q36" s="260">
        <v>0</v>
      </c>
      <c r="R36" s="261">
        <v>0</v>
      </c>
      <c r="S36" s="261">
        <v>0</v>
      </c>
      <c r="T36" s="261">
        <v>0</v>
      </c>
      <c r="U36" s="261">
        <v>0</v>
      </c>
      <c r="V36" s="261">
        <v>7</v>
      </c>
      <c r="W36" s="258">
        <v>7</v>
      </c>
      <c r="X36" s="263">
        <v>7</v>
      </c>
    </row>
    <row r="37" spans="2:24" ht="21" customHeight="1" x14ac:dyDescent="0.2">
      <c r="B37" s="472" t="s">
        <v>35</v>
      </c>
      <c r="C37" s="261">
        <v>0</v>
      </c>
      <c r="D37" s="261">
        <v>0</v>
      </c>
      <c r="E37" s="258">
        <v>0</v>
      </c>
      <c r="F37" s="260">
        <v>0</v>
      </c>
      <c r="G37" s="261">
        <v>146</v>
      </c>
      <c r="H37" s="261">
        <v>198</v>
      </c>
      <c r="I37" s="261">
        <v>87</v>
      </c>
      <c r="J37" s="261">
        <v>147</v>
      </c>
      <c r="K37" s="261">
        <v>52</v>
      </c>
      <c r="L37" s="258">
        <v>630</v>
      </c>
      <c r="M37" s="263">
        <v>63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531</v>
      </c>
      <c r="H38" s="261">
        <v>369</v>
      </c>
      <c r="I38" s="261">
        <v>402</v>
      </c>
      <c r="J38" s="261">
        <v>200</v>
      </c>
      <c r="K38" s="261">
        <v>210</v>
      </c>
      <c r="L38" s="258">
        <v>1712</v>
      </c>
      <c r="M38" s="263">
        <v>1712</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98</v>
      </c>
      <c r="H39" s="268">
        <v>80</v>
      </c>
      <c r="I39" s="268">
        <v>59</v>
      </c>
      <c r="J39" s="268">
        <v>17</v>
      </c>
      <c r="K39" s="268">
        <v>29</v>
      </c>
      <c r="L39" s="265">
        <v>283</v>
      </c>
      <c r="M39" s="270">
        <v>283</v>
      </c>
      <c r="N39" s="268">
        <v>0</v>
      </c>
      <c r="O39" s="268">
        <v>0</v>
      </c>
      <c r="P39" s="265">
        <v>0</v>
      </c>
      <c r="Q39" s="267">
        <v>0</v>
      </c>
      <c r="R39" s="268">
        <v>4</v>
      </c>
      <c r="S39" s="268">
        <v>0</v>
      </c>
      <c r="T39" s="268">
        <v>0</v>
      </c>
      <c r="U39" s="268">
        <v>14</v>
      </c>
      <c r="V39" s="268">
        <v>17</v>
      </c>
      <c r="W39" s="265">
        <v>35</v>
      </c>
      <c r="X39" s="270">
        <v>35</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5</v>
      </c>
      <c r="H1" s="501">
        <f>第１表!F2</f>
        <v>5</v>
      </c>
      <c r="I1" s="501"/>
      <c r="J1" s="235">
        <f>第１表!G2</f>
        <v>10</v>
      </c>
      <c r="K1" s="505">
        <f>IF(J1&lt;3,J1+12-2,J1-2)</f>
        <v>8</v>
      </c>
      <c r="L1" s="505"/>
    </row>
    <row r="2" spans="2:24" ht="24" customHeight="1" thickBot="1" x14ac:dyDescent="0.25">
      <c r="B2" s="271" t="s">
        <v>134</v>
      </c>
    </row>
    <row r="3" spans="2:24" ht="21" customHeight="1" x14ac:dyDescent="0.2">
      <c r="B3" s="517"/>
      <c r="C3" s="513" t="s">
        <v>142</v>
      </c>
      <c r="D3" s="513"/>
      <c r="E3" s="513"/>
      <c r="F3" s="513"/>
      <c r="G3" s="513"/>
      <c r="H3" s="513"/>
      <c r="I3" s="513"/>
      <c r="J3" s="513"/>
      <c r="K3" s="513"/>
      <c r="L3" s="513"/>
      <c r="M3" s="543"/>
      <c r="N3" s="513" t="s">
        <v>113</v>
      </c>
      <c r="O3" s="513"/>
      <c r="P3" s="513"/>
      <c r="Q3" s="513"/>
      <c r="R3" s="513"/>
      <c r="S3" s="513"/>
      <c r="T3" s="513"/>
      <c r="U3" s="513"/>
      <c r="V3" s="513"/>
      <c r="W3" s="513"/>
      <c r="X3" s="543"/>
    </row>
    <row r="4" spans="2:24" ht="21" customHeight="1" x14ac:dyDescent="0.2">
      <c r="B4" s="541"/>
      <c r="C4" s="544" t="s">
        <v>61</v>
      </c>
      <c r="D4" s="544"/>
      <c r="E4" s="545"/>
      <c r="F4" s="546" t="s">
        <v>62</v>
      </c>
      <c r="G4" s="544"/>
      <c r="H4" s="544"/>
      <c r="I4" s="544"/>
      <c r="J4" s="544"/>
      <c r="K4" s="544"/>
      <c r="L4" s="547"/>
      <c r="M4" s="548" t="s">
        <v>52</v>
      </c>
      <c r="N4" s="544" t="s">
        <v>61</v>
      </c>
      <c r="O4" s="544"/>
      <c r="P4" s="545"/>
      <c r="Q4" s="546" t="s">
        <v>62</v>
      </c>
      <c r="R4" s="544"/>
      <c r="S4" s="544"/>
      <c r="T4" s="544"/>
      <c r="U4" s="544"/>
      <c r="V4" s="544"/>
      <c r="W4" s="547"/>
      <c r="X4" s="548" t="s">
        <v>52</v>
      </c>
    </row>
    <row r="5" spans="2:24" ht="30" customHeight="1" thickBot="1" x14ac:dyDescent="0.25">
      <c r="B5" s="542"/>
      <c r="C5" s="243" t="s">
        <v>43</v>
      </c>
      <c r="D5" s="243" t="s">
        <v>44</v>
      </c>
      <c r="E5" s="246" t="s">
        <v>45</v>
      </c>
      <c r="F5" s="248" t="s">
        <v>83</v>
      </c>
      <c r="G5" s="243" t="s">
        <v>47</v>
      </c>
      <c r="H5" s="243" t="s">
        <v>48</v>
      </c>
      <c r="I5" s="243" t="s">
        <v>49</v>
      </c>
      <c r="J5" s="243" t="s">
        <v>50</v>
      </c>
      <c r="K5" s="243" t="s">
        <v>51</v>
      </c>
      <c r="L5" s="246" t="s">
        <v>45</v>
      </c>
      <c r="M5" s="516"/>
      <c r="N5" s="243" t="s">
        <v>43</v>
      </c>
      <c r="O5" s="243" t="s">
        <v>44</v>
      </c>
      <c r="P5" s="246" t="s">
        <v>45</v>
      </c>
      <c r="Q5" s="248" t="s">
        <v>83</v>
      </c>
      <c r="R5" s="243" t="s">
        <v>47</v>
      </c>
      <c r="S5" s="243" t="s">
        <v>48</v>
      </c>
      <c r="T5" s="243" t="s">
        <v>49</v>
      </c>
      <c r="U5" s="243" t="s">
        <v>50</v>
      </c>
      <c r="V5" s="243" t="s">
        <v>51</v>
      </c>
      <c r="W5" s="246" t="s">
        <v>45</v>
      </c>
      <c r="X5" s="516"/>
    </row>
    <row r="6" spans="2:24" ht="21" customHeight="1" x14ac:dyDescent="0.2">
      <c r="B6" s="470" t="s">
        <v>4</v>
      </c>
      <c r="C6" s="254">
        <v>0</v>
      </c>
      <c r="D6" s="254">
        <v>0</v>
      </c>
      <c r="E6" s="251">
        <v>0</v>
      </c>
      <c r="F6" s="253">
        <v>0</v>
      </c>
      <c r="G6" s="254">
        <v>6510</v>
      </c>
      <c r="H6" s="254">
        <v>5967</v>
      </c>
      <c r="I6" s="254">
        <v>3335</v>
      </c>
      <c r="J6" s="254">
        <v>1508</v>
      </c>
      <c r="K6" s="254">
        <v>611</v>
      </c>
      <c r="L6" s="251">
        <v>17931</v>
      </c>
      <c r="M6" s="256">
        <v>17931</v>
      </c>
      <c r="N6" s="254">
        <v>4</v>
      </c>
      <c r="O6" s="254">
        <v>0</v>
      </c>
      <c r="P6" s="251">
        <v>4</v>
      </c>
      <c r="Q6" s="253">
        <v>0</v>
      </c>
      <c r="R6" s="254">
        <v>596</v>
      </c>
      <c r="S6" s="254">
        <v>524</v>
      </c>
      <c r="T6" s="254">
        <v>807</v>
      </c>
      <c r="U6" s="254">
        <v>338</v>
      </c>
      <c r="V6" s="254">
        <v>234</v>
      </c>
      <c r="W6" s="251">
        <v>2499</v>
      </c>
      <c r="X6" s="256">
        <v>2503</v>
      </c>
    </row>
    <row r="7" spans="2:24" ht="21" customHeight="1" x14ac:dyDescent="0.2">
      <c r="B7" s="471" t="s">
        <v>5</v>
      </c>
      <c r="C7" s="261">
        <v>0</v>
      </c>
      <c r="D7" s="261">
        <v>0</v>
      </c>
      <c r="E7" s="258">
        <v>0</v>
      </c>
      <c r="F7" s="260">
        <v>0</v>
      </c>
      <c r="G7" s="261">
        <v>2556</v>
      </c>
      <c r="H7" s="261">
        <v>2810</v>
      </c>
      <c r="I7" s="261">
        <v>1532</v>
      </c>
      <c r="J7" s="261">
        <v>794</v>
      </c>
      <c r="K7" s="261">
        <v>294</v>
      </c>
      <c r="L7" s="258">
        <v>7986</v>
      </c>
      <c r="M7" s="263">
        <v>7986</v>
      </c>
      <c r="N7" s="261">
        <v>0</v>
      </c>
      <c r="O7" s="261">
        <v>0</v>
      </c>
      <c r="P7" s="258">
        <v>0</v>
      </c>
      <c r="Q7" s="260">
        <v>0</v>
      </c>
      <c r="R7" s="261">
        <v>294</v>
      </c>
      <c r="S7" s="261">
        <v>259</v>
      </c>
      <c r="T7" s="261">
        <v>427</v>
      </c>
      <c r="U7" s="261">
        <v>169</v>
      </c>
      <c r="V7" s="261">
        <v>116</v>
      </c>
      <c r="W7" s="258">
        <v>1265</v>
      </c>
      <c r="X7" s="263">
        <v>1265</v>
      </c>
    </row>
    <row r="8" spans="2:24" ht="21" customHeight="1" x14ac:dyDescent="0.2">
      <c r="B8" s="472" t="s">
        <v>6</v>
      </c>
      <c r="C8" s="261">
        <v>0</v>
      </c>
      <c r="D8" s="261">
        <v>0</v>
      </c>
      <c r="E8" s="258">
        <v>0</v>
      </c>
      <c r="F8" s="260">
        <v>0</v>
      </c>
      <c r="G8" s="261">
        <v>702</v>
      </c>
      <c r="H8" s="261">
        <v>501</v>
      </c>
      <c r="I8" s="261">
        <v>259</v>
      </c>
      <c r="J8" s="261">
        <v>241</v>
      </c>
      <c r="K8" s="261">
        <v>82</v>
      </c>
      <c r="L8" s="258">
        <v>1785</v>
      </c>
      <c r="M8" s="263">
        <v>1785</v>
      </c>
      <c r="N8" s="261">
        <v>0</v>
      </c>
      <c r="O8" s="261">
        <v>0</v>
      </c>
      <c r="P8" s="258">
        <v>0</v>
      </c>
      <c r="Q8" s="260">
        <v>0</v>
      </c>
      <c r="R8" s="261">
        <v>158</v>
      </c>
      <c r="S8" s="261">
        <v>84</v>
      </c>
      <c r="T8" s="261">
        <v>144</v>
      </c>
      <c r="U8" s="261">
        <v>52</v>
      </c>
      <c r="V8" s="261">
        <v>78</v>
      </c>
      <c r="W8" s="258">
        <v>516</v>
      </c>
      <c r="X8" s="263">
        <v>516</v>
      </c>
    </row>
    <row r="9" spans="2:24" ht="21" customHeight="1" x14ac:dyDescent="0.2">
      <c r="B9" s="472" t="s">
        <v>14</v>
      </c>
      <c r="C9" s="261">
        <v>0</v>
      </c>
      <c r="D9" s="261">
        <v>0</v>
      </c>
      <c r="E9" s="258">
        <v>0</v>
      </c>
      <c r="F9" s="260">
        <v>0</v>
      </c>
      <c r="G9" s="261">
        <v>538</v>
      </c>
      <c r="H9" s="261">
        <v>572</v>
      </c>
      <c r="I9" s="261">
        <v>386</v>
      </c>
      <c r="J9" s="261">
        <v>114</v>
      </c>
      <c r="K9" s="261">
        <v>83</v>
      </c>
      <c r="L9" s="258">
        <v>1693</v>
      </c>
      <c r="M9" s="263">
        <v>1693</v>
      </c>
      <c r="N9" s="261">
        <v>0</v>
      </c>
      <c r="O9" s="261">
        <v>0</v>
      </c>
      <c r="P9" s="258">
        <v>0</v>
      </c>
      <c r="Q9" s="260">
        <v>0</v>
      </c>
      <c r="R9" s="261">
        <v>0</v>
      </c>
      <c r="S9" s="261">
        <v>43</v>
      </c>
      <c r="T9" s="261">
        <v>22</v>
      </c>
      <c r="U9" s="261">
        <v>0</v>
      </c>
      <c r="V9" s="261">
        <v>0</v>
      </c>
      <c r="W9" s="258">
        <v>65</v>
      </c>
      <c r="X9" s="263">
        <v>65</v>
      </c>
    </row>
    <row r="10" spans="2:24" ht="21" customHeight="1" x14ac:dyDescent="0.2">
      <c r="B10" s="472" t="s">
        <v>7</v>
      </c>
      <c r="C10" s="261">
        <v>0</v>
      </c>
      <c r="D10" s="261">
        <v>0</v>
      </c>
      <c r="E10" s="258">
        <v>0</v>
      </c>
      <c r="F10" s="260">
        <v>0</v>
      </c>
      <c r="G10" s="261">
        <v>636</v>
      </c>
      <c r="H10" s="261">
        <v>377</v>
      </c>
      <c r="I10" s="261">
        <v>194</v>
      </c>
      <c r="J10" s="261">
        <v>49</v>
      </c>
      <c r="K10" s="261">
        <v>47</v>
      </c>
      <c r="L10" s="258">
        <v>1303</v>
      </c>
      <c r="M10" s="263">
        <v>1303</v>
      </c>
      <c r="N10" s="261">
        <v>0</v>
      </c>
      <c r="O10" s="261">
        <v>0</v>
      </c>
      <c r="P10" s="258">
        <v>0</v>
      </c>
      <c r="Q10" s="260">
        <v>0</v>
      </c>
      <c r="R10" s="261">
        <v>67</v>
      </c>
      <c r="S10" s="261">
        <v>82</v>
      </c>
      <c r="T10" s="261">
        <v>96</v>
      </c>
      <c r="U10" s="261">
        <v>22</v>
      </c>
      <c r="V10" s="261">
        <v>17</v>
      </c>
      <c r="W10" s="258">
        <v>284</v>
      </c>
      <c r="X10" s="263">
        <v>284</v>
      </c>
    </row>
    <row r="11" spans="2:24" ht="21" customHeight="1" x14ac:dyDescent="0.2">
      <c r="B11" s="472" t="s">
        <v>8</v>
      </c>
      <c r="C11" s="261">
        <v>0</v>
      </c>
      <c r="D11" s="261">
        <v>0</v>
      </c>
      <c r="E11" s="258">
        <v>0</v>
      </c>
      <c r="F11" s="260">
        <v>0</v>
      </c>
      <c r="G11" s="261">
        <v>241</v>
      </c>
      <c r="H11" s="261">
        <v>223</v>
      </c>
      <c r="I11" s="261">
        <v>149</v>
      </c>
      <c r="J11" s="261">
        <v>19</v>
      </c>
      <c r="K11" s="261">
        <v>29</v>
      </c>
      <c r="L11" s="258">
        <v>661</v>
      </c>
      <c r="M11" s="263">
        <v>661</v>
      </c>
      <c r="N11" s="261">
        <v>0</v>
      </c>
      <c r="O11" s="261">
        <v>0</v>
      </c>
      <c r="P11" s="258">
        <v>0</v>
      </c>
      <c r="Q11" s="260">
        <v>0</v>
      </c>
      <c r="R11" s="261">
        <v>0</v>
      </c>
      <c r="S11" s="261">
        <v>0</v>
      </c>
      <c r="T11" s="261">
        <v>0</v>
      </c>
      <c r="U11" s="261">
        <v>8</v>
      </c>
      <c r="V11" s="261">
        <v>0</v>
      </c>
      <c r="W11" s="258">
        <v>8</v>
      </c>
      <c r="X11" s="263">
        <v>8</v>
      </c>
    </row>
    <row r="12" spans="2:24" ht="21" customHeight="1" x14ac:dyDescent="0.2">
      <c r="B12" s="472" t="s">
        <v>9</v>
      </c>
      <c r="C12" s="261">
        <v>0</v>
      </c>
      <c r="D12" s="261">
        <v>0</v>
      </c>
      <c r="E12" s="258">
        <v>0</v>
      </c>
      <c r="F12" s="260">
        <v>0</v>
      </c>
      <c r="G12" s="261">
        <v>305</v>
      </c>
      <c r="H12" s="261">
        <v>150</v>
      </c>
      <c r="I12" s="261">
        <v>123</v>
      </c>
      <c r="J12" s="261">
        <v>54</v>
      </c>
      <c r="K12" s="261">
        <v>29</v>
      </c>
      <c r="L12" s="258">
        <v>661</v>
      </c>
      <c r="M12" s="263">
        <v>661</v>
      </c>
      <c r="N12" s="261">
        <v>0</v>
      </c>
      <c r="O12" s="261">
        <v>0</v>
      </c>
      <c r="P12" s="258">
        <v>0</v>
      </c>
      <c r="Q12" s="260">
        <v>0</v>
      </c>
      <c r="R12" s="261">
        <v>0</v>
      </c>
      <c r="S12" s="261">
        <v>0</v>
      </c>
      <c r="T12" s="261">
        <v>0</v>
      </c>
      <c r="U12" s="261">
        <v>0</v>
      </c>
      <c r="V12" s="261">
        <v>13</v>
      </c>
      <c r="W12" s="258">
        <v>13</v>
      </c>
      <c r="X12" s="263">
        <v>13</v>
      </c>
    </row>
    <row r="13" spans="2:24" ht="21" customHeight="1" x14ac:dyDescent="0.2">
      <c r="B13" s="472" t="s">
        <v>10</v>
      </c>
      <c r="C13" s="261">
        <v>0</v>
      </c>
      <c r="D13" s="261">
        <v>0</v>
      </c>
      <c r="E13" s="258">
        <v>0</v>
      </c>
      <c r="F13" s="260">
        <v>0</v>
      </c>
      <c r="G13" s="261">
        <v>263</v>
      </c>
      <c r="H13" s="261">
        <v>214</v>
      </c>
      <c r="I13" s="261">
        <v>44</v>
      </c>
      <c r="J13" s="261">
        <v>76</v>
      </c>
      <c r="K13" s="261">
        <v>4</v>
      </c>
      <c r="L13" s="258">
        <v>601</v>
      </c>
      <c r="M13" s="263">
        <v>601</v>
      </c>
      <c r="N13" s="261">
        <v>0</v>
      </c>
      <c r="O13" s="261">
        <v>0</v>
      </c>
      <c r="P13" s="258">
        <v>0</v>
      </c>
      <c r="Q13" s="260">
        <v>0</v>
      </c>
      <c r="R13" s="261">
        <v>29</v>
      </c>
      <c r="S13" s="261">
        <v>0</v>
      </c>
      <c r="T13" s="261">
        <v>9</v>
      </c>
      <c r="U13" s="261">
        <v>11</v>
      </c>
      <c r="V13" s="261">
        <v>6</v>
      </c>
      <c r="W13" s="258">
        <v>55</v>
      </c>
      <c r="X13" s="263">
        <v>55</v>
      </c>
    </row>
    <row r="14" spans="2:24" ht="21" customHeight="1" x14ac:dyDescent="0.2">
      <c r="B14" s="472" t="s">
        <v>11</v>
      </c>
      <c r="C14" s="261">
        <v>0</v>
      </c>
      <c r="D14" s="261">
        <v>0</v>
      </c>
      <c r="E14" s="258">
        <v>0</v>
      </c>
      <c r="F14" s="260">
        <v>0</v>
      </c>
      <c r="G14" s="261">
        <v>130</v>
      </c>
      <c r="H14" s="261">
        <v>64</v>
      </c>
      <c r="I14" s="261">
        <v>55</v>
      </c>
      <c r="J14" s="261">
        <v>21</v>
      </c>
      <c r="K14" s="261">
        <v>14</v>
      </c>
      <c r="L14" s="258">
        <v>284</v>
      </c>
      <c r="M14" s="263">
        <v>284</v>
      </c>
      <c r="N14" s="261">
        <v>0</v>
      </c>
      <c r="O14" s="261">
        <v>0</v>
      </c>
      <c r="P14" s="258">
        <v>0</v>
      </c>
      <c r="Q14" s="260">
        <v>0</v>
      </c>
      <c r="R14" s="261">
        <v>13</v>
      </c>
      <c r="S14" s="261">
        <v>14</v>
      </c>
      <c r="T14" s="261">
        <v>16</v>
      </c>
      <c r="U14" s="261">
        <v>0</v>
      </c>
      <c r="V14" s="261">
        <v>0</v>
      </c>
      <c r="W14" s="258">
        <v>43</v>
      </c>
      <c r="X14" s="263">
        <v>43</v>
      </c>
    </row>
    <row r="15" spans="2:24" ht="21" customHeight="1" x14ac:dyDescent="0.2">
      <c r="B15" s="472" t="s">
        <v>12</v>
      </c>
      <c r="C15" s="261">
        <v>0</v>
      </c>
      <c r="D15" s="261">
        <v>0</v>
      </c>
      <c r="E15" s="258">
        <v>0</v>
      </c>
      <c r="F15" s="260">
        <v>0</v>
      </c>
      <c r="G15" s="261">
        <v>194</v>
      </c>
      <c r="H15" s="261">
        <v>150</v>
      </c>
      <c r="I15" s="261">
        <v>112</v>
      </c>
      <c r="J15" s="261">
        <v>37</v>
      </c>
      <c r="K15" s="261">
        <v>6</v>
      </c>
      <c r="L15" s="258">
        <v>499</v>
      </c>
      <c r="M15" s="263">
        <v>499</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101</v>
      </c>
      <c r="H16" s="261">
        <v>78</v>
      </c>
      <c r="I16" s="261">
        <v>48</v>
      </c>
      <c r="J16" s="261">
        <v>2</v>
      </c>
      <c r="K16" s="261">
        <v>0</v>
      </c>
      <c r="L16" s="258">
        <v>229</v>
      </c>
      <c r="M16" s="263">
        <v>229</v>
      </c>
      <c r="N16" s="261">
        <v>0</v>
      </c>
      <c r="O16" s="261">
        <v>0</v>
      </c>
      <c r="P16" s="258">
        <v>0</v>
      </c>
      <c r="Q16" s="260">
        <v>0</v>
      </c>
      <c r="R16" s="261">
        <v>0</v>
      </c>
      <c r="S16" s="261">
        <v>15</v>
      </c>
      <c r="T16" s="261">
        <v>13</v>
      </c>
      <c r="U16" s="261">
        <v>5</v>
      </c>
      <c r="V16" s="261">
        <v>4</v>
      </c>
      <c r="W16" s="258">
        <v>37</v>
      </c>
      <c r="X16" s="263">
        <v>37</v>
      </c>
    </row>
    <row r="17" spans="2:24" ht="21" customHeight="1" x14ac:dyDescent="0.2">
      <c r="B17" s="472" t="s">
        <v>15</v>
      </c>
      <c r="C17" s="261">
        <v>0</v>
      </c>
      <c r="D17" s="261">
        <v>0</v>
      </c>
      <c r="E17" s="258">
        <v>0</v>
      </c>
      <c r="F17" s="260">
        <v>0</v>
      </c>
      <c r="G17" s="261">
        <v>61</v>
      </c>
      <c r="H17" s="261">
        <v>54</v>
      </c>
      <c r="I17" s="261">
        <v>40</v>
      </c>
      <c r="J17" s="261">
        <v>12</v>
      </c>
      <c r="K17" s="261">
        <v>0</v>
      </c>
      <c r="L17" s="258">
        <v>167</v>
      </c>
      <c r="M17" s="263">
        <v>167</v>
      </c>
      <c r="N17" s="261">
        <v>0</v>
      </c>
      <c r="O17" s="261">
        <v>0</v>
      </c>
      <c r="P17" s="258">
        <v>0</v>
      </c>
      <c r="Q17" s="260">
        <v>0</v>
      </c>
      <c r="R17" s="261">
        <v>10</v>
      </c>
      <c r="S17" s="261">
        <v>0</v>
      </c>
      <c r="T17" s="261">
        <v>0</v>
      </c>
      <c r="U17" s="261">
        <v>8</v>
      </c>
      <c r="V17" s="261">
        <v>0</v>
      </c>
      <c r="W17" s="258">
        <v>18</v>
      </c>
      <c r="X17" s="263">
        <v>18</v>
      </c>
    </row>
    <row r="18" spans="2:24" ht="21" customHeight="1" x14ac:dyDescent="0.2">
      <c r="B18" s="472" t="s">
        <v>16</v>
      </c>
      <c r="C18" s="261">
        <v>0</v>
      </c>
      <c r="D18" s="261">
        <v>0</v>
      </c>
      <c r="E18" s="258">
        <v>0</v>
      </c>
      <c r="F18" s="260">
        <v>0</v>
      </c>
      <c r="G18" s="261">
        <v>63</v>
      </c>
      <c r="H18" s="261">
        <v>99</v>
      </c>
      <c r="I18" s="261">
        <v>66</v>
      </c>
      <c r="J18" s="261">
        <v>9</v>
      </c>
      <c r="K18" s="261">
        <v>0</v>
      </c>
      <c r="L18" s="258">
        <v>237</v>
      </c>
      <c r="M18" s="263">
        <v>237</v>
      </c>
      <c r="N18" s="261">
        <v>0</v>
      </c>
      <c r="O18" s="261">
        <v>0</v>
      </c>
      <c r="P18" s="258">
        <v>0</v>
      </c>
      <c r="Q18" s="260">
        <v>0</v>
      </c>
      <c r="R18" s="261">
        <v>0</v>
      </c>
      <c r="S18" s="261">
        <v>0</v>
      </c>
      <c r="T18" s="261">
        <v>0</v>
      </c>
      <c r="U18" s="261">
        <v>0</v>
      </c>
      <c r="V18" s="261">
        <v>0</v>
      </c>
      <c r="W18" s="258">
        <v>0</v>
      </c>
      <c r="X18" s="263">
        <v>0</v>
      </c>
    </row>
    <row r="19" spans="2:24" ht="21" customHeight="1" x14ac:dyDescent="0.2">
      <c r="B19" s="472" t="s">
        <v>17</v>
      </c>
      <c r="C19" s="261">
        <v>0</v>
      </c>
      <c r="D19" s="261">
        <v>0</v>
      </c>
      <c r="E19" s="258">
        <v>0</v>
      </c>
      <c r="F19" s="260">
        <v>0</v>
      </c>
      <c r="G19" s="261">
        <v>152</v>
      </c>
      <c r="H19" s="261">
        <v>185</v>
      </c>
      <c r="I19" s="261">
        <v>93</v>
      </c>
      <c r="J19" s="261">
        <v>25</v>
      </c>
      <c r="K19" s="261">
        <v>9</v>
      </c>
      <c r="L19" s="258">
        <v>464</v>
      </c>
      <c r="M19" s="263">
        <v>464</v>
      </c>
      <c r="N19" s="261">
        <v>0</v>
      </c>
      <c r="O19" s="261">
        <v>0</v>
      </c>
      <c r="P19" s="258">
        <v>0</v>
      </c>
      <c r="Q19" s="260">
        <v>0</v>
      </c>
      <c r="R19" s="261">
        <v>12</v>
      </c>
      <c r="S19" s="261">
        <v>6</v>
      </c>
      <c r="T19" s="261">
        <v>0</v>
      </c>
      <c r="U19" s="261">
        <v>0</v>
      </c>
      <c r="V19" s="261">
        <v>0</v>
      </c>
      <c r="W19" s="258">
        <v>18</v>
      </c>
      <c r="X19" s="263">
        <v>18</v>
      </c>
    </row>
    <row r="20" spans="2:24" ht="21" customHeight="1" x14ac:dyDescent="0.2">
      <c r="B20" s="472" t="s">
        <v>18</v>
      </c>
      <c r="C20" s="261">
        <v>0</v>
      </c>
      <c r="D20" s="261">
        <v>0</v>
      </c>
      <c r="E20" s="258">
        <v>0</v>
      </c>
      <c r="F20" s="260">
        <v>0</v>
      </c>
      <c r="G20" s="261">
        <v>154</v>
      </c>
      <c r="H20" s="261">
        <v>91</v>
      </c>
      <c r="I20" s="261">
        <v>75</v>
      </c>
      <c r="J20" s="261">
        <v>0</v>
      </c>
      <c r="K20" s="261">
        <v>1</v>
      </c>
      <c r="L20" s="258">
        <v>321</v>
      </c>
      <c r="M20" s="263">
        <v>321</v>
      </c>
      <c r="N20" s="261">
        <v>0</v>
      </c>
      <c r="O20" s="261">
        <v>0</v>
      </c>
      <c r="P20" s="258">
        <v>0</v>
      </c>
      <c r="Q20" s="260">
        <v>0</v>
      </c>
      <c r="R20" s="261">
        <v>0</v>
      </c>
      <c r="S20" s="261">
        <v>0</v>
      </c>
      <c r="T20" s="261">
        <v>33</v>
      </c>
      <c r="U20" s="261">
        <v>23</v>
      </c>
      <c r="V20" s="261">
        <v>0</v>
      </c>
      <c r="W20" s="258">
        <v>56</v>
      </c>
      <c r="X20" s="263">
        <v>56</v>
      </c>
    </row>
    <row r="21" spans="2:24" ht="21" customHeight="1" x14ac:dyDescent="0.2">
      <c r="B21" s="472" t="s">
        <v>19</v>
      </c>
      <c r="C21" s="261">
        <v>0</v>
      </c>
      <c r="D21" s="261">
        <v>0</v>
      </c>
      <c r="E21" s="258">
        <v>0</v>
      </c>
      <c r="F21" s="260">
        <v>0</v>
      </c>
      <c r="G21" s="261">
        <v>51</v>
      </c>
      <c r="H21" s="261">
        <v>50</v>
      </c>
      <c r="I21" s="261">
        <v>1</v>
      </c>
      <c r="J21" s="261">
        <v>0</v>
      </c>
      <c r="K21" s="261">
        <v>0</v>
      </c>
      <c r="L21" s="258">
        <v>102</v>
      </c>
      <c r="M21" s="263">
        <v>102</v>
      </c>
      <c r="N21" s="261">
        <v>0</v>
      </c>
      <c r="O21" s="261">
        <v>0</v>
      </c>
      <c r="P21" s="258">
        <v>0</v>
      </c>
      <c r="Q21" s="260">
        <v>0</v>
      </c>
      <c r="R21" s="261">
        <v>13</v>
      </c>
      <c r="S21" s="261">
        <v>10</v>
      </c>
      <c r="T21" s="261">
        <v>19</v>
      </c>
      <c r="U21" s="261">
        <v>0</v>
      </c>
      <c r="V21" s="261">
        <v>0</v>
      </c>
      <c r="W21" s="258">
        <v>42</v>
      </c>
      <c r="X21" s="263">
        <v>42</v>
      </c>
    </row>
    <row r="22" spans="2:24" ht="21" customHeight="1" x14ac:dyDescent="0.2">
      <c r="B22" s="472" t="s">
        <v>20</v>
      </c>
      <c r="C22" s="261">
        <v>0</v>
      </c>
      <c r="D22" s="261">
        <v>0</v>
      </c>
      <c r="E22" s="258">
        <v>0</v>
      </c>
      <c r="F22" s="260">
        <v>0</v>
      </c>
      <c r="G22" s="261">
        <v>81</v>
      </c>
      <c r="H22" s="261">
        <v>85</v>
      </c>
      <c r="I22" s="261">
        <v>23</v>
      </c>
      <c r="J22" s="261">
        <v>8</v>
      </c>
      <c r="K22" s="261">
        <v>9</v>
      </c>
      <c r="L22" s="258">
        <v>206</v>
      </c>
      <c r="M22" s="263">
        <v>206</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61</v>
      </c>
      <c r="H23" s="261">
        <v>71</v>
      </c>
      <c r="I23" s="261">
        <v>19</v>
      </c>
      <c r="J23" s="261">
        <v>18</v>
      </c>
      <c r="K23" s="261">
        <v>0</v>
      </c>
      <c r="L23" s="258">
        <v>169</v>
      </c>
      <c r="M23" s="263">
        <v>169</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32</v>
      </c>
      <c r="H24" s="261">
        <v>22</v>
      </c>
      <c r="I24" s="261">
        <v>14</v>
      </c>
      <c r="J24" s="261">
        <v>13</v>
      </c>
      <c r="K24" s="261">
        <v>0</v>
      </c>
      <c r="L24" s="258">
        <v>81</v>
      </c>
      <c r="M24" s="263">
        <v>81</v>
      </c>
      <c r="N24" s="261">
        <v>0</v>
      </c>
      <c r="O24" s="261">
        <v>0</v>
      </c>
      <c r="P24" s="258">
        <v>0</v>
      </c>
      <c r="Q24" s="260">
        <v>0</v>
      </c>
      <c r="R24" s="261">
        <v>0</v>
      </c>
      <c r="S24" s="261">
        <v>0</v>
      </c>
      <c r="T24" s="261">
        <v>0</v>
      </c>
      <c r="U24" s="261">
        <v>0</v>
      </c>
      <c r="V24" s="261">
        <v>0</v>
      </c>
      <c r="W24" s="258">
        <v>0</v>
      </c>
      <c r="X24" s="263">
        <v>0</v>
      </c>
    </row>
    <row r="25" spans="2:24" ht="21" customHeight="1" x14ac:dyDescent="0.2">
      <c r="B25" s="472" t="s">
        <v>23</v>
      </c>
      <c r="C25" s="261">
        <v>0</v>
      </c>
      <c r="D25" s="261">
        <v>0</v>
      </c>
      <c r="E25" s="258">
        <v>0</v>
      </c>
      <c r="F25" s="260">
        <v>0</v>
      </c>
      <c r="G25" s="261">
        <v>27</v>
      </c>
      <c r="H25" s="261">
        <v>16</v>
      </c>
      <c r="I25" s="261">
        <v>43</v>
      </c>
      <c r="J25" s="261">
        <v>5</v>
      </c>
      <c r="K25" s="261">
        <v>0</v>
      </c>
      <c r="L25" s="258">
        <v>91</v>
      </c>
      <c r="M25" s="263">
        <v>91</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0</v>
      </c>
      <c r="H26" s="261">
        <v>25</v>
      </c>
      <c r="I26" s="261">
        <v>12</v>
      </c>
      <c r="J26" s="261">
        <v>0</v>
      </c>
      <c r="K26" s="261">
        <v>0</v>
      </c>
      <c r="L26" s="258">
        <v>37</v>
      </c>
      <c r="M26" s="263">
        <v>37</v>
      </c>
      <c r="N26" s="261">
        <v>0</v>
      </c>
      <c r="O26" s="261">
        <v>0</v>
      </c>
      <c r="P26" s="258">
        <v>0</v>
      </c>
      <c r="Q26" s="260">
        <v>0</v>
      </c>
      <c r="R26" s="261">
        <v>0</v>
      </c>
      <c r="S26" s="261">
        <v>0</v>
      </c>
      <c r="T26" s="261">
        <v>14</v>
      </c>
      <c r="U26" s="261">
        <v>0</v>
      </c>
      <c r="V26" s="261">
        <v>0</v>
      </c>
      <c r="W26" s="258">
        <v>14</v>
      </c>
      <c r="X26" s="263">
        <v>14</v>
      </c>
    </row>
    <row r="27" spans="2:24" ht="21" customHeight="1" x14ac:dyDescent="0.2">
      <c r="B27" s="472" t="s">
        <v>25</v>
      </c>
      <c r="C27" s="261">
        <v>0</v>
      </c>
      <c r="D27" s="261">
        <v>0</v>
      </c>
      <c r="E27" s="258">
        <v>0</v>
      </c>
      <c r="F27" s="260">
        <v>0</v>
      </c>
      <c r="G27" s="261">
        <v>35</v>
      </c>
      <c r="H27" s="261">
        <v>7</v>
      </c>
      <c r="I27" s="261">
        <v>10</v>
      </c>
      <c r="J27" s="261">
        <v>0</v>
      </c>
      <c r="K27" s="261">
        <v>0</v>
      </c>
      <c r="L27" s="258">
        <v>52</v>
      </c>
      <c r="M27" s="263">
        <v>52</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24</v>
      </c>
      <c r="H28" s="261">
        <v>56</v>
      </c>
      <c r="I28" s="261">
        <v>5</v>
      </c>
      <c r="J28" s="261">
        <v>5</v>
      </c>
      <c r="K28" s="261">
        <v>0</v>
      </c>
      <c r="L28" s="258">
        <v>90</v>
      </c>
      <c r="M28" s="263">
        <v>90</v>
      </c>
      <c r="N28" s="261">
        <v>0</v>
      </c>
      <c r="O28" s="261">
        <v>0</v>
      </c>
      <c r="P28" s="258">
        <v>0</v>
      </c>
      <c r="Q28" s="260">
        <v>0</v>
      </c>
      <c r="R28" s="261">
        <v>0</v>
      </c>
      <c r="S28" s="261">
        <v>5</v>
      </c>
      <c r="T28" s="261">
        <v>14</v>
      </c>
      <c r="U28" s="261">
        <v>0</v>
      </c>
      <c r="V28" s="261">
        <v>0</v>
      </c>
      <c r="W28" s="258">
        <v>19</v>
      </c>
      <c r="X28" s="263">
        <v>19</v>
      </c>
    </row>
    <row r="29" spans="2:24" ht="21" customHeight="1" x14ac:dyDescent="0.2">
      <c r="B29" s="472" t="s">
        <v>27</v>
      </c>
      <c r="C29" s="261">
        <v>0</v>
      </c>
      <c r="D29" s="261">
        <v>0</v>
      </c>
      <c r="E29" s="258">
        <v>0</v>
      </c>
      <c r="F29" s="260">
        <v>0</v>
      </c>
      <c r="G29" s="261">
        <v>0</v>
      </c>
      <c r="H29" s="261">
        <v>4</v>
      </c>
      <c r="I29" s="261">
        <v>0</v>
      </c>
      <c r="J29" s="261">
        <v>0</v>
      </c>
      <c r="K29" s="261">
        <v>0</v>
      </c>
      <c r="L29" s="258">
        <v>4</v>
      </c>
      <c r="M29" s="263">
        <v>4</v>
      </c>
      <c r="N29" s="261">
        <v>0</v>
      </c>
      <c r="O29" s="261">
        <v>0</v>
      </c>
      <c r="P29" s="258">
        <v>0</v>
      </c>
      <c r="Q29" s="260">
        <v>0</v>
      </c>
      <c r="R29" s="261">
        <v>0</v>
      </c>
      <c r="S29" s="261">
        <v>0</v>
      </c>
      <c r="T29" s="261">
        <v>0</v>
      </c>
      <c r="U29" s="261">
        <v>23</v>
      </c>
      <c r="V29" s="261">
        <v>0</v>
      </c>
      <c r="W29" s="258">
        <v>23</v>
      </c>
      <c r="X29" s="263">
        <v>23</v>
      </c>
    </row>
    <row r="30" spans="2:24" ht="21" customHeight="1" x14ac:dyDescent="0.2">
      <c r="B30" s="472" t="s">
        <v>28</v>
      </c>
      <c r="C30" s="261">
        <v>0</v>
      </c>
      <c r="D30" s="261">
        <v>0</v>
      </c>
      <c r="E30" s="258">
        <v>0</v>
      </c>
      <c r="F30" s="260">
        <v>0</v>
      </c>
      <c r="G30" s="261">
        <v>17</v>
      </c>
      <c r="H30" s="261">
        <v>9</v>
      </c>
      <c r="I30" s="261">
        <v>0</v>
      </c>
      <c r="J30" s="261">
        <v>0</v>
      </c>
      <c r="K30" s="261">
        <v>0</v>
      </c>
      <c r="L30" s="258">
        <v>26</v>
      </c>
      <c r="M30" s="263">
        <v>26</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14</v>
      </c>
      <c r="H31" s="261">
        <v>9</v>
      </c>
      <c r="I31" s="261">
        <v>12</v>
      </c>
      <c r="J31" s="261">
        <v>0</v>
      </c>
      <c r="K31" s="261">
        <v>0</v>
      </c>
      <c r="L31" s="258">
        <v>35</v>
      </c>
      <c r="M31" s="263">
        <v>35</v>
      </c>
      <c r="N31" s="261">
        <v>0</v>
      </c>
      <c r="O31" s="261">
        <v>0</v>
      </c>
      <c r="P31" s="258">
        <v>0</v>
      </c>
      <c r="Q31" s="260">
        <v>0</v>
      </c>
      <c r="R31" s="261">
        <v>0</v>
      </c>
      <c r="S31" s="261">
        <v>0</v>
      </c>
      <c r="T31" s="261">
        <v>0</v>
      </c>
      <c r="U31" s="261">
        <v>0</v>
      </c>
      <c r="V31" s="261">
        <v>0</v>
      </c>
      <c r="W31" s="258">
        <v>0</v>
      </c>
      <c r="X31" s="263">
        <v>0</v>
      </c>
    </row>
    <row r="32" spans="2:24" ht="21" customHeight="1" x14ac:dyDescent="0.2">
      <c r="B32" s="472" t="s">
        <v>30</v>
      </c>
      <c r="C32" s="261">
        <v>0</v>
      </c>
      <c r="D32" s="261">
        <v>0</v>
      </c>
      <c r="E32" s="258">
        <v>0</v>
      </c>
      <c r="F32" s="260">
        <v>0</v>
      </c>
      <c r="G32" s="261">
        <v>5</v>
      </c>
      <c r="H32" s="261">
        <v>0</v>
      </c>
      <c r="I32" s="261">
        <v>14</v>
      </c>
      <c r="J32" s="261">
        <v>0</v>
      </c>
      <c r="K32" s="261">
        <v>0</v>
      </c>
      <c r="L32" s="258">
        <v>19</v>
      </c>
      <c r="M32" s="263">
        <v>19</v>
      </c>
      <c r="N32" s="261">
        <v>4</v>
      </c>
      <c r="O32" s="261">
        <v>0</v>
      </c>
      <c r="P32" s="258">
        <v>4</v>
      </c>
      <c r="Q32" s="260">
        <v>0</v>
      </c>
      <c r="R32" s="261">
        <v>0</v>
      </c>
      <c r="S32" s="261">
        <v>6</v>
      </c>
      <c r="T32" s="261">
        <v>0</v>
      </c>
      <c r="U32" s="261">
        <v>0</v>
      </c>
      <c r="V32" s="261">
        <v>0</v>
      </c>
      <c r="W32" s="258">
        <v>6</v>
      </c>
      <c r="X32" s="263">
        <v>10</v>
      </c>
    </row>
    <row r="33" spans="2:24" ht="21" customHeight="1" x14ac:dyDescent="0.2">
      <c r="B33" s="472" t="s">
        <v>31</v>
      </c>
      <c r="C33" s="261">
        <v>0</v>
      </c>
      <c r="D33" s="261">
        <v>0</v>
      </c>
      <c r="E33" s="258">
        <v>0</v>
      </c>
      <c r="F33" s="260">
        <v>0</v>
      </c>
      <c r="G33" s="261">
        <v>5</v>
      </c>
      <c r="H33" s="261">
        <v>4</v>
      </c>
      <c r="I33" s="261">
        <v>4</v>
      </c>
      <c r="J33" s="261">
        <v>0</v>
      </c>
      <c r="K33" s="261">
        <v>0</v>
      </c>
      <c r="L33" s="258">
        <v>13</v>
      </c>
      <c r="M33" s="263">
        <v>13</v>
      </c>
      <c r="N33" s="261">
        <v>0</v>
      </c>
      <c r="O33" s="261">
        <v>0</v>
      </c>
      <c r="P33" s="258">
        <v>0</v>
      </c>
      <c r="Q33" s="260">
        <v>0</v>
      </c>
      <c r="R33" s="261">
        <v>0</v>
      </c>
      <c r="S33" s="261">
        <v>0</v>
      </c>
      <c r="T33" s="261">
        <v>0</v>
      </c>
      <c r="U33" s="261">
        <v>17</v>
      </c>
      <c r="V33" s="261">
        <v>0</v>
      </c>
      <c r="W33" s="258">
        <v>17</v>
      </c>
      <c r="X33" s="263">
        <v>17</v>
      </c>
    </row>
    <row r="34" spans="2:24" ht="21" customHeight="1" x14ac:dyDescent="0.2">
      <c r="B34" s="472" t="s">
        <v>32</v>
      </c>
      <c r="C34" s="261">
        <v>0</v>
      </c>
      <c r="D34" s="261">
        <v>0</v>
      </c>
      <c r="E34" s="258">
        <v>0</v>
      </c>
      <c r="F34" s="260">
        <v>0</v>
      </c>
      <c r="G34" s="261">
        <v>26</v>
      </c>
      <c r="H34" s="261">
        <v>22</v>
      </c>
      <c r="I34" s="261">
        <v>0</v>
      </c>
      <c r="J34" s="261">
        <v>0</v>
      </c>
      <c r="K34" s="261">
        <v>4</v>
      </c>
      <c r="L34" s="258">
        <v>52</v>
      </c>
      <c r="M34" s="263">
        <v>52</v>
      </c>
      <c r="N34" s="261">
        <v>0</v>
      </c>
      <c r="O34" s="261">
        <v>0</v>
      </c>
      <c r="P34" s="258">
        <v>0</v>
      </c>
      <c r="Q34" s="260">
        <v>0</v>
      </c>
      <c r="R34" s="261">
        <v>0</v>
      </c>
      <c r="S34" s="261">
        <v>0</v>
      </c>
      <c r="T34" s="261">
        <v>0</v>
      </c>
      <c r="U34" s="261">
        <v>0</v>
      </c>
      <c r="V34" s="261">
        <v>0</v>
      </c>
      <c r="W34" s="258">
        <v>0</v>
      </c>
      <c r="X34" s="263">
        <v>0</v>
      </c>
    </row>
    <row r="35" spans="2:24" ht="21" customHeight="1" x14ac:dyDescent="0.2">
      <c r="B35" s="472" t="s">
        <v>33</v>
      </c>
      <c r="C35" s="261">
        <v>0</v>
      </c>
      <c r="D35" s="261">
        <v>0</v>
      </c>
      <c r="E35" s="258">
        <v>0</v>
      </c>
      <c r="F35" s="260">
        <v>0</v>
      </c>
      <c r="G35" s="261">
        <v>7</v>
      </c>
      <c r="H35" s="261">
        <v>0</v>
      </c>
      <c r="I35" s="261">
        <v>0</v>
      </c>
      <c r="J35" s="261">
        <v>0</v>
      </c>
      <c r="K35" s="261">
        <v>0</v>
      </c>
      <c r="L35" s="258">
        <v>7</v>
      </c>
      <c r="M35" s="263">
        <v>7</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11</v>
      </c>
      <c r="H36" s="261">
        <v>14</v>
      </c>
      <c r="I36" s="261">
        <v>0</v>
      </c>
      <c r="J36" s="261">
        <v>0</v>
      </c>
      <c r="K36" s="261">
        <v>0</v>
      </c>
      <c r="L36" s="258">
        <v>25</v>
      </c>
      <c r="M36" s="263">
        <v>25</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18</v>
      </c>
      <c r="H38" s="261">
        <v>5</v>
      </c>
      <c r="I38" s="261">
        <v>2</v>
      </c>
      <c r="J38" s="261">
        <v>6</v>
      </c>
      <c r="K38" s="261">
        <v>0</v>
      </c>
      <c r="L38" s="258">
        <v>31</v>
      </c>
      <c r="M38" s="263">
        <v>31</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0</v>
      </c>
      <c r="L39" s="265">
        <v>0</v>
      </c>
      <c r="M39" s="270">
        <v>0</v>
      </c>
      <c r="N39" s="268">
        <v>0</v>
      </c>
      <c r="O39" s="268">
        <v>0</v>
      </c>
      <c r="P39" s="265">
        <v>0</v>
      </c>
      <c r="Q39" s="267">
        <v>0</v>
      </c>
      <c r="R39" s="268">
        <v>0</v>
      </c>
      <c r="S39" s="268">
        <v>0</v>
      </c>
      <c r="T39" s="268">
        <v>0</v>
      </c>
      <c r="U39" s="268">
        <v>0</v>
      </c>
      <c r="V39" s="268">
        <v>0</v>
      </c>
      <c r="W39" s="265">
        <v>0</v>
      </c>
      <c r="X39" s="270">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5</v>
      </c>
      <c r="H1" s="501">
        <f>第１表!F2</f>
        <v>5</v>
      </c>
      <c r="I1" s="501"/>
      <c r="J1" s="235">
        <f>第１表!G2</f>
        <v>10</v>
      </c>
      <c r="K1" s="505">
        <f>IF(J1&lt;3,J1+12-2,J1-2)</f>
        <v>8</v>
      </c>
      <c r="L1" s="505"/>
    </row>
    <row r="2" spans="2:24" ht="24" customHeight="1" thickBot="1" x14ac:dyDescent="0.25">
      <c r="B2" s="271" t="s">
        <v>154</v>
      </c>
    </row>
    <row r="3" spans="2:24" ht="21" customHeight="1" x14ac:dyDescent="0.2">
      <c r="B3" s="517"/>
      <c r="C3" s="513" t="s">
        <v>141</v>
      </c>
      <c r="D3" s="513"/>
      <c r="E3" s="513"/>
      <c r="F3" s="513"/>
      <c r="G3" s="513"/>
      <c r="H3" s="513"/>
      <c r="I3" s="513"/>
      <c r="J3" s="513"/>
      <c r="K3" s="513"/>
      <c r="L3" s="513"/>
      <c r="M3" s="543"/>
      <c r="N3" s="513" t="s">
        <v>113</v>
      </c>
      <c r="O3" s="513"/>
      <c r="P3" s="513"/>
      <c r="Q3" s="513"/>
      <c r="R3" s="513"/>
      <c r="S3" s="513"/>
      <c r="T3" s="513"/>
      <c r="U3" s="513"/>
      <c r="V3" s="513"/>
      <c r="W3" s="513"/>
      <c r="X3" s="543"/>
    </row>
    <row r="4" spans="2:24" ht="21" customHeight="1" x14ac:dyDescent="0.2">
      <c r="B4" s="541"/>
      <c r="C4" s="544" t="s">
        <v>61</v>
      </c>
      <c r="D4" s="544"/>
      <c r="E4" s="545"/>
      <c r="F4" s="546" t="s">
        <v>62</v>
      </c>
      <c r="G4" s="544"/>
      <c r="H4" s="544"/>
      <c r="I4" s="544"/>
      <c r="J4" s="544"/>
      <c r="K4" s="544"/>
      <c r="L4" s="547"/>
      <c r="M4" s="548" t="s">
        <v>52</v>
      </c>
      <c r="N4" s="544" t="s">
        <v>61</v>
      </c>
      <c r="O4" s="544"/>
      <c r="P4" s="545"/>
      <c r="Q4" s="546" t="s">
        <v>62</v>
      </c>
      <c r="R4" s="544"/>
      <c r="S4" s="544"/>
      <c r="T4" s="544"/>
      <c r="U4" s="544"/>
      <c r="V4" s="544"/>
      <c r="W4" s="547"/>
      <c r="X4" s="548" t="s">
        <v>52</v>
      </c>
    </row>
    <row r="5" spans="2:24" ht="30" customHeight="1" thickBot="1" x14ac:dyDescent="0.25">
      <c r="B5" s="542"/>
      <c r="C5" s="243" t="s">
        <v>43</v>
      </c>
      <c r="D5" s="243" t="s">
        <v>44</v>
      </c>
      <c r="E5" s="246" t="s">
        <v>45</v>
      </c>
      <c r="F5" s="248" t="s">
        <v>83</v>
      </c>
      <c r="G5" s="243" t="s">
        <v>47</v>
      </c>
      <c r="H5" s="243" t="s">
        <v>48</v>
      </c>
      <c r="I5" s="243" t="s">
        <v>49</v>
      </c>
      <c r="J5" s="243" t="s">
        <v>50</v>
      </c>
      <c r="K5" s="243" t="s">
        <v>51</v>
      </c>
      <c r="L5" s="246" t="s">
        <v>45</v>
      </c>
      <c r="M5" s="516"/>
      <c r="N5" s="243" t="s">
        <v>43</v>
      </c>
      <c r="O5" s="243" t="s">
        <v>44</v>
      </c>
      <c r="P5" s="246" t="s">
        <v>45</v>
      </c>
      <c r="Q5" s="248" t="s">
        <v>83</v>
      </c>
      <c r="R5" s="243" t="s">
        <v>47</v>
      </c>
      <c r="S5" s="243" t="s">
        <v>48</v>
      </c>
      <c r="T5" s="243" t="s">
        <v>49</v>
      </c>
      <c r="U5" s="243" t="s">
        <v>50</v>
      </c>
      <c r="V5" s="243" t="s">
        <v>51</v>
      </c>
      <c r="W5" s="246" t="s">
        <v>45</v>
      </c>
      <c r="X5" s="516"/>
    </row>
    <row r="6" spans="2:24" ht="21" customHeight="1" x14ac:dyDescent="0.2">
      <c r="B6" s="470" t="s">
        <v>4</v>
      </c>
      <c r="C6" s="254">
        <v>0</v>
      </c>
      <c r="D6" s="254">
        <v>0</v>
      </c>
      <c r="E6" s="251">
        <v>0</v>
      </c>
      <c r="F6" s="253">
        <v>0</v>
      </c>
      <c r="G6" s="254">
        <v>5206</v>
      </c>
      <c r="H6" s="254">
        <v>4806</v>
      </c>
      <c r="I6" s="254">
        <v>2555</v>
      </c>
      <c r="J6" s="254">
        <v>1379</v>
      </c>
      <c r="K6" s="254">
        <v>436</v>
      </c>
      <c r="L6" s="251">
        <v>14382</v>
      </c>
      <c r="M6" s="256">
        <v>14382</v>
      </c>
      <c r="N6" s="254">
        <v>0</v>
      </c>
      <c r="O6" s="254">
        <v>0</v>
      </c>
      <c r="P6" s="251">
        <v>0</v>
      </c>
      <c r="Q6" s="253">
        <v>0</v>
      </c>
      <c r="R6" s="254">
        <v>438</v>
      </c>
      <c r="S6" s="254">
        <v>560</v>
      </c>
      <c r="T6" s="254">
        <v>734</v>
      </c>
      <c r="U6" s="254">
        <v>286</v>
      </c>
      <c r="V6" s="254">
        <v>305</v>
      </c>
      <c r="W6" s="251">
        <v>2323</v>
      </c>
      <c r="X6" s="256">
        <v>2323</v>
      </c>
    </row>
    <row r="7" spans="2:24" ht="21" customHeight="1" x14ac:dyDescent="0.2">
      <c r="B7" s="471" t="s">
        <v>5</v>
      </c>
      <c r="C7" s="261">
        <v>0</v>
      </c>
      <c r="D7" s="261">
        <v>0</v>
      </c>
      <c r="E7" s="258">
        <v>0</v>
      </c>
      <c r="F7" s="260">
        <v>0</v>
      </c>
      <c r="G7" s="261">
        <v>1932</v>
      </c>
      <c r="H7" s="261">
        <v>2496</v>
      </c>
      <c r="I7" s="261">
        <v>1257</v>
      </c>
      <c r="J7" s="261">
        <v>652</v>
      </c>
      <c r="K7" s="261">
        <v>216</v>
      </c>
      <c r="L7" s="258">
        <v>6553</v>
      </c>
      <c r="M7" s="263">
        <v>6553</v>
      </c>
      <c r="N7" s="261">
        <v>0</v>
      </c>
      <c r="O7" s="261">
        <v>0</v>
      </c>
      <c r="P7" s="258">
        <v>0</v>
      </c>
      <c r="Q7" s="260">
        <v>0</v>
      </c>
      <c r="R7" s="261">
        <v>239</v>
      </c>
      <c r="S7" s="261">
        <v>295</v>
      </c>
      <c r="T7" s="261">
        <v>350</v>
      </c>
      <c r="U7" s="261">
        <v>179</v>
      </c>
      <c r="V7" s="261">
        <v>251</v>
      </c>
      <c r="W7" s="258">
        <v>1314</v>
      </c>
      <c r="X7" s="263">
        <v>1314</v>
      </c>
    </row>
    <row r="8" spans="2:24" ht="21" customHeight="1" x14ac:dyDescent="0.2">
      <c r="B8" s="472" t="s">
        <v>6</v>
      </c>
      <c r="C8" s="261">
        <v>0</v>
      </c>
      <c r="D8" s="261">
        <v>0</v>
      </c>
      <c r="E8" s="258">
        <v>0</v>
      </c>
      <c r="F8" s="260">
        <v>0</v>
      </c>
      <c r="G8" s="261">
        <v>908</v>
      </c>
      <c r="H8" s="261">
        <v>535</v>
      </c>
      <c r="I8" s="261">
        <v>343</v>
      </c>
      <c r="J8" s="261">
        <v>136</v>
      </c>
      <c r="K8" s="261">
        <v>61</v>
      </c>
      <c r="L8" s="258">
        <v>1983</v>
      </c>
      <c r="M8" s="263">
        <v>1983</v>
      </c>
      <c r="N8" s="261">
        <v>0</v>
      </c>
      <c r="O8" s="261">
        <v>0</v>
      </c>
      <c r="P8" s="258">
        <v>0</v>
      </c>
      <c r="Q8" s="260">
        <v>0</v>
      </c>
      <c r="R8" s="261">
        <v>127</v>
      </c>
      <c r="S8" s="261">
        <v>182</v>
      </c>
      <c r="T8" s="261">
        <v>249</v>
      </c>
      <c r="U8" s="261">
        <v>39</v>
      </c>
      <c r="V8" s="261">
        <v>35</v>
      </c>
      <c r="W8" s="258">
        <v>632</v>
      </c>
      <c r="X8" s="263">
        <v>632</v>
      </c>
    </row>
    <row r="9" spans="2:24" ht="21" customHeight="1" x14ac:dyDescent="0.2">
      <c r="B9" s="472" t="s">
        <v>14</v>
      </c>
      <c r="C9" s="261">
        <v>0</v>
      </c>
      <c r="D9" s="261">
        <v>0</v>
      </c>
      <c r="E9" s="258">
        <v>0</v>
      </c>
      <c r="F9" s="260">
        <v>0</v>
      </c>
      <c r="G9" s="261">
        <v>235</v>
      </c>
      <c r="H9" s="261">
        <v>418</v>
      </c>
      <c r="I9" s="261">
        <v>223</v>
      </c>
      <c r="J9" s="261">
        <v>137</v>
      </c>
      <c r="K9" s="261">
        <v>28</v>
      </c>
      <c r="L9" s="258">
        <v>1041</v>
      </c>
      <c r="M9" s="263">
        <v>1041</v>
      </c>
      <c r="N9" s="261">
        <v>0</v>
      </c>
      <c r="O9" s="261">
        <v>0</v>
      </c>
      <c r="P9" s="258">
        <v>0</v>
      </c>
      <c r="Q9" s="260">
        <v>0</v>
      </c>
      <c r="R9" s="261">
        <v>16</v>
      </c>
      <c r="S9" s="261">
        <v>12</v>
      </c>
      <c r="T9" s="261">
        <v>0</v>
      </c>
      <c r="U9" s="261">
        <v>4</v>
      </c>
      <c r="V9" s="261">
        <v>0</v>
      </c>
      <c r="W9" s="258">
        <v>32</v>
      </c>
      <c r="X9" s="263">
        <v>32</v>
      </c>
    </row>
    <row r="10" spans="2:24" ht="21" customHeight="1" x14ac:dyDescent="0.2">
      <c r="B10" s="472" t="s">
        <v>7</v>
      </c>
      <c r="C10" s="261">
        <v>0</v>
      </c>
      <c r="D10" s="261">
        <v>0</v>
      </c>
      <c r="E10" s="258">
        <v>0</v>
      </c>
      <c r="F10" s="260">
        <v>0</v>
      </c>
      <c r="G10" s="261">
        <v>254</v>
      </c>
      <c r="H10" s="261">
        <v>165</v>
      </c>
      <c r="I10" s="261">
        <v>56</v>
      </c>
      <c r="J10" s="261">
        <v>18</v>
      </c>
      <c r="K10" s="261">
        <v>9</v>
      </c>
      <c r="L10" s="258">
        <v>502</v>
      </c>
      <c r="M10" s="263">
        <v>502</v>
      </c>
      <c r="N10" s="261">
        <v>0</v>
      </c>
      <c r="O10" s="261">
        <v>0</v>
      </c>
      <c r="P10" s="258">
        <v>0</v>
      </c>
      <c r="Q10" s="260">
        <v>0</v>
      </c>
      <c r="R10" s="261">
        <v>17</v>
      </c>
      <c r="S10" s="261">
        <v>35</v>
      </c>
      <c r="T10" s="261">
        <v>43</v>
      </c>
      <c r="U10" s="261">
        <v>19</v>
      </c>
      <c r="V10" s="261">
        <v>0</v>
      </c>
      <c r="W10" s="258">
        <v>114</v>
      </c>
      <c r="X10" s="263">
        <v>114</v>
      </c>
    </row>
    <row r="11" spans="2:24" ht="21" customHeight="1" x14ac:dyDescent="0.2">
      <c r="B11" s="472" t="s">
        <v>8</v>
      </c>
      <c r="C11" s="261">
        <v>0</v>
      </c>
      <c r="D11" s="261">
        <v>0</v>
      </c>
      <c r="E11" s="258">
        <v>0</v>
      </c>
      <c r="F11" s="260">
        <v>0</v>
      </c>
      <c r="G11" s="261">
        <v>247</v>
      </c>
      <c r="H11" s="261">
        <v>120</v>
      </c>
      <c r="I11" s="261">
        <v>34</v>
      </c>
      <c r="J11" s="261">
        <v>85</v>
      </c>
      <c r="K11" s="261">
        <v>0</v>
      </c>
      <c r="L11" s="258">
        <v>486</v>
      </c>
      <c r="M11" s="263">
        <v>486</v>
      </c>
      <c r="N11" s="261">
        <v>0</v>
      </c>
      <c r="O11" s="261">
        <v>0</v>
      </c>
      <c r="P11" s="258">
        <v>0</v>
      </c>
      <c r="Q11" s="260">
        <v>0</v>
      </c>
      <c r="R11" s="261">
        <v>0</v>
      </c>
      <c r="S11" s="261">
        <v>0</v>
      </c>
      <c r="T11" s="261">
        <v>0</v>
      </c>
      <c r="U11" s="261">
        <v>0</v>
      </c>
      <c r="V11" s="261">
        <v>0</v>
      </c>
      <c r="W11" s="258">
        <v>0</v>
      </c>
      <c r="X11" s="263">
        <v>0</v>
      </c>
    </row>
    <row r="12" spans="2:24" ht="21" customHeight="1" x14ac:dyDescent="0.2">
      <c r="B12" s="472" t="s">
        <v>9</v>
      </c>
      <c r="C12" s="261">
        <v>0</v>
      </c>
      <c r="D12" s="261">
        <v>0</v>
      </c>
      <c r="E12" s="258">
        <v>0</v>
      </c>
      <c r="F12" s="260">
        <v>0</v>
      </c>
      <c r="G12" s="261">
        <v>287</v>
      </c>
      <c r="H12" s="261">
        <v>157</v>
      </c>
      <c r="I12" s="261">
        <v>155</v>
      </c>
      <c r="J12" s="261">
        <v>59</v>
      </c>
      <c r="K12" s="261">
        <v>10</v>
      </c>
      <c r="L12" s="258">
        <v>668</v>
      </c>
      <c r="M12" s="263">
        <v>668</v>
      </c>
      <c r="N12" s="261">
        <v>0</v>
      </c>
      <c r="O12" s="261">
        <v>0</v>
      </c>
      <c r="P12" s="258">
        <v>0</v>
      </c>
      <c r="Q12" s="260">
        <v>0</v>
      </c>
      <c r="R12" s="261">
        <v>0</v>
      </c>
      <c r="S12" s="261">
        <v>0</v>
      </c>
      <c r="T12" s="261">
        <v>3</v>
      </c>
      <c r="U12" s="261">
        <v>0</v>
      </c>
      <c r="V12" s="261">
        <v>7</v>
      </c>
      <c r="W12" s="258">
        <v>10</v>
      </c>
      <c r="X12" s="263">
        <v>10</v>
      </c>
    </row>
    <row r="13" spans="2:24" ht="21" customHeight="1" x14ac:dyDescent="0.2">
      <c r="B13" s="472" t="s">
        <v>10</v>
      </c>
      <c r="C13" s="261">
        <v>0</v>
      </c>
      <c r="D13" s="261">
        <v>0</v>
      </c>
      <c r="E13" s="258">
        <v>0</v>
      </c>
      <c r="F13" s="260">
        <v>0</v>
      </c>
      <c r="G13" s="261">
        <v>237</v>
      </c>
      <c r="H13" s="261">
        <v>122</v>
      </c>
      <c r="I13" s="261">
        <v>58</v>
      </c>
      <c r="J13" s="261">
        <v>39</v>
      </c>
      <c r="K13" s="261">
        <v>3</v>
      </c>
      <c r="L13" s="258">
        <v>459</v>
      </c>
      <c r="M13" s="263">
        <v>459</v>
      </c>
      <c r="N13" s="261">
        <v>0</v>
      </c>
      <c r="O13" s="261">
        <v>0</v>
      </c>
      <c r="P13" s="258">
        <v>0</v>
      </c>
      <c r="Q13" s="260">
        <v>0</v>
      </c>
      <c r="R13" s="261">
        <v>1</v>
      </c>
      <c r="S13" s="261">
        <v>0</v>
      </c>
      <c r="T13" s="261">
        <v>30</v>
      </c>
      <c r="U13" s="261">
        <v>27</v>
      </c>
      <c r="V13" s="261">
        <v>0</v>
      </c>
      <c r="W13" s="258">
        <v>58</v>
      </c>
      <c r="X13" s="263">
        <v>58</v>
      </c>
    </row>
    <row r="14" spans="2:24" ht="21" customHeight="1" x14ac:dyDescent="0.2">
      <c r="B14" s="472" t="s">
        <v>11</v>
      </c>
      <c r="C14" s="261">
        <v>0</v>
      </c>
      <c r="D14" s="261">
        <v>0</v>
      </c>
      <c r="E14" s="258">
        <v>0</v>
      </c>
      <c r="F14" s="260">
        <v>0</v>
      </c>
      <c r="G14" s="261">
        <v>211</v>
      </c>
      <c r="H14" s="261">
        <v>25</v>
      </c>
      <c r="I14" s="261">
        <v>33</v>
      </c>
      <c r="J14" s="261">
        <v>47</v>
      </c>
      <c r="K14" s="261">
        <v>13</v>
      </c>
      <c r="L14" s="258">
        <v>329</v>
      </c>
      <c r="M14" s="263">
        <v>329</v>
      </c>
      <c r="N14" s="261">
        <v>0</v>
      </c>
      <c r="O14" s="261">
        <v>0</v>
      </c>
      <c r="P14" s="258">
        <v>0</v>
      </c>
      <c r="Q14" s="260">
        <v>0</v>
      </c>
      <c r="R14" s="261">
        <v>13</v>
      </c>
      <c r="S14" s="261">
        <v>0</v>
      </c>
      <c r="T14" s="261">
        <v>0</v>
      </c>
      <c r="U14" s="261">
        <v>0</v>
      </c>
      <c r="V14" s="261">
        <v>0</v>
      </c>
      <c r="W14" s="258">
        <v>13</v>
      </c>
      <c r="X14" s="263">
        <v>13</v>
      </c>
    </row>
    <row r="15" spans="2:24" ht="21" customHeight="1" x14ac:dyDescent="0.2">
      <c r="B15" s="472" t="s">
        <v>12</v>
      </c>
      <c r="C15" s="261">
        <v>0</v>
      </c>
      <c r="D15" s="261">
        <v>0</v>
      </c>
      <c r="E15" s="258">
        <v>0</v>
      </c>
      <c r="F15" s="260">
        <v>0</v>
      </c>
      <c r="G15" s="261">
        <v>156</v>
      </c>
      <c r="H15" s="261">
        <v>99</v>
      </c>
      <c r="I15" s="261">
        <v>60</v>
      </c>
      <c r="J15" s="261">
        <v>47</v>
      </c>
      <c r="K15" s="261">
        <v>13</v>
      </c>
      <c r="L15" s="258">
        <v>375</v>
      </c>
      <c r="M15" s="263">
        <v>375</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56</v>
      </c>
      <c r="H16" s="261">
        <v>120</v>
      </c>
      <c r="I16" s="261">
        <v>66</v>
      </c>
      <c r="J16" s="261">
        <v>20</v>
      </c>
      <c r="K16" s="261">
        <v>19</v>
      </c>
      <c r="L16" s="258">
        <v>281</v>
      </c>
      <c r="M16" s="263">
        <v>281</v>
      </c>
      <c r="N16" s="261">
        <v>0</v>
      </c>
      <c r="O16" s="261">
        <v>0</v>
      </c>
      <c r="P16" s="258">
        <v>0</v>
      </c>
      <c r="Q16" s="260">
        <v>0</v>
      </c>
      <c r="R16" s="261">
        <v>5</v>
      </c>
      <c r="S16" s="261">
        <v>0</v>
      </c>
      <c r="T16" s="261">
        <v>0</v>
      </c>
      <c r="U16" s="261">
        <v>0</v>
      </c>
      <c r="V16" s="261">
        <v>0</v>
      </c>
      <c r="W16" s="258">
        <v>5</v>
      </c>
      <c r="X16" s="263">
        <v>5</v>
      </c>
    </row>
    <row r="17" spans="2:24" ht="21" customHeight="1" x14ac:dyDescent="0.2">
      <c r="B17" s="472" t="s">
        <v>15</v>
      </c>
      <c r="C17" s="261">
        <v>0</v>
      </c>
      <c r="D17" s="261">
        <v>0</v>
      </c>
      <c r="E17" s="258">
        <v>0</v>
      </c>
      <c r="F17" s="260">
        <v>0</v>
      </c>
      <c r="G17" s="261">
        <v>28</v>
      </c>
      <c r="H17" s="261">
        <v>49</v>
      </c>
      <c r="I17" s="261">
        <v>19</v>
      </c>
      <c r="J17" s="261">
        <v>0</v>
      </c>
      <c r="K17" s="261">
        <v>15</v>
      </c>
      <c r="L17" s="258">
        <v>111</v>
      </c>
      <c r="M17" s="263">
        <v>111</v>
      </c>
      <c r="N17" s="261">
        <v>0</v>
      </c>
      <c r="O17" s="261">
        <v>0</v>
      </c>
      <c r="P17" s="258">
        <v>0</v>
      </c>
      <c r="Q17" s="260">
        <v>0</v>
      </c>
      <c r="R17" s="261">
        <v>0</v>
      </c>
      <c r="S17" s="261">
        <v>0</v>
      </c>
      <c r="T17" s="261">
        <v>0</v>
      </c>
      <c r="U17" s="261">
        <v>0</v>
      </c>
      <c r="V17" s="261">
        <v>0</v>
      </c>
      <c r="W17" s="258">
        <v>0</v>
      </c>
      <c r="X17" s="263">
        <v>0</v>
      </c>
    </row>
    <row r="18" spans="2:24" ht="21" customHeight="1" x14ac:dyDescent="0.2">
      <c r="B18" s="472" t="s">
        <v>16</v>
      </c>
      <c r="C18" s="261">
        <v>0</v>
      </c>
      <c r="D18" s="261">
        <v>0</v>
      </c>
      <c r="E18" s="258">
        <v>0</v>
      </c>
      <c r="F18" s="260">
        <v>0</v>
      </c>
      <c r="G18" s="261">
        <v>68</v>
      </c>
      <c r="H18" s="261">
        <v>69</v>
      </c>
      <c r="I18" s="261">
        <v>54</v>
      </c>
      <c r="J18" s="261">
        <v>22</v>
      </c>
      <c r="K18" s="261">
        <v>0</v>
      </c>
      <c r="L18" s="258">
        <v>213</v>
      </c>
      <c r="M18" s="263">
        <v>213</v>
      </c>
      <c r="N18" s="261">
        <v>0</v>
      </c>
      <c r="O18" s="261">
        <v>0</v>
      </c>
      <c r="P18" s="258">
        <v>0</v>
      </c>
      <c r="Q18" s="260">
        <v>0</v>
      </c>
      <c r="R18" s="261">
        <v>0</v>
      </c>
      <c r="S18" s="261">
        <v>8</v>
      </c>
      <c r="T18" s="261">
        <v>0</v>
      </c>
      <c r="U18" s="261">
        <v>0</v>
      </c>
      <c r="V18" s="261">
        <v>0</v>
      </c>
      <c r="W18" s="258">
        <v>8</v>
      </c>
      <c r="X18" s="263">
        <v>8</v>
      </c>
    </row>
    <row r="19" spans="2:24" ht="21" customHeight="1" x14ac:dyDescent="0.2">
      <c r="B19" s="472" t="s">
        <v>17</v>
      </c>
      <c r="C19" s="261">
        <v>0</v>
      </c>
      <c r="D19" s="261">
        <v>0</v>
      </c>
      <c r="E19" s="258">
        <v>0</v>
      </c>
      <c r="F19" s="260">
        <v>0</v>
      </c>
      <c r="G19" s="261">
        <v>130</v>
      </c>
      <c r="H19" s="261">
        <v>106</v>
      </c>
      <c r="I19" s="261">
        <v>47</v>
      </c>
      <c r="J19" s="261">
        <v>19</v>
      </c>
      <c r="K19" s="261">
        <v>9</v>
      </c>
      <c r="L19" s="258">
        <v>311</v>
      </c>
      <c r="M19" s="263">
        <v>311</v>
      </c>
      <c r="N19" s="261">
        <v>0</v>
      </c>
      <c r="O19" s="261">
        <v>0</v>
      </c>
      <c r="P19" s="258">
        <v>0</v>
      </c>
      <c r="Q19" s="260">
        <v>0</v>
      </c>
      <c r="R19" s="261">
        <v>0</v>
      </c>
      <c r="S19" s="261">
        <v>0</v>
      </c>
      <c r="T19" s="261">
        <v>4</v>
      </c>
      <c r="U19" s="261">
        <v>0</v>
      </c>
      <c r="V19" s="261">
        <v>0</v>
      </c>
      <c r="W19" s="258">
        <v>4</v>
      </c>
      <c r="X19" s="263">
        <v>4</v>
      </c>
    </row>
    <row r="20" spans="2:24" ht="21" customHeight="1" x14ac:dyDescent="0.2">
      <c r="B20" s="472" t="s">
        <v>18</v>
      </c>
      <c r="C20" s="261">
        <v>0</v>
      </c>
      <c r="D20" s="261">
        <v>0</v>
      </c>
      <c r="E20" s="258">
        <v>0</v>
      </c>
      <c r="F20" s="260">
        <v>0</v>
      </c>
      <c r="G20" s="261">
        <v>118</v>
      </c>
      <c r="H20" s="261">
        <v>62</v>
      </c>
      <c r="I20" s="261">
        <v>43</v>
      </c>
      <c r="J20" s="261">
        <v>23</v>
      </c>
      <c r="K20" s="261">
        <v>0</v>
      </c>
      <c r="L20" s="258">
        <v>246</v>
      </c>
      <c r="M20" s="263">
        <v>246</v>
      </c>
      <c r="N20" s="261">
        <v>0</v>
      </c>
      <c r="O20" s="261">
        <v>0</v>
      </c>
      <c r="P20" s="258">
        <v>0</v>
      </c>
      <c r="Q20" s="260">
        <v>0</v>
      </c>
      <c r="R20" s="261">
        <v>0</v>
      </c>
      <c r="S20" s="261">
        <v>0</v>
      </c>
      <c r="T20" s="261">
        <v>25</v>
      </c>
      <c r="U20" s="261">
        <v>18</v>
      </c>
      <c r="V20" s="261">
        <v>0</v>
      </c>
      <c r="W20" s="258">
        <v>43</v>
      </c>
      <c r="X20" s="263">
        <v>43</v>
      </c>
    </row>
    <row r="21" spans="2:24" ht="21" customHeight="1" x14ac:dyDescent="0.2">
      <c r="B21" s="472" t="s">
        <v>19</v>
      </c>
      <c r="C21" s="261">
        <v>0</v>
      </c>
      <c r="D21" s="261">
        <v>0</v>
      </c>
      <c r="E21" s="258">
        <v>0</v>
      </c>
      <c r="F21" s="260">
        <v>0</v>
      </c>
      <c r="G21" s="261">
        <v>60</v>
      </c>
      <c r="H21" s="261">
        <v>124</v>
      </c>
      <c r="I21" s="261">
        <v>15</v>
      </c>
      <c r="J21" s="261">
        <v>29</v>
      </c>
      <c r="K21" s="261">
        <v>0</v>
      </c>
      <c r="L21" s="258">
        <v>228</v>
      </c>
      <c r="M21" s="263">
        <v>228</v>
      </c>
      <c r="N21" s="261">
        <v>0</v>
      </c>
      <c r="O21" s="261">
        <v>0</v>
      </c>
      <c r="P21" s="258">
        <v>0</v>
      </c>
      <c r="Q21" s="260">
        <v>0</v>
      </c>
      <c r="R21" s="261">
        <v>5</v>
      </c>
      <c r="S21" s="261">
        <v>14</v>
      </c>
      <c r="T21" s="261">
        <v>0</v>
      </c>
      <c r="U21" s="261">
        <v>0</v>
      </c>
      <c r="V21" s="261">
        <v>0</v>
      </c>
      <c r="W21" s="258">
        <v>19</v>
      </c>
      <c r="X21" s="263">
        <v>19</v>
      </c>
    </row>
    <row r="22" spans="2:24" ht="21" customHeight="1" x14ac:dyDescent="0.2">
      <c r="B22" s="472" t="s">
        <v>20</v>
      </c>
      <c r="C22" s="261">
        <v>0</v>
      </c>
      <c r="D22" s="261">
        <v>0</v>
      </c>
      <c r="E22" s="258">
        <v>0</v>
      </c>
      <c r="F22" s="260">
        <v>0</v>
      </c>
      <c r="G22" s="261">
        <v>25</v>
      </c>
      <c r="H22" s="261">
        <v>29</v>
      </c>
      <c r="I22" s="261">
        <v>14</v>
      </c>
      <c r="J22" s="261">
        <v>0</v>
      </c>
      <c r="K22" s="261">
        <v>0</v>
      </c>
      <c r="L22" s="258">
        <v>68</v>
      </c>
      <c r="M22" s="263">
        <v>68</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78</v>
      </c>
      <c r="H23" s="261">
        <v>45</v>
      </c>
      <c r="I23" s="261">
        <v>18</v>
      </c>
      <c r="J23" s="261">
        <v>4</v>
      </c>
      <c r="K23" s="261">
        <v>0</v>
      </c>
      <c r="L23" s="258">
        <v>145</v>
      </c>
      <c r="M23" s="263">
        <v>145</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40</v>
      </c>
      <c r="H24" s="261">
        <v>11</v>
      </c>
      <c r="I24" s="261">
        <v>17</v>
      </c>
      <c r="J24" s="261">
        <v>0</v>
      </c>
      <c r="K24" s="261">
        <v>0</v>
      </c>
      <c r="L24" s="258">
        <v>68</v>
      </c>
      <c r="M24" s="263">
        <v>68</v>
      </c>
      <c r="N24" s="261">
        <v>0</v>
      </c>
      <c r="O24" s="261">
        <v>0</v>
      </c>
      <c r="P24" s="258">
        <v>0</v>
      </c>
      <c r="Q24" s="260">
        <v>0</v>
      </c>
      <c r="R24" s="261">
        <v>0</v>
      </c>
      <c r="S24" s="261">
        <v>0</v>
      </c>
      <c r="T24" s="261">
        <v>9</v>
      </c>
      <c r="U24" s="261">
        <v>0</v>
      </c>
      <c r="V24" s="261">
        <v>0</v>
      </c>
      <c r="W24" s="258">
        <v>9</v>
      </c>
      <c r="X24" s="263">
        <v>9</v>
      </c>
    </row>
    <row r="25" spans="2:24" ht="21" customHeight="1" x14ac:dyDescent="0.2">
      <c r="B25" s="472" t="s">
        <v>23</v>
      </c>
      <c r="C25" s="261">
        <v>0</v>
      </c>
      <c r="D25" s="261">
        <v>0</v>
      </c>
      <c r="E25" s="258">
        <v>0</v>
      </c>
      <c r="F25" s="260">
        <v>0</v>
      </c>
      <c r="G25" s="261">
        <v>4</v>
      </c>
      <c r="H25" s="261">
        <v>9</v>
      </c>
      <c r="I25" s="261">
        <v>9</v>
      </c>
      <c r="J25" s="261">
        <v>0</v>
      </c>
      <c r="K25" s="261">
        <v>19</v>
      </c>
      <c r="L25" s="258">
        <v>41</v>
      </c>
      <c r="M25" s="263">
        <v>41</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0</v>
      </c>
      <c r="H26" s="261">
        <v>0</v>
      </c>
      <c r="I26" s="261">
        <v>0</v>
      </c>
      <c r="J26" s="261">
        <v>13</v>
      </c>
      <c r="K26" s="261">
        <v>0</v>
      </c>
      <c r="L26" s="258">
        <v>13</v>
      </c>
      <c r="M26" s="263">
        <v>13</v>
      </c>
      <c r="N26" s="261">
        <v>0</v>
      </c>
      <c r="O26" s="261">
        <v>0</v>
      </c>
      <c r="P26" s="258">
        <v>0</v>
      </c>
      <c r="Q26" s="260">
        <v>0</v>
      </c>
      <c r="R26" s="261">
        <v>0</v>
      </c>
      <c r="S26" s="261">
        <v>5</v>
      </c>
      <c r="T26" s="261">
        <v>17</v>
      </c>
      <c r="U26" s="261">
        <v>0</v>
      </c>
      <c r="V26" s="261">
        <v>12</v>
      </c>
      <c r="W26" s="258">
        <v>34</v>
      </c>
      <c r="X26" s="263">
        <v>34</v>
      </c>
    </row>
    <row r="27" spans="2:24" ht="21" customHeight="1" x14ac:dyDescent="0.2">
      <c r="B27" s="472" t="s">
        <v>25</v>
      </c>
      <c r="C27" s="261">
        <v>0</v>
      </c>
      <c r="D27" s="261">
        <v>0</v>
      </c>
      <c r="E27" s="258">
        <v>0</v>
      </c>
      <c r="F27" s="260">
        <v>0</v>
      </c>
      <c r="G27" s="261">
        <v>31</v>
      </c>
      <c r="H27" s="261">
        <v>12</v>
      </c>
      <c r="I27" s="261">
        <v>0</v>
      </c>
      <c r="J27" s="261">
        <v>0</v>
      </c>
      <c r="K27" s="261">
        <v>0</v>
      </c>
      <c r="L27" s="258">
        <v>43</v>
      </c>
      <c r="M27" s="263">
        <v>43</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17</v>
      </c>
      <c r="H28" s="261">
        <v>16</v>
      </c>
      <c r="I28" s="261">
        <v>13</v>
      </c>
      <c r="J28" s="261">
        <v>0</v>
      </c>
      <c r="K28" s="261">
        <v>5</v>
      </c>
      <c r="L28" s="258">
        <v>51</v>
      </c>
      <c r="M28" s="263">
        <v>51</v>
      </c>
      <c r="N28" s="261">
        <v>0</v>
      </c>
      <c r="O28" s="261">
        <v>0</v>
      </c>
      <c r="P28" s="258">
        <v>0</v>
      </c>
      <c r="Q28" s="260">
        <v>0</v>
      </c>
      <c r="R28" s="261">
        <v>0</v>
      </c>
      <c r="S28" s="261">
        <v>0</v>
      </c>
      <c r="T28" s="261">
        <v>0</v>
      </c>
      <c r="U28" s="261">
        <v>0</v>
      </c>
      <c r="V28" s="261">
        <v>0</v>
      </c>
      <c r="W28" s="258">
        <v>0</v>
      </c>
      <c r="X28" s="263">
        <v>0</v>
      </c>
    </row>
    <row r="29" spans="2:24" ht="21" customHeight="1" x14ac:dyDescent="0.2">
      <c r="B29" s="472" t="s">
        <v>27</v>
      </c>
      <c r="C29" s="261">
        <v>0</v>
      </c>
      <c r="D29" s="261">
        <v>0</v>
      </c>
      <c r="E29" s="258">
        <v>0</v>
      </c>
      <c r="F29" s="260">
        <v>0</v>
      </c>
      <c r="G29" s="261">
        <v>24</v>
      </c>
      <c r="H29" s="261">
        <v>7</v>
      </c>
      <c r="I29" s="261">
        <v>0</v>
      </c>
      <c r="J29" s="261">
        <v>0</v>
      </c>
      <c r="K29" s="261">
        <v>0</v>
      </c>
      <c r="L29" s="258">
        <v>31</v>
      </c>
      <c r="M29" s="263">
        <v>31</v>
      </c>
      <c r="N29" s="261">
        <v>0</v>
      </c>
      <c r="O29" s="261">
        <v>0</v>
      </c>
      <c r="P29" s="258">
        <v>0</v>
      </c>
      <c r="Q29" s="260">
        <v>0</v>
      </c>
      <c r="R29" s="261">
        <v>0</v>
      </c>
      <c r="S29" s="261">
        <v>5</v>
      </c>
      <c r="T29" s="261">
        <v>4</v>
      </c>
      <c r="U29" s="261">
        <v>0</v>
      </c>
      <c r="V29" s="261">
        <v>0</v>
      </c>
      <c r="W29" s="258">
        <v>9</v>
      </c>
      <c r="X29" s="263">
        <v>9</v>
      </c>
    </row>
    <row r="30" spans="2:24" ht="21" customHeight="1" x14ac:dyDescent="0.2">
      <c r="B30" s="472" t="s">
        <v>28</v>
      </c>
      <c r="C30" s="261">
        <v>0</v>
      </c>
      <c r="D30" s="261">
        <v>0</v>
      </c>
      <c r="E30" s="258">
        <v>0</v>
      </c>
      <c r="F30" s="260">
        <v>0</v>
      </c>
      <c r="G30" s="261">
        <v>21</v>
      </c>
      <c r="H30" s="261">
        <v>6</v>
      </c>
      <c r="I30" s="261">
        <v>0</v>
      </c>
      <c r="J30" s="261">
        <v>0</v>
      </c>
      <c r="K30" s="261">
        <v>0</v>
      </c>
      <c r="L30" s="258">
        <v>27</v>
      </c>
      <c r="M30" s="263">
        <v>27</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10</v>
      </c>
      <c r="H31" s="261">
        <v>0</v>
      </c>
      <c r="I31" s="261">
        <v>0</v>
      </c>
      <c r="J31" s="261">
        <v>0</v>
      </c>
      <c r="K31" s="261">
        <v>0</v>
      </c>
      <c r="L31" s="258">
        <v>10</v>
      </c>
      <c r="M31" s="263">
        <v>10</v>
      </c>
      <c r="N31" s="261">
        <v>0</v>
      </c>
      <c r="O31" s="261">
        <v>0</v>
      </c>
      <c r="P31" s="258">
        <v>0</v>
      </c>
      <c r="Q31" s="260">
        <v>0</v>
      </c>
      <c r="R31" s="261">
        <v>0</v>
      </c>
      <c r="S31" s="261">
        <v>0</v>
      </c>
      <c r="T31" s="261">
        <v>0</v>
      </c>
      <c r="U31" s="261">
        <v>0</v>
      </c>
      <c r="V31" s="261">
        <v>0</v>
      </c>
      <c r="W31" s="258">
        <v>0</v>
      </c>
      <c r="X31" s="263">
        <v>0</v>
      </c>
    </row>
    <row r="32" spans="2:24" ht="21" customHeight="1" x14ac:dyDescent="0.2">
      <c r="B32" s="472" t="s">
        <v>30</v>
      </c>
      <c r="C32" s="261">
        <v>0</v>
      </c>
      <c r="D32" s="261">
        <v>0</v>
      </c>
      <c r="E32" s="258">
        <v>0</v>
      </c>
      <c r="F32" s="260">
        <v>0</v>
      </c>
      <c r="G32" s="261">
        <v>12</v>
      </c>
      <c r="H32" s="261">
        <v>0</v>
      </c>
      <c r="I32" s="261">
        <v>0</v>
      </c>
      <c r="J32" s="261">
        <v>0</v>
      </c>
      <c r="K32" s="261">
        <v>0</v>
      </c>
      <c r="L32" s="258">
        <v>12</v>
      </c>
      <c r="M32" s="263">
        <v>12</v>
      </c>
      <c r="N32" s="261">
        <v>0</v>
      </c>
      <c r="O32" s="261">
        <v>0</v>
      </c>
      <c r="P32" s="258">
        <v>0</v>
      </c>
      <c r="Q32" s="260">
        <v>0</v>
      </c>
      <c r="R32" s="261">
        <v>0</v>
      </c>
      <c r="S32" s="261">
        <v>4</v>
      </c>
      <c r="T32" s="261">
        <v>0</v>
      </c>
      <c r="U32" s="261">
        <v>0</v>
      </c>
      <c r="V32" s="261">
        <v>0</v>
      </c>
      <c r="W32" s="258">
        <v>4</v>
      </c>
      <c r="X32" s="263">
        <v>4</v>
      </c>
    </row>
    <row r="33" spans="2:24" ht="21" customHeight="1" x14ac:dyDescent="0.2">
      <c r="B33" s="472" t="s">
        <v>31</v>
      </c>
      <c r="C33" s="261">
        <v>0</v>
      </c>
      <c r="D33" s="261">
        <v>0</v>
      </c>
      <c r="E33" s="258">
        <v>0</v>
      </c>
      <c r="F33" s="260">
        <v>0</v>
      </c>
      <c r="G33" s="261">
        <v>9</v>
      </c>
      <c r="H33" s="261">
        <v>4</v>
      </c>
      <c r="I33" s="261">
        <v>9</v>
      </c>
      <c r="J33" s="261">
        <v>20</v>
      </c>
      <c r="K33" s="261">
        <v>0</v>
      </c>
      <c r="L33" s="258">
        <v>42</v>
      </c>
      <c r="M33" s="263">
        <v>42</v>
      </c>
      <c r="N33" s="261">
        <v>0</v>
      </c>
      <c r="O33" s="261">
        <v>0</v>
      </c>
      <c r="P33" s="258">
        <v>0</v>
      </c>
      <c r="Q33" s="260">
        <v>0</v>
      </c>
      <c r="R33" s="261">
        <v>0</v>
      </c>
      <c r="S33" s="261">
        <v>0</v>
      </c>
      <c r="T33" s="261">
        <v>0</v>
      </c>
      <c r="U33" s="261">
        <v>0</v>
      </c>
      <c r="V33" s="261">
        <v>0</v>
      </c>
      <c r="W33" s="258">
        <v>0</v>
      </c>
      <c r="X33" s="263">
        <v>0</v>
      </c>
    </row>
    <row r="34" spans="2:24" ht="21" customHeight="1" x14ac:dyDescent="0.2">
      <c r="B34" s="472" t="s">
        <v>32</v>
      </c>
      <c r="C34" s="261">
        <v>0</v>
      </c>
      <c r="D34" s="261">
        <v>0</v>
      </c>
      <c r="E34" s="258">
        <v>0</v>
      </c>
      <c r="F34" s="260">
        <v>0</v>
      </c>
      <c r="G34" s="261">
        <v>0</v>
      </c>
      <c r="H34" s="261">
        <v>0</v>
      </c>
      <c r="I34" s="261">
        <v>4</v>
      </c>
      <c r="J34" s="261">
        <v>0</v>
      </c>
      <c r="K34" s="261">
        <v>0</v>
      </c>
      <c r="L34" s="258">
        <v>4</v>
      </c>
      <c r="M34" s="263">
        <v>4</v>
      </c>
      <c r="N34" s="261">
        <v>0</v>
      </c>
      <c r="O34" s="261">
        <v>0</v>
      </c>
      <c r="P34" s="258">
        <v>0</v>
      </c>
      <c r="Q34" s="260">
        <v>0</v>
      </c>
      <c r="R34" s="261">
        <v>15</v>
      </c>
      <c r="S34" s="261">
        <v>0</v>
      </c>
      <c r="T34" s="261">
        <v>0</v>
      </c>
      <c r="U34" s="261">
        <v>0</v>
      </c>
      <c r="V34" s="261">
        <v>0</v>
      </c>
      <c r="W34" s="258">
        <v>15</v>
      </c>
      <c r="X34" s="263">
        <v>15</v>
      </c>
    </row>
    <row r="35" spans="2:24" ht="21" customHeight="1" x14ac:dyDescent="0.2">
      <c r="B35" s="472" t="s">
        <v>33</v>
      </c>
      <c r="C35" s="261">
        <v>0</v>
      </c>
      <c r="D35" s="261">
        <v>0</v>
      </c>
      <c r="E35" s="258">
        <v>0</v>
      </c>
      <c r="F35" s="260">
        <v>0</v>
      </c>
      <c r="G35" s="261">
        <v>8</v>
      </c>
      <c r="H35" s="261">
        <v>0</v>
      </c>
      <c r="I35" s="261">
        <v>8</v>
      </c>
      <c r="J35" s="261">
        <v>9</v>
      </c>
      <c r="K35" s="261">
        <v>0</v>
      </c>
      <c r="L35" s="258">
        <v>25</v>
      </c>
      <c r="M35" s="263">
        <v>25</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0</v>
      </c>
      <c r="H36" s="261">
        <v>0</v>
      </c>
      <c r="I36" s="261">
        <v>0</v>
      </c>
      <c r="J36" s="261">
        <v>0</v>
      </c>
      <c r="K36" s="261">
        <v>0</v>
      </c>
      <c r="L36" s="258">
        <v>0</v>
      </c>
      <c r="M36" s="263">
        <v>0</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0</v>
      </c>
      <c r="H38" s="261">
        <v>0</v>
      </c>
      <c r="I38" s="261">
        <v>0</v>
      </c>
      <c r="J38" s="261">
        <v>0</v>
      </c>
      <c r="K38" s="261">
        <v>0</v>
      </c>
      <c r="L38" s="258">
        <v>0</v>
      </c>
      <c r="M38" s="263">
        <v>0</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16</v>
      </c>
      <c r="L39" s="265">
        <v>16</v>
      </c>
      <c r="M39" s="270">
        <v>16</v>
      </c>
      <c r="N39" s="268">
        <v>0</v>
      </c>
      <c r="O39" s="268">
        <v>0</v>
      </c>
      <c r="P39" s="265">
        <v>0</v>
      </c>
      <c r="Q39" s="267">
        <v>0</v>
      </c>
      <c r="R39" s="268">
        <v>0</v>
      </c>
      <c r="S39" s="268">
        <v>0</v>
      </c>
      <c r="T39" s="268">
        <v>0</v>
      </c>
      <c r="U39" s="268">
        <v>0</v>
      </c>
      <c r="V39" s="268">
        <v>0</v>
      </c>
      <c r="W39" s="265">
        <v>0</v>
      </c>
      <c r="X39" s="270">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14"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9" style="1" customWidth="1"/>
    <col min="4" max="4" width="8.109375" style="1" customWidth="1"/>
    <col min="5" max="5" width="10.109375" style="1" bestFit="1" customWidth="1"/>
    <col min="6" max="6" width="9" style="1"/>
    <col min="7" max="8" width="9" style="1" customWidth="1"/>
    <col min="9"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15" t="s">
        <v>56</v>
      </c>
      <c r="F1" s="501">
        <f>第１表!F2</f>
        <v>5</v>
      </c>
      <c r="G1" s="501"/>
      <c r="H1" s="235">
        <f>第１表!G2</f>
        <v>10</v>
      </c>
      <c r="I1" s="531">
        <f>IF(H1&lt;3,H1-2+12,H1-2)</f>
        <v>8</v>
      </c>
      <c r="J1" s="531"/>
    </row>
    <row r="2" spans="2:133" ht="24" customHeight="1" thickBot="1" x14ac:dyDescent="0.25"/>
    <row r="3" spans="2:133" ht="21" customHeight="1" thickBot="1" x14ac:dyDescent="0.25">
      <c r="B3" s="577"/>
      <c r="C3" s="567" t="s">
        <v>57</v>
      </c>
      <c r="D3" s="568"/>
      <c r="E3" s="568"/>
      <c r="F3" s="568"/>
      <c r="G3" s="568"/>
      <c r="H3" s="568"/>
      <c r="I3" s="568"/>
      <c r="J3" s="568"/>
      <c r="K3" s="568"/>
      <c r="L3" s="568"/>
      <c r="M3" s="568"/>
      <c r="N3" s="568"/>
      <c r="O3" s="568"/>
      <c r="P3" s="568"/>
      <c r="Q3" s="568"/>
      <c r="R3" s="568"/>
      <c r="S3" s="568"/>
      <c r="T3" s="568"/>
      <c r="U3" s="568"/>
      <c r="V3" s="568"/>
      <c r="W3" s="568"/>
      <c r="X3" s="568"/>
      <c r="Y3" s="568"/>
      <c r="Z3" s="568"/>
      <c r="AA3" s="568"/>
      <c r="AB3" s="568"/>
      <c r="AC3" s="568"/>
      <c r="AD3" s="568"/>
      <c r="AE3" s="568"/>
      <c r="AF3" s="569"/>
      <c r="AG3" s="567" t="s">
        <v>58</v>
      </c>
      <c r="AH3" s="580"/>
      <c r="AI3" s="580"/>
      <c r="AJ3" s="580"/>
      <c r="AK3" s="580"/>
      <c r="AL3" s="580"/>
      <c r="AM3" s="580"/>
      <c r="AN3" s="580"/>
      <c r="AO3" s="580"/>
      <c r="AP3" s="580"/>
      <c r="AQ3" s="580"/>
      <c r="AR3" s="580"/>
      <c r="AS3" s="580"/>
      <c r="AT3" s="580"/>
      <c r="AU3" s="580"/>
      <c r="AV3" s="580"/>
      <c r="AW3" s="580"/>
      <c r="AX3" s="580"/>
      <c r="AY3" s="580"/>
      <c r="AZ3" s="580"/>
      <c r="BA3" s="580"/>
      <c r="BB3" s="580"/>
      <c r="BC3" s="580"/>
      <c r="BD3" s="580"/>
      <c r="BE3" s="580"/>
      <c r="BF3" s="580"/>
      <c r="BG3" s="580"/>
      <c r="BH3" s="580"/>
      <c r="BI3" s="580"/>
      <c r="BJ3" s="581"/>
      <c r="BK3" s="567" t="s">
        <v>59</v>
      </c>
      <c r="BL3" s="568"/>
      <c r="BM3" s="568"/>
      <c r="BN3" s="568"/>
      <c r="BO3" s="568"/>
      <c r="BP3" s="568"/>
      <c r="BQ3" s="568"/>
      <c r="BR3" s="568"/>
      <c r="BS3" s="568"/>
      <c r="BT3" s="568"/>
      <c r="BU3" s="568"/>
      <c r="BV3" s="568"/>
      <c r="BW3" s="568"/>
      <c r="BX3" s="568"/>
      <c r="BY3" s="568"/>
      <c r="BZ3" s="568"/>
      <c r="CA3" s="568"/>
      <c r="CB3" s="568"/>
      <c r="CC3" s="568"/>
      <c r="CD3" s="568"/>
      <c r="CE3" s="568"/>
      <c r="CF3" s="568"/>
      <c r="CG3" s="568"/>
      <c r="CH3" s="568"/>
      <c r="CI3" s="568"/>
      <c r="CJ3" s="568"/>
      <c r="CK3" s="568"/>
      <c r="CL3" s="568"/>
      <c r="CM3" s="568"/>
      <c r="CN3" s="569"/>
      <c r="CO3" s="576" t="s">
        <v>150</v>
      </c>
      <c r="CP3" s="568"/>
      <c r="CQ3" s="568"/>
      <c r="CR3" s="568"/>
      <c r="CS3" s="568"/>
      <c r="CT3" s="568"/>
      <c r="CU3" s="568"/>
      <c r="CV3" s="568"/>
      <c r="CW3" s="568"/>
      <c r="CX3" s="568"/>
      <c r="CY3" s="568"/>
      <c r="CZ3" s="568"/>
      <c r="DA3" s="568"/>
      <c r="DB3" s="568"/>
      <c r="DC3" s="568"/>
      <c r="DD3" s="568"/>
      <c r="DE3" s="568"/>
      <c r="DF3" s="568"/>
      <c r="DG3" s="568"/>
      <c r="DH3" s="568"/>
      <c r="DI3" s="568"/>
      <c r="DJ3" s="568"/>
      <c r="DK3" s="568"/>
      <c r="DL3" s="568"/>
      <c r="DM3" s="568"/>
      <c r="DN3" s="568"/>
      <c r="DO3" s="568"/>
      <c r="DP3" s="568"/>
      <c r="DQ3" s="568"/>
      <c r="DR3" s="569"/>
      <c r="DS3" s="570" t="s">
        <v>60</v>
      </c>
      <c r="DT3" s="480"/>
      <c r="DU3" s="480"/>
      <c r="DV3" s="480"/>
      <c r="DW3" s="480"/>
      <c r="DX3" s="480"/>
      <c r="DY3" s="480"/>
      <c r="DZ3" s="480"/>
      <c r="EA3" s="480"/>
      <c r="EB3" s="481"/>
    </row>
    <row r="4" spans="2:133" ht="21" customHeight="1" thickBot="1" x14ac:dyDescent="0.25">
      <c r="B4" s="578"/>
      <c r="C4" s="571"/>
      <c r="D4" s="562"/>
      <c r="E4" s="562"/>
      <c r="F4" s="562"/>
      <c r="G4" s="562"/>
      <c r="H4" s="562"/>
      <c r="I4" s="562"/>
      <c r="J4" s="562"/>
      <c r="K4" s="562"/>
      <c r="L4" s="562"/>
      <c r="M4" s="573" t="s">
        <v>39</v>
      </c>
      <c r="N4" s="574"/>
      <c r="O4" s="574"/>
      <c r="P4" s="574"/>
      <c r="Q4" s="574"/>
      <c r="R4" s="574"/>
      <c r="S4" s="574"/>
      <c r="T4" s="574"/>
      <c r="U4" s="574"/>
      <c r="V4" s="575"/>
      <c r="W4" s="573" t="s">
        <v>40</v>
      </c>
      <c r="X4" s="574"/>
      <c r="Y4" s="574"/>
      <c r="Z4" s="574"/>
      <c r="AA4" s="574"/>
      <c r="AB4" s="574"/>
      <c r="AC4" s="574"/>
      <c r="AD4" s="574"/>
      <c r="AE4" s="574"/>
      <c r="AF4" s="575"/>
      <c r="AG4" s="571"/>
      <c r="AH4" s="562"/>
      <c r="AI4" s="562"/>
      <c r="AJ4" s="562"/>
      <c r="AK4" s="562"/>
      <c r="AL4" s="562"/>
      <c r="AM4" s="562"/>
      <c r="AN4" s="562"/>
      <c r="AO4" s="562"/>
      <c r="AP4" s="562"/>
      <c r="AQ4" s="573" t="s">
        <v>39</v>
      </c>
      <c r="AR4" s="574"/>
      <c r="AS4" s="574"/>
      <c r="AT4" s="574"/>
      <c r="AU4" s="574"/>
      <c r="AV4" s="574"/>
      <c r="AW4" s="574"/>
      <c r="AX4" s="574"/>
      <c r="AY4" s="574"/>
      <c r="AZ4" s="575"/>
      <c r="BA4" s="573" t="s">
        <v>40</v>
      </c>
      <c r="BB4" s="574"/>
      <c r="BC4" s="574"/>
      <c r="BD4" s="574"/>
      <c r="BE4" s="574"/>
      <c r="BF4" s="574"/>
      <c r="BG4" s="574"/>
      <c r="BH4" s="574"/>
      <c r="BI4" s="574"/>
      <c r="BJ4" s="575"/>
      <c r="BK4" s="571"/>
      <c r="BL4" s="562"/>
      <c r="BM4" s="562"/>
      <c r="BN4" s="562"/>
      <c r="BO4" s="562"/>
      <c r="BP4" s="562"/>
      <c r="BQ4" s="562"/>
      <c r="BR4" s="562"/>
      <c r="BS4" s="562"/>
      <c r="BT4" s="562"/>
      <c r="BU4" s="573" t="s">
        <v>39</v>
      </c>
      <c r="BV4" s="574"/>
      <c r="BW4" s="574"/>
      <c r="BX4" s="574"/>
      <c r="BY4" s="574"/>
      <c r="BZ4" s="574"/>
      <c r="CA4" s="574"/>
      <c r="CB4" s="574"/>
      <c r="CC4" s="574"/>
      <c r="CD4" s="575"/>
      <c r="CE4" s="573" t="s">
        <v>40</v>
      </c>
      <c r="CF4" s="574"/>
      <c r="CG4" s="574"/>
      <c r="CH4" s="574"/>
      <c r="CI4" s="574"/>
      <c r="CJ4" s="574"/>
      <c r="CK4" s="574"/>
      <c r="CL4" s="574"/>
      <c r="CM4" s="574"/>
      <c r="CN4" s="575"/>
      <c r="CO4" s="571"/>
      <c r="CP4" s="562"/>
      <c r="CQ4" s="562"/>
      <c r="CR4" s="562"/>
      <c r="CS4" s="562"/>
      <c r="CT4" s="562"/>
      <c r="CU4" s="562"/>
      <c r="CV4" s="562"/>
      <c r="CW4" s="562"/>
      <c r="CX4" s="562"/>
      <c r="CY4" s="573" t="s">
        <v>39</v>
      </c>
      <c r="CZ4" s="574"/>
      <c r="DA4" s="574"/>
      <c r="DB4" s="574"/>
      <c r="DC4" s="574"/>
      <c r="DD4" s="574"/>
      <c r="DE4" s="574"/>
      <c r="DF4" s="574"/>
      <c r="DG4" s="574"/>
      <c r="DH4" s="575"/>
      <c r="DI4" s="573" t="s">
        <v>40</v>
      </c>
      <c r="DJ4" s="574"/>
      <c r="DK4" s="574"/>
      <c r="DL4" s="574"/>
      <c r="DM4" s="574"/>
      <c r="DN4" s="574"/>
      <c r="DO4" s="574"/>
      <c r="DP4" s="574"/>
      <c r="DQ4" s="574"/>
      <c r="DR4" s="575"/>
      <c r="DS4" s="571"/>
      <c r="DT4" s="562"/>
      <c r="DU4" s="562"/>
      <c r="DV4" s="562"/>
      <c r="DW4" s="562"/>
      <c r="DX4" s="562"/>
      <c r="DY4" s="562"/>
      <c r="DZ4" s="562"/>
      <c r="EA4" s="562"/>
      <c r="EB4" s="572"/>
    </row>
    <row r="5" spans="2:133" ht="21" customHeight="1" x14ac:dyDescent="0.2">
      <c r="B5" s="579"/>
      <c r="C5" s="549" t="s">
        <v>61</v>
      </c>
      <c r="D5" s="550"/>
      <c r="E5" s="551"/>
      <c r="F5" s="552" t="s">
        <v>62</v>
      </c>
      <c r="G5" s="553"/>
      <c r="H5" s="553"/>
      <c r="I5" s="553"/>
      <c r="J5" s="553"/>
      <c r="K5" s="554"/>
      <c r="L5" s="564" t="s">
        <v>52</v>
      </c>
      <c r="M5" s="566" t="s">
        <v>61</v>
      </c>
      <c r="N5" s="559"/>
      <c r="O5" s="560"/>
      <c r="P5" s="561" t="s">
        <v>62</v>
      </c>
      <c r="Q5" s="562"/>
      <c r="R5" s="562"/>
      <c r="S5" s="562"/>
      <c r="T5" s="562"/>
      <c r="U5" s="563"/>
      <c r="V5" s="557" t="s">
        <v>52</v>
      </c>
      <c r="W5" s="558" t="s">
        <v>61</v>
      </c>
      <c r="X5" s="559"/>
      <c r="Y5" s="560"/>
      <c r="Z5" s="561" t="s">
        <v>62</v>
      </c>
      <c r="AA5" s="562"/>
      <c r="AB5" s="562"/>
      <c r="AC5" s="562"/>
      <c r="AD5" s="562"/>
      <c r="AE5" s="563"/>
      <c r="AF5" s="557" t="s">
        <v>52</v>
      </c>
      <c r="AG5" s="549" t="s">
        <v>61</v>
      </c>
      <c r="AH5" s="550"/>
      <c r="AI5" s="551"/>
      <c r="AJ5" s="552" t="s">
        <v>62</v>
      </c>
      <c r="AK5" s="553"/>
      <c r="AL5" s="553"/>
      <c r="AM5" s="553"/>
      <c r="AN5" s="553"/>
      <c r="AO5" s="554"/>
      <c r="AP5" s="555" t="s">
        <v>52</v>
      </c>
      <c r="AQ5" s="566" t="s">
        <v>61</v>
      </c>
      <c r="AR5" s="559"/>
      <c r="AS5" s="560"/>
      <c r="AT5" s="561" t="s">
        <v>62</v>
      </c>
      <c r="AU5" s="562"/>
      <c r="AV5" s="562"/>
      <c r="AW5" s="562"/>
      <c r="AX5" s="562"/>
      <c r="AY5" s="563"/>
      <c r="AZ5" s="582" t="s">
        <v>52</v>
      </c>
      <c r="BA5" s="566" t="s">
        <v>61</v>
      </c>
      <c r="BB5" s="559"/>
      <c r="BC5" s="560"/>
      <c r="BD5" s="561" t="s">
        <v>62</v>
      </c>
      <c r="BE5" s="562"/>
      <c r="BF5" s="562"/>
      <c r="BG5" s="562"/>
      <c r="BH5" s="562"/>
      <c r="BI5" s="563"/>
      <c r="BJ5" s="557" t="s">
        <v>52</v>
      </c>
      <c r="BK5" s="549" t="s">
        <v>61</v>
      </c>
      <c r="BL5" s="550"/>
      <c r="BM5" s="551"/>
      <c r="BN5" s="552" t="s">
        <v>62</v>
      </c>
      <c r="BO5" s="553"/>
      <c r="BP5" s="553"/>
      <c r="BQ5" s="553"/>
      <c r="BR5" s="553"/>
      <c r="BS5" s="554"/>
      <c r="BT5" s="564" t="s">
        <v>52</v>
      </c>
      <c r="BU5" s="566" t="s">
        <v>61</v>
      </c>
      <c r="BV5" s="559"/>
      <c r="BW5" s="560"/>
      <c r="BX5" s="561" t="s">
        <v>62</v>
      </c>
      <c r="BY5" s="562"/>
      <c r="BZ5" s="562"/>
      <c r="CA5" s="562"/>
      <c r="CB5" s="562"/>
      <c r="CC5" s="563"/>
      <c r="CD5" s="557" t="s">
        <v>52</v>
      </c>
      <c r="CE5" s="558" t="s">
        <v>61</v>
      </c>
      <c r="CF5" s="559"/>
      <c r="CG5" s="560"/>
      <c r="CH5" s="561" t="s">
        <v>62</v>
      </c>
      <c r="CI5" s="562"/>
      <c r="CJ5" s="562"/>
      <c r="CK5" s="562"/>
      <c r="CL5" s="562"/>
      <c r="CM5" s="563"/>
      <c r="CN5" s="557" t="s">
        <v>52</v>
      </c>
      <c r="CO5" s="549" t="s">
        <v>61</v>
      </c>
      <c r="CP5" s="550"/>
      <c r="CQ5" s="551"/>
      <c r="CR5" s="552" t="s">
        <v>62</v>
      </c>
      <c r="CS5" s="553"/>
      <c r="CT5" s="553"/>
      <c r="CU5" s="553"/>
      <c r="CV5" s="553"/>
      <c r="CW5" s="554"/>
      <c r="CX5" s="564" t="s">
        <v>52</v>
      </c>
      <c r="CY5" s="566" t="s">
        <v>61</v>
      </c>
      <c r="CZ5" s="559"/>
      <c r="DA5" s="560"/>
      <c r="DB5" s="561" t="s">
        <v>62</v>
      </c>
      <c r="DC5" s="562"/>
      <c r="DD5" s="562"/>
      <c r="DE5" s="562"/>
      <c r="DF5" s="562"/>
      <c r="DG5" s="563"/>
      <c r="DH5" s="557" t="s">
        <v>52</v>
      </c>
      <c r="DI5" s="558" t="s">
        <v>61</v>
      </c>
      <c r="DJ5" s="559"/>
      <c r="DK5" s="560"/>
      <c r="DL5" s="561" t="s">
        <v>62</v>
      </c>
      <c r="DM5" s="562"/>
      <c r="DN5" s="562"/>
      <c r="DO5" s="562"/>
      <c r="DP5" s="562"/>
      <c r="DQ5" s="563"/>
      <c r="DR5" s="557" t="s">
        <v>52</v>
      </c>
      <c r="DS5" s="549" t="s">
        <v>61</v>
      </c>
      <c r="DT5" s="550"/>
      <c r="DU5" s="551"/>
      <c r="DV5" s="552" t="s">
        <v>62</v>
      </c>
      <c r="DW5" s="553"/>
      <c r="DX5" s="553"/>
      <c r="DY5" s="553"/>
      <c r="DZ5" s="553"/>
      <c r="EA5" s="554"/>
      <c r="EB5" s="555" t="s">
        <v>52</v>
      </c>
    </row>
    <row r="6" spans="2:133" ht="30" customHeight="1" thickBot="1" x14ac:dyDescent="0.25">
      <c r="B6" s="291" t="s">
        <v>42</v>
      </c>
      <c r="C6" s="26" t="s">
        <v>43</v>
      </c>
      <c r="D6" s="27" t="s">
        <v>44</v>
      </c>
      <c r="E6" s="27" t="s">
        <v>45</v>
      </c>
      <c r="F6" s="28" t="s">
        <v>47</v>
      </c>
      <c r="G6" s="29" t="s">
        <v>48</v>
      </c>
      <c r="H6" s="29" t="s">
        <v>49</v>
      </c>
      <c r="I6" s="30" t="s">
        <v>50</v>
      </c>
      <c r="J6" s="27" t="s">
        <v>51</v>
      </c>
      <c r="K6" s="31" t="s">
        <v>95</v>
      </c>
      <c r="L6" s="565"/>
      <c r="M6" s="26" t="s">
        <v>43</v>
      </c>
      <c r="N6" s="27" t="s">
        <v>44</v>
      </c>
      <c r="O6" s="31" t="s">
        <v>45</v>
      </c>
      <c r="P6" s="28" t="s">
        <v>47</v>
      </c>
      <c r="Q6" s="29" t="s">
        <v>48</v>
      </c>
      <c r="R6" s="29" t="s">
        <v>49</v>
      </c>
      <c r="S6" s="30" t="s">
        <v>50</v>
      </c>
      <c r="T6" s="27" t="s">
        <v>51</v>
      </c>
      <c r="U6" s="31" t="s">
        <v>45</v>
      </c>
      <c r="V6" s="556"/>
      <c r="W6" s="12" t="s">
        <v>43</v>
      </c>
      <c r="X6" s="27" t="s">
        <v>44</v>
      </c>
      <c r="Y6" s="31" t="s">
        <v>45</v>
      </c>
      <c r="Z6" s="12" t="s">
        <v>47</v>
      </c>
      <c r="AA6" s="29" t="s">
        <v>48</v>
      </c>
      <c r="AB6" s="29" t="s">
        <v>49</v>
      </c>
      <c r="AC6" s="30" t="s">
        <v>50</v>
      </c>
      <c r="AD6" s="27" t="s">
        <v>51</v>
      </c>
      <c r="AE6" s="31" t="s">
        <v>45</v>
      </c>
      <c r="AF6" s="556"/>
      <c r="AG6" s="26" t="s">
        <v>43</v>
      </c>
      <c r="AH6" s="27" t="s">
        <v>44</v>
      </c>
      <c r="AI6" s="31" t="s">
        <v>45</v>
      </c>
      <c r="AJ6" s="12" t="s">
        <v>47</v>
      </c>
      <c r="AK6" s="29" t="s">
        <v>48</v>
      </c>
      <c r="AL6" s="29" t="s">
        <v>49</v>
      </c>
      <c r="AM6" s="30" t="s">
        <v>50</v>
      </c>
      <c r="AN6" s="27" t="s">
        <v>51</v>
      </c>
      <c r="AO6" s="31" t="s">
        <v>45</v>
      </c>
      <c r="AP6" s="556"/>
      <c r="AQ6" s="26" t="s">
        <v>43</v>
      </c>
      <c r="AR6" s="27" t="s">
        <v>44</v>
      </c>
      <c r="AS6" s="31" t="s">
        <v>45</v>
      </c>
      <c r="AT6" s="28" t="s">
        <v>47</v>
      </c>
      <c r="AU6" s="29" t="s">
        <v>48</v>
      </c>
      <c r="AV6" s="29" t="s">
        <v>49</v>
      </c>
      <c r="AW6" s="30" t="s">
        <v>50</v>
      </c>
      <c r="AX6" s="27" t="s">
        <v>51</v>
      </c>
      <c r="AY6" s="31" t="s">
        <v>45</v>
      </c>
      <c r="AZ6" s="565"/>
      <c r="BA6" s="26" t="s">
        <v>43</v>
      </c>
      <c r="BB6" s="27" t="s">
        <v>44</v>
      </c>
      <c r="BC6" s="27" t="s">
        <v>45</v>
      </c>
      <c r="BD6" s="28" t="s">
        <v>47</v>
      </c>
      <c r="BE6" s="29" t="s">
        <v>48</v>
      </c>
      <c r="BF6" s="29" t="s">
        <v>49</v>
      </c>
      <c r="BG6" s="30" t="s">
        <v>50</v>
      </c>
      <c r="BH6" s="27" t="s">
        <v>51</v>
      </c>
      <c r="BI6" s="31" t="s">
        <v>45</v>
      </c>
      <c r="BJ6" s="556"/>
      <c r="BK6" s="26" t="s">
        <v>43</v>
      </c>
      <c r="BL6" s="27" t="s">
        <v>44</v>
      </c>
      <c r="BM6" s="27" t="s">
        <v>45</v>
      </c>
      <c r="BN6" s="28" t="s">
        <v>47</v>
      </c>
      <c r="BO6" s="29" t="s">
        <v>48</v>
      </c>
      <c r="BP6" s="29" t="s">
        <v>49</v>
      </c>
      <c r="BQ6" s="30" t="s">
        <v>50</v>
      </c>
      <c r="BR6" s="27" t="s">
        <v>51</v>
      </c>
      <c r="BS6" s="31" t="s">
        <v>45</v>
      </c>
      <c r="BT6" s="565"/>
      <c r="BU6" s="26" t="s">
        <v>43</v>
      </c>
      <c r="BV6" s="27" t="s">
        <v>44</v>
      </c>
      <c r="BW6" s="27" t="s">
        <v>45</v>
      </c>
      <c r="BX6" s="28" t="s">
        <v>47</v>
      </c>
      <c r="BY6" s="29" t="s">
        <v>48</v>
      </c>
      <c r="BZ6" s="29" t="s">
        <v>49</v>
      </c>
      <c r="CA6" s="30" t="s">
        <v>50</v>
      </c>
      <c r="CB6" s="27" t="s">
        <v>51</v>
      </c>
      <c r="CC6" s="31" t="s">
        <v>45</v>
      </c>
      <c r="CD6" s="556"/>
      <c r="CE6" s="12" t="s">
        <v>43</v>
      </c>
      <c r="CF6" s="27" t="s">
        <v>44</v>
      </c>
      <c r="CG6" s="27" t="s">
        <v>45</v>
      </c>
      <c r="CH6" s="28" t="s">
        <v>47</v>
      </c>
      <c r="CI6" s="29" t="s">
        <v>48</v>
      </c>
      <c r="CJ6" s="29" t="s">
        <v>49</v>
      </c>
      <c r="CK6" s="30" t="s">
        <v>50</v>
      </c>
      <c r="CL6" s="27" t="s">
        <v>51</v>
      </c>
      <c r="CM6" s="31" t="s">
        <v>45</v>
      </c>
      <c r="CN6" s="556"/>
      <c r="CO6" s="26" t="s">
        <v>43</v>
      </c>
      <c r="CP6" s="27" t="s">
        <v>44</v>
      </c>
      <c r="CQ6" s="27" t="s">
        <v>45</v>
      </c>
      <c r="CR6" s="28" t="s">
        <v>47</v>
      </c>
      <c r="CS6" s="29" t="s">
        <v>48</v>
      </c>
      <c r="CT6" s="29" t="s">
        <v>49</v>
      </c>
      <c r="CU6" s="30" t="s">
        <v>50</v>
      </c>
      <c r="CV6" s="27" t="s">
        <v>51</v>
      </c>
      <c r="CW6" s="31" t="s">
        <v>45</v>
      </c>
      <c r="CX6" s="565"/>
      <c r="CY6" s="26" t="s">
        <v>43</v>
      </c>
      <c r="CZ6" s="27" t="s">
        <v>44</v>
      </c>
      <c r="DA6" s="27" t="s">
        <v>45</v>
      </c>
      <c r="DB6" s="28" t="s">
        <v>47</v>
      </c>
      <c r="DC6" s="29" t="s">
        <v>48</v>
      </c>
      <c r="DD6" s="29" t="s">
        <v>49</v>
      </c>
      <c r="DE6" s="30" t="s">
        <v>50</v>
      </c>
      <c r="DF6" s="27" t="s">
        <v>51</v>
      </c>
      <c r="DG6" s="31" t="s">
        <v>45</v>
      </c>
      <c r="DH6" s="556"/>
      <c r="DI6" s="12" t="s">
        <v>43</v>
      </c>
      <c r="DJ6" s="27" t="s">
        <v>44</v>
      </c>
      <c r="DK6" s="27" t="s">
        <v>45</v>
      </c>
      <c r="DL6" s="28" t="s">
        <v>47</v>
      </c>
      <c r="DM6" s="29" t="s">
        <v>48</v>
      </c>
      <c r="DN6" s="29" t="s">
        <v>49</v>
      </c>
      <c r="DO6" s="30" t="s">
        <v>50</v>
      </c>
      <c r="DP6" s="27" t="s">
        <v>51</v>
      </c>
      <c r="DQ6" s="31" t="s">
        <v>45</v>
      </c>
      <c r="DR6" s="556"/>
      <c r="DS6" s="26" t="s">
        <v>43</v>
      </c>
      <c r="DT6" s="27" t="s">
        <v>44</v>
      </c>
      <c r="DU6" s="27" t="s">
        <v>45</v>
      </c>
      <c r="DV6" s="28" t="s">
        <v>47</v>
      </c>
      <c r="DW6" s="29" t="s">
        <v>48</v>
      </c>
      <c r="DX6" s="29" t="s">
        <v>49</v>
      </c>
      <c r="DY6" s="30" t="s">
        <v>50</v>
      </c>
      <c r="DZ6" s="27" t="s">
        <v>51</v>
      </c>
      <c r="EA6" s="31" t="s">
        <v>45</v>
      </c>
      <c r="EB6" s="556"/>
    </row>
    <row r="7" spans="2:133" ht="21" customHeight="1" x14ac:dyDescent="0.2">
      <c r="B7" s="470" t="s">
        <v>4</v>
      </c>
      <c r="C7" s="172">
        <v>0</v>
      </c>
      <c r="D7" s="173">
        <v>0</v>
      </c>
      <c r="E7" s="173">
        <v>0</v>
      </c>
      <c r="F7" s="174">
        <v>448</v>
      </c>
      <c r="G7" s="175">
        <v>1569</v>
      </c>
      <c r="H7" s="175">
        <v>9893</v>
      </c>
      <c r="I7" s="175">
        <v>14846</v>
      </c>
      <c r="J7" s="173">
        <v>10276</v>
      </c>
      <c r="K7" s="176">
        <v>37032</v>
      </c>
      <c r="L7" s="177">
        <v>37032</v>
      </c>
      <c r="M7" s="172">
        <v>0</v>
      </c>
      <c r="N7" s="173">
        <v>0</v>
      </c>
      <c r="O7" s="176">
        <v>0</v>
      </c>
      <c r="P7" s="174">
        <v>445</v>
      </c>
      <c r="Q7" s="175">
        <v>1555</v>
      </c>
      <c r="R7" s="175">
        <v>9825</v>
      </c>
      <c r="S7" s="175">
        <v>14710</v>
      </c>
      <c r="T7" s="173">
        <v>10137</v>
      </c>
      <c r="U7" s="176">
        <v>36672</v>
      </c>
      <c r="V7" s="178">
        <v>36672</v>
      </c>
      <c r="W7" s="179">
        <v>0</v>
      </c>
      <c r="X7" s="173">
        <v>0</v>
      </c>
      <c r="Y7" s="176">
        <v>0</v>
      </c>
      <c r="Z7" s="179">
        <v>3</v>
      </c>
      <c r="AA7" s="175">
        <v>14</v>
      </c>
      <c r="AB7" s="175">
        <v>68</v>
      </c>
      <c r="AC7" s="175">
        <v>136</v>
      </c>
      <c r="AD7" s="173">
        <v>139</v>
      </c>
      <c r="AE7" s="176">
        <v>360</v>
      </c>
      <c r="AF7" s="180">
        <v>360</v>
      </c>
      <c r="AG7" s="179">
        <v>0</v>
      </c>
      <c r="AH7" s="173">
        <v>0</v>
      </c>
      <c r="AI7" s="176">
        <v>0</v>
      </c>
      <c r="AJ7" s="179">
        <v>1620</v>
      </c>
      <c r="AK7" s="175">
        <v>3455</v>
      </c>
      <c r="AL7" s="175">
        <v>4713</v>
      </c>
      <c r="AM7" s="175">
        <v>5596</v>
      </c>
      <c r="AN7" s="173">
        <v>2968</v>
      </c>
      <c r="AO7" s="176">
        <v>18352</v>
      </c>
      <c r="AP7" s="180">
        <v>18352</v>
      </c>
      <c r="AQ7" s="179">
        <v>0</v>
      </c>
      <c r="AR7" s="173">
        <v>0</v>
      </c>
      <c r="AS7" s="176">
        <v>0</v>
      </c>
      <c r="AT7" s="174">
        <v>1600</v>
      </c>
      <c r="AU7" s="175">
        <v>3419</v>
      </c>
      <c r="AV7" s="175">
        <v>4637</v>
      </c>
      <c r="AW7" s="175">
        <v>5481</v>
      </c>
      <c r="AX7" s="173">
        <v>2887</v>
      </c>
      <c r="AY7" s="176">
        <v>18024</v>
      </c>
      <c r="AZ7" s="177">
        <v>18024</v>
      </c>
      <c r="BA7" s="172">
        <v>0</v>
      </c>
      <c r="BB7" s="173">
        <v>0</v>
      </c>
      <c r="BC7" s="173">
        <v>0</v>
      </c>
      <c r="BD7" s="174">
        <v>20</v>
      </c>
      <c r="BE7" s="175">
        <v>36</v>
      </c>
      <c r="BF7" s="175">
        <v>76</v>
      </c>
      <c r="BG7" s="175">
        <v>115</v>
      </c>
      <c r="BH7" s="173">
        <v>81</v>
      </c>
      <c r="BI7" s="176">
        <v>328</v>
      </c>
      <c r="BJ7" s="178">
        <v>328</v>
      </c>
      <c r="BK7" s="179">
        <v>0</v>
      </c>
      <c r="BL7" s="173">
        <v>0</v>
      </c>
      <c r="BM7" s="173">
        <v>0</v>
      </c>
      <c r="BN7" s="174">
        <v>0</v>
      </c>
      <c r="BO7" s="175">
        <v>0</v>
      </c>
      <c r="BP7" s="175">
        <v>10</v>
      </c>
      <c r="BQ7" s="175">
        <v>119</v>
      </c>
      <c r="BR7" s="173">
        <v>141</v>
      </c>
      <c r="BS7" s="176">
        <v>270</v>
      </c>
      <c r="BT7" s="177">
        <v>270</v>
      </c>
      <c r="BU7" s="172">
        <v>0</v>
      </c>
      <c r="BV7" s="173">
        <v>0</v>
      </c>
      <c r="BW7" s="173">
        <v>0</v>
      </c>
      <c r="BX7" s="174">
        <v>0</v>
      </c>
      <c r="BY7" s="175">
        <v>0</v>
      </c>
      <c r="BZ7" s="175">
        <v>10</v>
      </c>
      <c r="CA7" s="175">
        <v>119</v>
      </c>
      <c r="CB7" s="173">
        <v>139</v>
      </c>
      <c r="CC7" s="176">
        <v>268</v>
      </c>
      <c r="CD7" s="178">
        <v>268</v>
      </c>
      <c r="CE7" s="179">
        <v>0</v>
      </c>
      <c r="CF7" s="173">
        <v>0</v>
      </c>
      <c r="CG7" s="173">
        <v>0</v>
      </c>
      <c r="CH7" s="174">
        <v>0</v>
      </c>
      <c r="CI7" s="175">
        <v>0</v>
      </c>
      <c r="CJ7" s="175">
        <v>0</v>
      </c>
      <c r="CK7" s="175">
        <v>0</v>
      </c>
      <c r="CL7" s="173">
        <v>2</v>
      </c>
      <c r="CM7" s="176">
        <v>2</v>
      </c>
      <c r="CN7" s="178">
        <v>2</v>
      </c>
      <c r="CO7" s="179">
        <v>0</v>
      </c>
      <c r="CP7" s="173">
        <v>0</v>
      </c>
      <c r="CQ7" s="173">
        <v>0</v>
      </c>
      <c r="CR7" s="174">
        <v>14</v>
      </c>
      <c r="CS7" s="175">
        <v>23</v>
      </c>
      <c r="CT7" s="175">
        <v>65</v>
      </c>
      <c r="CU7" s="175">
        <v>346</v>
      </c>
      <c r="CV7" s="173">
        <v>468</v>
      </c>
      <c r="CW7" s="176">
        <v>916</v>
      </c>
      <c r="CX7" s="177">
        <v>916</v>
      </c>
      <c r="CY7" s="172">
        <v>0</v>
      </c>
      <c r="CZ7" s="173">
        <v>0</v>
      </c>
      <c r="DA7" s="173">
        <v>0</v>
      </c>
      <c r="DB7" s="174">
        <v>12</v>
      </c>
      <c r="DC7" s="175">
        <v>23</v>
      </c>
      <c r="DD7" s="175">
        <v>65</v>
      </c>
      <c r="DE7" s="175">
        <v>336</v>
      </c>
      <c r="DF7" s="173">
        <v>454</v>
      </c>
      <c r="DG7" s="176">
        <v>890</v>
      </c>
      <c r="DH7" s="178">
        <v>890</v>
      </c>
      <c r="DI7" s="179">
        <v>0</v>
      </c>
      <c r="DJ7" s="173">
        <v>0</v>
      </c>
      <c r="DK7" s="173">
        <v>0</v>
      </c>
      <c r="DL7" s="174">
        <v>2</v>
      </c>
      <c r="DM7" s="175">
        <v>0</v>
      </c>
      <c r="DN7" s="175">
        <v>0</v>
      </c>
      <c r="DO7" s="175">
        <v>10</v>
      </c>
      <c r="DP7" s="173">
        <v>14</v>
      </c>
      <c r="DQ7" s="176">
        <v>26</v>
      </c>
      <c r="DR7" s="178">
        <v>26</v>
      </c>
      <c r="DS7" s="179">
        <v>0</v>
      </c>
      <c r="DT7" s="173">
        <v>0</v>
      </c>
      <c r="DU7" s="173">
        <v>0</v>
      </c>
      <c r="DV7" s="174">
        <v>2082</v>
      </c>
      <c r="DW7" s="175">
        <v>5047</v>
      </c>
      <c r="DX7" s="175">
        <v>14670</v>
      </c>
      <c r="DY7" s="175">
        <v>20864</v>
      </c>
      <c r="DZ7" s="173">
        <v>13837</v>
      </c>
      <c r="EA7" s="176">
        <v>56500</v>
      </c>
      <c r="EB7" s="178">
        <v>56500</v>
      </c>
      <c r="EC7" s="32"/>
    </row>
    <row r="8" spans="2:133" ht="21" customHeight="1" x14ac:dyDescent="0.2">
      <c r="B8" s="471" t="s">
        <v>5</v>
      </c>
      <c r="C8" s="181">
        <v>0</v>
      </c>
      <c r="D8" s="182">
        <v>0</v>
      </c>
      <c r="E8" s="182">
        <v>0</v>
      </c>
      <c r="F8" s="183">
        <v>254</v>
      </c>
      <c r="G8" s="184">
        <v>1029</v>
      </c>
      <c r="H8" s="184">
        <v>4385</v>
      </c>
      <c r="I8" s="184">
        <v>6182</v>
      </c>
      <c r="J8" s="182">
        <v>4354</v>
      </c>
      <c r="K8" s="185">
        <v>16204</v>
      </c>
      <c r="L8" s="186">
        <v>16204</v>
      </c>
      <c r="M8" s="181">
        <v>0</v>
      </c>
      <c r="N8" s="182">
        <v>0</v>
      </c>
      <c r="O8" s="185">
        <v>0</v>
      </c>
      <c r="P8" s="183">
        <v>253</v>
      </c>
      <c r="Q8" s="184">
        <v>1019</v>
      </c>
      <c r="R8" s="184">
        <v>4351</v>
      </c>
      <c r="S8" s="184">
        <v>6127</v>
      </c>
      <c r="T8" s="182">
        <v>4276</v>
      </c>
      <c r="U8" s="185">
        <v>16026</v>
      </c>
      <c r="V8" s="187">
        <v>16026</v>
      </c>
      <c r="W8" s="188">
        <v>0</v>
      </c>
      <c r="X8" s="182">
        <v>0</v>
      </c>
      <c r="Y8" s="185">
        <v>0</v>
      </c>
      <c r="Z8" s="188">
        <v>1</v>
      </c>
      <c r="AA8" s="184">
        <v>10</v>
      </c>
      <c r="AB8" s="184">
        <v>34</v>
      </c>
      <c r="AC8" s="184">
        <v>55</v>
      </c>
      <c r="AD8" s="182">
        <v>78</v>
      </c>
      <c r="AE8" s="185">
        <v>178</v>
      </c>
      <c r="AF8" s="189">
        <v>178</v>
      </c>
      <c r="AG8" s="188">
        <v>0</v>
      </c>
      <c r="AH8" s="182">
        <v>0</v>
      </c>
      <c r="AI8" s="185">
        <v>0</v>
      </c>
      <c r="AJ8" s="188">
        <v>594</v>
      </c>
      <c r="AK8" s="184">
        <v>1576</v>
      </c>
      <c r="AL8" s="184">
        <v>1991</v>
      </c>
      <c r="AM8" s="184">
        <v>2541</v>
      </c>
      <c r="AN8" s="182">
        <v>1397</v>
      </c>
      <c r="AO8" s="185">
        <v>8099</v>
      </c>
      <c r="AP8" s="189">
        <v>8099</v>
      </c>
      <c r="AQ8" s="188">
        <v>0</v>
      </c>
      <c r="AR8" s="182">
        <v>0</v>
      </c>
      <c r="AS8" s="185">
        <v>0</v>
      </c>
      <c r="AT8" s="183">
        <v>593</v>
      </c>
      <c r="AU8" s="184">
        <v>1558</v>
      </c>
      <c r="AV8" s="184">
        <v>1964</v>
      </c>
      <c r="AW8" s="184">
        <v>2496</v>
      </c>
      <c r="AX8" s="182">
        <v>1365</v>
      </c>
      <c r="AY8" s="185">
        <v>7976</v>
      </c>
      <c r="AZ8" s="186">
        <v>7976</v>
      </c>
      <c r="BA8" s="181">
        <v>0</v>
      </c>
      <c r="BB8" s="182">
        <v>0</v>
      </c>
      <c r="BC8" s="182">
        <v>0</v>
      </c>
      <c r="BD8" s="183">
        <v>1</v>
      </c>
      <c r="BE8" s="184">
        <v>18</v>
      </c>
      <c r="BF8" s="184">
        <v>27</v>
      </c>
      <c r="BG8" s="184">
        <v>45</v>
      </c>
      <c r="BH8" s="182">
        <v>32</v>
      </c>
      <c r="BI8" s="185">
        <v>123</v>
      </c>
      <c r="BJ8" s="187">
        <v>123</v>
      </c>
      <c r="BK8" s="188">
        <v>0</v>
      </c>
      <c r="BL8" s="182">
        <v>0</v>
      </c>
      <c r="BM8" s="182">
        <v>0</v>
      </c>
      <c r="BN8" s="183">
        <v>0</v>
      </c>
      <c r="BO8" s="184">
        <v>0</v>
      </c>
      <c r="BP8" s="184">
        <v>3</v>
      </c>
      <c r="BQ8" s="184">
        <v>41</v>
      </c>
      <c r="BR8" s="182">
        <v>40</v>
      </c>
      <c r="BS8" s="185">
        <v>84</v>
      </c>
      <c r="BT8" s="186">
        <v>84</v>
      </c>
      <c r="BU8" s="181">
        <v>0</v>
      </c>
      <c r="BV8" s="182">
        <v>0</v>
      </c>
      <c r="BW8" s="182">
        <v>0</v>
      </c>
      <c r="BX8" s="183">
        <v>0</v>
      </c>
      <c r="BY8" s="184">
        <v>0</v>
      </c>
      <c r="BZ8" s="184">
        <v>3</v>
      </c>
      <c r="CA8" s="184">
        <v>41</v>
      </c>
      <c r="CB8" s="182">
        <v>40</v>
      </c>
      <c r="CC8" s="185">
        <v>84</v>
      </c>
      <c r="CD8" s="187">
        <v>84</v>
      </c>
      <c r="CE8" s="188">
        <v>0</v>
      </c>
      <c r="CF8" s="182">
        <v>0</v>
      </c>
      <c r="CG8" s="182">
        <v>0</v>
      </c>
      <c r="CH8" s="183">
        <v>0</v>
      </c>
      <c r="CI8" s="184">
        <v>0</v>
      </c>
      <c r="CJ8" s="184">
        <v>0</v>
      </c>
      <c r="CK8" s="184">
        <v>0</v>
      </c>
      <c r="CL8" s="182">
        <v>0</v>
      </c>
      <c r="CM8" s="185">
        <v>0</v>
      </c>
      <c r="CN8" s="187">
        <v>0</v>
      </c>
      <c r="CO8" s="188">
        <v>0</v>
      </c>
      <c r="CP8" s="182">
        <v>0</v>
      </c>
      <c r="CQ8" s="182">
        <v>0</v>
      </c>
      <c r="CR8" s="183">
        <v>2</v>
      </c>
      <c r="CS8" s="184">
        <v>4</v>
      </c>
      <c r="CT8" s="184">
        <v>14</v>
      </c>
      <c r="CU8" s="184">
        <v>95</v>
      </c>
      <c r="CV8" s="182">
        <v>122</v>
      </c>
      <c r="CW8" s="185">
        <v>237</v>
      </c>
      <c r="CX8" s="186">
        <v>237</v>
      </c>
      <c r="CY8" s="181">
        <v>0</v>
      </c>
      <c r="CZ8" s="182">
        <v>0</v>
      </c>
      <c r="DA8" s="182">
        <v>0</v>
      </c>
      <c r="DB8" s="183">
        <v>2</v>
      </c>
      <c r="DC8" s="184">
        <v>4</v>
      </c>
      <c r="DD8" s="184">
        <v>14</v>
      </c>
      <c r="DE8" s="184">
        <v>93</v>
      </c>
      <c r="DF8" s="182">
        <v>121</v>
      </c>
      <c r="DG8" s="185">
        <v>234</v>
      </c>
      <c r="DH8" s="187">
        <v>234</v>
      </c>
      <c r="DI8" s="188">
        <v>0</v>
      </c>
      <c r="DJ8" s="182">
        <v>0</v>
      </c>
      <c r="DK8" s="182">
        <v>0</v>
      </c>
      <c r="DL8" s="183">
        <v>0</v>
      </c>
      <c r="DM8" s="184">
        <v>0</v>
      </c>
      <c r="DN8" s="184">
        <v>0</v>
      </c>
      <c r="DO8" s="184">
        <v>2</v>
      </c>
      <c r="DP8" s="182">
        <v>1</v>
      </c>
      <c r="DQ8" s="185">
        <v>3</v>
      </c>
      <c r="DR8" s="187">
        <v>3</v>
      </c>
      <c r="DS8" s="188">
        <v>0</v>
      </c>
      <c r="DT8" s="182">
        <v>0</v>
      </c>
      <c r="DU8" s="182">
        <v>0</v>
      </c>
      <c r="DV8" s="183">
        <v>850</v>
      </c>
      <c r="DW8" s="184">
        <v>2609</v>
      </c>
      <c r="DX8" s="184">
        <v>6393</v>
      </c>
      <c r="DY8" s="184">
        <v>8859</v>
      </c>
      <c r="DZ8" s="182">
        <v>5913</v>
      </c>
      <c r="EA8" s="185">
        <v>24624</v>
      </c>
      <c r="EB8" s="187">
        <v>24624</v>
      </c>
      <c r="EC8" s="32"/>
    </row>
    <row r="9" spans="2:133" ht="21" customHeight="1" x14ac:dyDescent="0.2">
      <c r="B9" s="472" t="s">
        <v>6</v>
      </c>
      <c r="C9" s="181">
        <v>0</v>
      </c>
      <c r="D9" s="182">
        <v>0</v>
      </c>
      <c r="E9" s="182">
        <v>0</v>
      </c>
      <c r="F9" s="183">
        <v>82</v>
      </c>
      <c r="G9" s="184">
        <v>180</v>
      </c>
      <c r="H9" s="184">
        <v>1238</v>
      </c>
      <c r="I9" s="184">
        <v>1858</v>
      </c>
      <c r="J9" s="182">
        <v>1355</v>
      </c>
      <c r="K9" s="185">
        <v>4713</v>
      </c>
      <c r="L9" s="186">
        <v>4713</v>
      </c>
      <c r="M9" s="181">
        <v>0</v>
      </c>
      <c r="N9" s="182">
        <v>0</v>
      </c>
      <c r="O9" s="185">
        <v>0</v>
      </c>
      <c r="P9" s="183">
        <v>82</v>
      </c>
      <c r="Q9" s="184">
        <v>180</v>
      </c>
      <c r="R9" s="184">
        <v>1224</v>
      </c>
      <c r="S9" s="184">
        <v>1833</v>
      </c>
      <c r="T9" s="182">
        <v>1343</v>
      </c>
      <c r="U9" s="185">
        <v>4662</v>
      </c>
      <c r="V9" s="187">
        <v>4662</v>
      </c>
      <c r="W9" s="188">
        <v>0</v>
      </c>
      <c r="X9" s="182">
        <v>0</v>
      </c>
      <c r="Y9" s="185">
        <v>0</v>
      </c>
      <c r="Z9" s="188">
        <v>0</v>
      </c>
      <c r="AA9" s="184">
        <v>0</v>
      </c>
      <c r="AB9" s="184">
        <v>14</v>
      </c>
      <c r="AC9" s="184">
        <v>25</v>
      </c>
      <c r="AD9" s="182">
        <v>12</v>
      </c>
      <c r="AE9" s="185">
        <v>51</v>
      </c>
      <c r="AF9" s="189">
        <v>51</v>
      </c>
      <c r="AG9" s="188">
        <v>0</v>
      </c>
      <c r="AH9" s="182">
        <v>0</v>
      </c>
      <c r="AI9" s="185">
        <v>0</v>
      </c>
      <c r="AJ9" s="188">
        <v>209</v>
      </c>
      <c r="AK9" s="184">
        <v>323</v>
      </c>
      <c r="AL9" s="184">
        <v>537</v>
      </c>
      <c r="AM9" s="184">
        <v>666</v>
      </c>
      <c r="AN9" s="182">
        <v>339</v>
      </c>
      <c r="AO9" s="185">
        <v>2074</v>
      </c>
      <c r="AP9" s="189">
        <v>2074</v>
      </c>
      <c r="AQ9" s="188">
        <v>0</v>
      </c>
      <c r="AR9" s="182">
        <v>0</v>
      </c>
      <c r="AS9" s="185">
        <v>0</v>
      </c>
      <c r="AT9" s="183">
        <v>203</v>
      </c>
      <c r="AU9" s="184">
        <v>322</v>
      </c>
      <c r="AV9" s="184">
        <v>523</v>
      </c>
      <c r="AW9" s="184">
        <v>642</v>
      </c>
      <c r="AX9" s="182">
        <v>325</v>
      </c>
      <c r="AY9" s="185">
        <v>2015</v>
      </c>
      <c r="AZ9" s="186">
        <v>2015</v>
      </c>
      <c r="BA9" s="181">
        <v>0</v>
      </c>
      <c r="BB9" s="182">
        <v>0</v>
      </c>
      <c r="BC9" s="182">
        <v>0</v>
      </c>
      <c r="BD9" s="183">
        <v>6</v>
      </c>
      <c r="BE9" s="184">
        <v>1</v>
      </c>
      <c r="BF9" s="184">
        <v>14</v>
      </c>
      <c r="BG9" s="184">
        <v>24</v>
      </c>
      <c r="BH9" s="182">
        <v>14</v>
      </c>
      <c r="BI9" s="185">
        <v>59</v>
      </c>
      <c r="BJ9" s="187">
        <v>59</v>
      </c>
      <c r="BK9" s="188">
        <v>0</v>
      </c>
      <c r="BL9" s="182">
        <v>0</v>
      </c>
      <c r="BM9" s="182">
        <v>0</v>
      </c>
      <c r="BN9" s="183">
        <v>0</v>
      </c>
      <c r="BO9" s="184">
        <v>0</v>
      </c>
      <c r="BP9" s="184">
        <v>5</v>
      </c>
      <c r="BQ9" s="184">
        <v>45</v>
      </c>
      <c r="BR9" s="182">
        <v>63</v>
      </c>
      <c r="BS9" s="185">
        <v>113</v>
      </c>
      <c r="BT9" s="186">
        <v>113</v>
      </c>
      <c r="BU9" s="181">
        <v>0</v>
      </c>
      <c r="BV9" s="182">
        <v>0</v>
      </c>
      <c r="BW9" s="182">
        <v>0</v>
      </c>
      <c r="BX9" s="183">
        <v>0</v>
      </c>
      <c r="BY9" s="184">
        <v>0</v>
      </c>
      <c r="BZ9" s="184">
        <v>5</v>
      </c>
      <c r="CA9" s="184">
        <v>45</v>
      </c>
      <c r="CB9" s="182">
        <v>61</v>
      </c>
      <c r="CC9" s="185">
        <v>111</v>
      </c>
      <c r="CD9" s="187">
        <v>111</v>
      </c>
      <c r="CE9" s="188">
        <v>0</v>
      </c>
      <c r="CF9" s="182">
        <v>0</v>
      </c>
      <c r="CG9" s="182">
        <v>0</v>
      </c>
      <c r="CH9" s="183">
        <v>0</v>
      </c>
      <c r="CI9" s="184">
        <v>0</v>
      </c>
      <c r="CJ9" s="184">
        <v>0</v>
      </c>
      <c r="CK9" s="184">
        <v>0</v>
      </c>
      <c r="CL9" s="182">
        <v>2</v>
      </c>
      <c r="CM9" s="185">
        <v>2</v>
      </c>
      <c r="CN9" s="187">
        <v>2</v>
      </c>
      <c r="CO9" s="188">
        <v>0</v>
      </c>
      <c r="CP9" s="182">
        <v>0</v>
      </c>
      <c r="CQ9" s="182">
        <v>0</v>
      </c>
      <c r="CR9" s="183">
        <v>1</v>
      </c>
      <c r="CS9" s="184">
        <v>0</v>
      </c>
      <c r="CT9" s="184">
        <v>4</v>
      </c>
      <c r="CU9" s="184">
        <v>45</v>
      </c>
      <c r="CV9" s="182">
        <v>57</v>
      </c>
      <c r="CW9" s="185">
        <v>107</v>
      </c>
      <c r="CX9" s="186">
        <v>107</v>
      </c>
      <c r="CY9" s="181">
        <v>0</v>
      </c>
      <c r="CZ9" s="182">
        <v>0</v>
      </c>
      <c r="DA9" s="182">
        <v>0</v>
      </c>
      <c r="DB9" s="183">
        <v>1</v>
      </c>
      <c r="DC9" s="184">
        <v>0</v>
      </c>
      <c r="DD9" s="184">
        <v>4</v>
      </c>
      <c r="DE9" s="184">
        <v>44</v>
      </c>
      <c r="DF9" s="182">
        <v>55</v>
      </c>
      <c r="DG9" s="185">
        <v>104</v>
      </c>
      <c r="DH9" s="187">
        <v>104</v>
      </c>
      <c r="DI9" s="188">
        <v>0</v>
      </c>
      <c r="DJ9" s="182">
        <v>0</v>
      </c>
      <c r="DK9" s="182">
        <v>0</v>
      </c>
      <c r="DL9" s="183">
        <v>0</v>
      </c>
      <c r="DM9" s="184">
        <v>0</v>
      </c>
      <c r="DN9" s="184">
        <v>0</v>
      </c>
      <c r="DO9" s="184">
        <v>1</v>
      </c>
      <c r="DP9" s="182">
        <v>2</v>
      </c>
      <c r="DQ9" s="185">
        <v>3</v>
      </c>
      <c r="DR9" s="187">
        <v>3</v>
      </c>
      <c r="DS9" s="188">
        <v>0</v>
      </c>
      <c r="DT9" s="182">
        <v>0</v>
      </c>
      <c r="DU9" s="182">
        <v>0</v>
      </c>
      <c r="DV9" s="183">
        <v>292</v>
      </c>
      <c r="DW9" s="184">
        <v>503</v>
      </c>
      <c r="DX9" s="184">
        <v>1784</v>
      </c>
      <c r="DY9" s="184">
        <v>2614</v>
      </c>
      <c r="DZ9" s="182">
        <v>1814</v>
      </c>
      <c r="EA9" s="185">
        <v>7007</v>
      </c>
      <c r="EB9" s="187">
        <v>7007</v>
      </c>
      <c r="EC9" s="32"/>
    </row>
    <row r="10" spans="2:133" ht="21" customHeight="1" x14ac:dyDescent="0.2">
      <c r="B10" s="472" t="s">
        <v>14</v>
      </c>
      <c r="C10" s="181">
        <v>0</v>
      </c>
      <c r="D10" s="182">
        <v>0</v>
      </c>
      <c r="E10" s="182">
        <v>0</v>
      </c>
      <c r="F10" s="183">
        <v>8</v>
      </c>
      <c r="G10" s="184">
        <v>40</v>
      </c>
      <c r="H10" s="184">
        <v>805</v>
      </c>
      <c r="I10" s="184">
        <v>1292</v>
      </c>
      <c r="J10" s="182">
        <v>801</v>
      </c>
      <c r="K10" s="185">
        <v>2946</v>
      </c>
      <c r="L10" s="186">
        <v>2946</v>
      </c>
      <c r="M10" s="181">
        <v>0</v>
      </c>
      <c r="N10" s="182">
        <v>0</v>
      </c>
      <c r="O10" s="185">
        <v>0</v>
      </c>
      <c r="P10" s="183">
        <v>8</v>
      </c>
      <c r="Q10" s="184">
        <v>40</v>
      </c>
      <c r="R10" s="184">
        <v>801</v>
      </c>
      <c r="S10" s="184">
        <v>1283</v>
      </c>
      <c r="T10" s="182">
        <v>792</v>
      </c>
      <c r="U10" s="185">
        <v>2924</v>
      </c>
      <c r="V10" s="187">
        <v>2924</v>
      </c>
      <c r="W10" s="188">
        <v>0</v>
      </c>
      <c r="X10" s="182">
        <v>0</v>
      </c>
      <c r="Y10" s="185">
        <v>0</v>
      </c>
      <c r="Z10" s="188">
        <v>0</v>
      </c>
      <c r="AA10" s="184">
        <v>0</v>
      </c>
      <c r="AB10" s="184">
        <v>4</v>
      </c>
      <c r="AC10" s="184">
        <v>9</v>
      </c>
      <c r="AD10" s="182">
        <v>9</v>
      </c>
      <c r="AE10" s="185">
        <v>22</v>
      </c>
      <c r="AF10" s="189">
        <v>22</v>
      </c>
      <c r="AG10" s="188">
        <v>0</v>
      </c>
      <c r="AH10" s="182">
        <v>0</v>
      </c>
      <c r="AI10" s="185">
        <v>0</v>
      </c>
      <c r="AJ10" s="188">
        <v>74</v>
      </c>
      <c r="AK10" s="184">
        <v>203</v>
      </c>
      <c r="AL10" s="184">
        <v>287</v>
      </c>
      <c r="AM10" s="184">
        <v>384</v>
      </c>
      <c r="AN10" s="182">
        <v>197</v>
      </c>
      <c r="AO10" s="185">
        <v>1145</v>
      </c>
      <c r="AP10" s="189">
        <v>1145</v>
      </c>
      <c r="AQ10" s="188">
        <v>0</v>
      </c>
      <c r="AR10" s="182">
        <v>0</v>
      </c>
      <c r="AS10" s="185">
        <v>0</v>
      </c>
      <c r="AT10" s="183">
        <v>72</v>
      </c>
      <c r="AU10" s="184">
        <v>202</v>
      </c>
      <c r="AV10" s="184">
        <v>282</v>
      </c>
      <c r="AW10" s="184">
        <v>379</v>
      </c>
      <c r="AX10" s="182">
        <v>192</v>
      </c>
      <c r="AY10" s="185">
        <v>1127</v>
      </c>
      <c r="AZ10" s="186">
        <v>1127</v>
      </c>
      <c r="BA10" s="181">
        <v>0</v>
      </c>
      <c r="BB10" s="182">
        <v>0</v>
      </c>
      <c r="BC10" s="182">
        <v>0</v>
      </c>
      <c r="BD10" s="183">
        <v>2</v>
      </c>
      <c r="BE10" s="184">
        <v>1</v>
      </c>
      <c r="BF10" s="184">
        <v>5</v>
      </c>
      <c r="BG10" s="184">
        <v>5</v>
      </c>
      <c r="BH10" s="182">
        <v>5</v>
      </c>
      <c r="BI10" s="185">
        <v>18</v>
      </c>
      <c r="BJ10" s="187">
        <v>18</v>
      </c>
      <c r="BK10" s="188">
        <v>0</v>
      </c>
      <c r="BL10" s="182">
        <v>0</v>
      </c>
      <c r="BM10" s="182">
        <v>0</v>
      </c>
      <c r="BN10" s="183">
        <v>0</v>
      </c>
      <c r="BO10" s="184">
        <v>0</v>
      </c>
      <c r="BP10" s="184">
        <v>2</v>
      </c>
      <c r="BQ10" s="184">
        <v>24</v>
      </c>
      <c r="BR10" s="182">
        <v>15</v>
      </c>
      <c r="BS10" s="185">
        <v>41</v>
      </c>
      <c r="BT10" s="186">
        <v>41</v>
      </c>
      <c r="BU10" s="181">
        <v>0</v>
      </c>
      <c r="BV10" s="182">
        <v>0</v>
      </c>
      <c r="BW10" s="182">
        <v>0</v>
      </c>
      <c r="BX10" s="183">
        <v>0</v>
      </c>
      <c r="BY10" s="184">
        <v>0</v>
      </c>
      <c r="BZ10" s="184">
        <v>2</v>
      </c>
      <c r="CA10" s="184">
        <v>24</v>
      </c>
      <c r="CB10" s="182">
        <v>15</v>
      </c>
      <c r="CC10" s="185">
        <v>41</v>
      </c>
      <c r="CD10" s="187">
        <v>41</v>
      </c>
      <c r="CE10" s="188">
        <v>0</v>
      </c>
      <c r="CF10" s="182">
        <v>0</v>
      </c>
      <c r="CG10" s="182">
        <v>0</v>
      </c>
      <c r="CH10" s="183">
        <v>0</v>
      </c>
      <c r="CI10" s="184">
        <v>0</v>
      </c>
      <c r="CJ10" s="184">
        <v>0</v>
      </c>
      <c r="CK10" s="184">
        <v>0</v>
      </c>
      <c r="CL10" s="182">
        <v>0</v>
      </c>
      <c r="CM10" s="185">
        <v>0</v>
      </c>
      <c r="CN10" s="187">
        <v>0</v>
      </c>
      <c r="CO10" s="188">
        <v>0</v>
      </c>
      <c r="CP10" s="182">
        <v>0</v>
      </c>
      <c r="CQ10" s="182">
        <v>0</v>
      </c>
      <c r="CR10" s="183">
        <v>0</v>
      </c>
      <c r="CS10" s="184">
        <v>0</v>
      </c>
      <c r="CT10" s="184">
        <v>7</v>
      </c>
      <c r="CU10" s="184">
        <v>84</v>
      </c>
      <c r="CV10" s="182">
        <v>81</v>
      </c>
      <c r="CW10" s="185">
        <v>172</v>
      </c>
      <c r="CX10" s="186">
        <v>172</v>
      </c>
      <c r="CY10" s="181">
        <v>0</v>
      </c>
      <c r="CZ10" s="182">
        <v>0</v>
      </c>
      <c r="DA10" s="182">
        <v>0</v>
      </c>
      <c r="DB10" s="183">
        <v>0</v>
      </c>
      <c r="DC10" s="184">
        <v>0</v>
      </c>
      <c r="DD10" s="184">
        <v>7</v>
      </c>
      <c r="DE10" s="184">
        <v>84</v>
      </c>
      <c r="DF10" s="182">
        <v>78</v>
      </c>
      <c r="DG10" s="185">
        <v>169</v>
      </c>
      <c r="DH10" s="187">
        <v>169</v>
      </c>
      <c r="DI10" s="188">
        <v>0</v>
      </c>
      <c r="DJ10" s="182">
        <v>0</v>
      </c>
      <c r="DK10" s="182">
        <v>0</v>
      </c>
      <c r="DL10" s="183">
        <v>0</v>
      </c>
      <c r="DM10" s="184">
        <v>0</v>
      </c>
      <c r="DN10" s="184">
        <v>0</v>
      </c>
      <c r="DO10" s="184">
        <v>0</v>
      </c>
      <c r="DP10" s="182">
        <v>3</v>
      </c>
      <c r="DQ10" s="185">
        <v>3</v>
      </c>
      <c r="DR10" s="187">
        <v>3</v>
      </c>
      <c r="DS10" s="188">
        <v>0</v>
      </c>
      <c r="DT10" s="182">
        <v>0</v>
      </c>
      <c r="DU10" s="182">
        <v>0</v>
      </c>
      <c r="DV10" s="183">
        <v>82</v>
      </c>
      <c r="DW10" s="184">
        <v>243</v>
      </c>
      <c r="DX10" s="184">
        <v>1100</v>
      </c>
      <c r="DY10" s="184">
        <v>1775</v>
      </c>
      <c r="DZ10" s="182">
        <v>1092</v>
      </c>
      <c r="EA10" s="185">
        <v>4292</v>
      </c>
      <c r="EB10" s="187">
        <v>4292</v>
      </c>
      <c r="EC10" s="32"/>
    </row>
    <row r="11" spans="2:133" ht="21" customHeight="1" x14ac:dyDescent="0.2">
      <c r="B11" s="472" t="s">
        <v>7</v>
      </c>
      <c r="C11" s="181">
        <v>0</v>
      </c>
      <c r="D11" s="182">
        <v>0</v>
      </c>
      <c r="E11" s="182">
        <v>0</v>
      </c>
      <c r="F11" s="183">
        <v>20</v>
      </c>
      <c r="G11" s="184">
        <v>39</v>
      </c>
      <c r="H11" s="184">
        <v>573</v>
      </c>
      <c r="I11" s="184">
        <v>907</v>
      </c>
      <c r="J11" s="182">
        <v>558</v>
      </c>
      <c r="K11" s="185">
        <v>2097</v>
      </c>
      <c r="L11" s="186">
        <v>2097</v>
      </c>
      <c r="M11" s="181">
        <v>0</v>
      </c>
      <c r="N11" s="182">
        <v>0</v>
      </c>
      <c r="O11" s="185">
        <v>0</v>
      </c>
      <c r="P11" s="183">
        <v>19</v>
      </c>
      <c r="Q11" s="184">
        <v>38</v>
      </c>
      <c r="R11" s="184">
        <v>571</v>
      </c>
      <c r="S11" s="184">
        <v>892</v>
      </c>
      <c r="T11" s="182">
        <v>551</v>
      </c>
      <c r="U11" s="185">
        <v>2071</v>
      </c>
      <c r="V11" s="187">
        <v>2071</v>
      </c>
      <c r="W11" s="188">
        <v>0</v>
      </c>
      <c r="X11" s="182">
        <v>0</v>
      </c>
      <c r="Y11" s="185">
        <v>0</v>
      </c>
      <c r="Z11" s="188">
        <v>1</v>
      </c>
      <c r="AA11" s="184">
        <v>1</v>
      </c>
      <c r="AB11" s="184">
        <v>2</v>
      </c>
      <c r="AC11" s="184">
        <v>15</v>
      </c>
      <c r="AD11" s="182">
        <v>7</v>
      </c>
      <c r="AE11" s="185">
        <v>26</v>
      </c>
      <c r="AF11" s="189">
        <v>26</v>
      </c>
      <c r="AG11" s="188">
        <v>0</v>
      </c>
      <c r="AH11" s="182">
        <v>0</v>
      </c>
      <c r="AI11" s="185">
        <v>0</v>
      </c>
      <c r="AJ11" s="188">
        <v>152</v>
      </c>
      <c r="AK11" s="184">
        <v>199</v>
      </c>
      <c r="AL11" s="184">
        <v>273</v>
      </c>
      <c r="AM11" s="184">
        <v>280</v>
      </c>
      <c r="AN11" s="182">
        <v>110</v>
      </c>
      <c r="AO11" s="185">
        <v>1014</v>
      </c>
      <c r="AP11" s="189">
        <v>1014</v>
      </c>
      <c r="AQ11" s="188">
        <v>0</v>
      </c>
      <c r="AR11" s="182">
        <v>0</v>
      </c>
      <c r="AS11" s="185">
        <v>0</v>
      </c>
      <c r="AT11" s="183">
        <v>151</v>
      </c>
      <c r="AU11" s="184">
        <v>197</v>
      </c>
      <c r="AV11" s="184">
        <v>266</v>
      </c>
      <c r="AW11" s="184">
        <v>273</v>
      </c>
      <c r="AX11" s="182">
        <v>106</v>
      </c>
      <c r="AY11" s="185">
        <v>993</v>
      </c>
      <c r="AZ11" s="186">
        <v>993</v>
      </c>
      <c r="BA11" s="181">
        <v>0</v>
      </c>
      <c r="BB11" s="182">
        <v>0</v>
      </c>
      <c r="BC11" s="182">
        <v>0</v>
      </c>
      <c r="BD11" s="183">
        <v>1</v>
      </c>
      <c r="BE11" s="184">
        <v>2</v>
      </c>
      <c r="BF11" s="184">
        <v>7</v>
      </c>
      <c r="BG11" s="184">
        <v>7</v>
      </c>
      <c r="BH11" s="182">
        <v>4</v>
      </c>
      <c r="BI11" s="185">
        <v>21</v>
      </c>
      <c r="BJ11" s="187">
        <v>21</v>
      </c>
      <c r="BK11" s="188">
        <v>0</v>
      </c>
      <c r="BL11" s="182">
        <v>0</v>
      </c>
      <c r="BM11" s="182">
        <v>0</v>
      </c>
      <c r="BN11" s="183">
        <v>0</v>
      </c>
      <c r="BO11" s="184">
        <v>0</v>
      </c>
      <c r="BP11" s="184">
        <v>0</v>
      </c>
      <c r="BQ11" s="184">
        <v>1</v>
      </c>
      <c r="BR11" s="182">
        <v>2</v>
      </c>
      <c r="BS11" s="185">
        <v>3</v>
      </c>
      <c r="BT11" s="186">
        <v>3</v>
      </c>
      <c r="BU11" s="181">
        <v>0</v>
      </c>
      <c r="BV11" s="182">
        <v>0</v>
      </c>
      <c r="BW11" s="182">
        <v>0</v>
      </c>
      <c r="BX11" s="183">
        <v>0</v>
      </c>
      <c r="BY11" s="184">
        <v>0</v>
      </c>
      <c r="BZ11" s="184">
        <v>0</v>
      </c>
      <c r="CA11" s="184">
        <v>1</v>
      </c>
      <c r="CB11" s="182">
        <v>2</v>
      </c>
      <c r="CC11" s="185">
        <v>3</v>
      </c>
      <c r="CD11" s="187">
        <v>3</v>
      </c>
      <c r="CE11" s="188">
        <v>0</v>
      </c>
      <c r="CF11" s="182">
        <v>0</v>
      </c>
      <c r="CG11" s="182">
        <v>0</v>
      </c>
      <c r="CH11" s="183">
        <v>0</v>
      </c>
      <c r="CI11" s="184">
        <v>0</v>
      </c>
      <c r="CJ11" s="184">
        <v>0</v>
      </c>
      <c r="CK11" s="184">
        <v>0</v>
      </c>
      <c r="CL11" s="182">
        <v>0</v>
      </c>
      <c r="CM11" s="185">
        <v>0</v>
      </c>
      <c r="CN11" s="187">
        <v>0</v>
      </c>
      <c r="CO11" s="188">
        <v>0</v>
      </c>
      <c r="CP11" s="182">
        <v>0</v>
      </c>
      <c r="CQ11" s="182">
        <v>0</v>
      </c>
      <c r="CR11" s="183">
        <v>0</v>
      </c>
      <c r="CS11" s="184">
        <v>0</v>
      </c>
      <c r="CT11" s="184">
        <v>2</v>
      </c>
      <c r="CU11" s="184">
        <v>2</v>
      </c>
      <c r="CV11" s="182">
        <v>2</v>
      </c>
      <c r="CW11" s="185">
        <v>6</v>
      </c>
      <c r="CX11" s="186">
        <v>6</v>
      </c>
      <c r="CY11" s="181">
        <v>0</v>
      </c>
      <c r="CZ11" s="182">
        <v>0</v>
      </c>
      <c r="DA11" s="182">
        <v>0</v>
      </c>
      <c r="DB11" s="183">
        <v>0</v>
      </c>
      <c r="DC11" s="184">
        <v>0</v>
      </c>
      <c r="DD11" s="184">
        <v>2</v>
      </c>
      <c r="DE11" s="184">
        <v>2</v>
      </c>
      <c r="DF11" s="182">
        <v>2</v>
      </c>
      <c r="DG11" s="185">
        <v>6</v>
      </c>
      <c r="DH11" s="187">
        <v>6</v>
      </c>
      <c r="DI11" s="188">
        <v>0</v>
      </c>
      <c r="DJ11" s="182">
        <v>0</v>
      </c>
      <c r="DK11" s="182">
        <v>0</v>
      </c>
      <c r="DL11" s="183">
        <v>0</v>
      </c>
      <c r="DM11" s="184">
        <v>0</v>
      </c>
      <c r="DN11" s="184">
        <v>0</v>
      </c>
      <c r="DO11" s="184">
        <v>0</v>
      </c>
      <c r="DP11" s="182">
        <v>0</v>
      </c>
      <c r="DQ11" s="185">
        <v>0</v>
      </c>
      <c r="DR11" s="187">
        <v>0</v>
      </c>
      <c r="DS11" s="188">
        <v>0</v>
      </c>
      <c r="DT11" s="182">
        <v>0</v>
      </c>
      <c r="DU11" s="182">
        <v>0</v>
      </c>
      <c r="DV11" s="183">
        <v>172</v>
      </c>
      <c r="DW11" s="184">
        <v>238</v>
      </c>
      <c r="DX11" s="184">
        <v>845</v>
      </c>
      <c r="DY11" s="184">
        <v>1182</v>
      </c>
      <c r="DZ11" s="182">
        <v>669</v>
      </c>
      <c r="EA11" s="185">
        <v>3106</v>
      </c>
      <c r="EB11" s="187">
        <v>3106</v>
      </c>
      <c r="EC11" s="32"/>
    </row>
    <row r="12" spans="2:133" ht="21" customHeight="1" x14ac:dyDescent="0.2">
      <c r="B12" s="472" t="s">
        <v>8</v>
      </c>
      <c r="C12" s="181">
        <v>0</v>
      </c>
      <c r="D12" s="182">
        <v>0</v>
      </c>
      <c r="E12" s="182">
        <v>0</v>
      </c>
      <c r="F12" s="183">
        <v>20</v>
      </c>
      <c r="G12" s="184">
        <v>71</v>
      </c>
      <c r="H12" s="184">
        <v>378</v>
      </c>
      <c r="I12" s="184">
        <v>432</v>
      </c>
      <c r="J12" s="182">
        <v>256</v>
      </c>
      <c r="K12" s="185">
        <v>1157</v>
      </c>
      <c r="L12" s="186">
        <v>1157</v>
      </c>
      <c r="M12" s="181">
        <v>0</v>
      </c>
      <c r="N12" s="182">
        <v>0</v>
      </c>
      <c r="O12" s="185">
        <v>0</v>
      </c>
      <c r="P12" s="183">
        <v>20</v>
      </c>
      <c r="Q12" s="184">
        <v>70</v>
      </c>
      <c r="R12" s="184">
        <v>377</v>
      </c>
      <c r="S12" s="184">
        <v>428</v>
      </c>
      <c r="T12" s="182">
        <v>255</v>
      </c>
      <c r="U12" s="185">
        <v>1150</v>
      </c>
      <c r="V12" s="187">
        <v>1150</v>
      </c>
      <c r="W12" s="188">
        <v>0</v>
      </c>
      <c r="X12" s="182">
        <v>0</v>
      </c>
      <c r="Y12" s="185">
        <v>0</v>
      </c>
      <c r="Z12" s="188">
        <v>0</v>
      </c>
      <c r="AA12" s="184">
        <v>1</v>
      </c>
      <c r="AB12" s="184">
        <v>1</v>
      </c>
      <c r="AC12" s="184">
        <v>4</v>
      </c>
      <c r="AD12" s="182">
        <v>1</v>
      </c>
      <c r="AE12" s="185">
        <v>7</v>
      </c>
      <c r="AF12" s="189">
        <v>7</v>
      </c>
      <c r="AG12" s="188">
        <v>0</v>
      </c>
      <c r="AH12" s="182">
        <v>0</v>
      </c>
      <c r="AI12" s="185">
        <v>0</v>
      </c>
      <c r="AJ12" s="188">
        <v>44</v>
      </c>
      <c r="AK12" s="184">
        <v>91</v>
      </c>
      <c r="AL12" s="184">
        <v>156</v>
      </c>
      <c r="AM12" s="184">
        <v>135</v>
      </c>
      <c r="AN12" s="182">
        <v>72</v>
      </c>
      <c r="AO12" s="185">
        <v>498</v>
      </c>
      <c r="AP12" s="189">
        <v>498</v>
      </c>
      <c r="AQ12" s="188">
        <v>0</v>
      </c>
      <c r="AR12" s="182">
        <v>0</v>
      </c>
      <c r="AS12" s="185">
        <v>0</v>
      </c>
      <c r="AT12" s="183">
        <v>44</v>
      </c>
      <c r="AU12" s="184">
        <v>89</v>
      </c>
      <c r="AV12" s="184">
        <v>155</v>
      </c>
      <c r="AW12" s="184">
        <v>131</v>
      </c>
      <c r="AX12" s="182">
        <v>70</v>
      </c>
      <c r="AY12" s="185">
        <v>489</v>
      </c>
      <c r="AZ12" s="186">
        <v>489</v>
      </c>
      <c r="BA12" s="181">
        <v>0</v>
      </c>
      <c r="BB12" s="182">
        <v>0</v>
      </c>
      <c r="BC12" s="182">
        <v>0</v>
      </c>
      <c r="BD12" s="183">
        <v>0</v>
      </c>
      <c r="BE12" s="184">
        <v>2</v>
      </c>
      <c r="BF12" s="184">
        <v>1</v>
      </c>
      <c r="BG12" s="184">
        <v>4</v>
      </c>
      <c r="BH12" s="182">
        <v>2</v>
      </c>
      <c r="BI12" s="185">
        <v>9</v>
      </c>
      <c r="BJ12" s="187">
        <v>9</v>
      </c>
      <c r="BK12" s="188">
        <v>0</v>
      </c>
      <c r="BL12" s="182">
        <v>0</v>
      </c>
      <c r="BM12" s="182">
        <v>0</v>
      </c>
      <c r="BN12" s="183">
        <v>0</v>
      </c>
      <c r="BO12" s="184">
        <v>0</v>
      </c>
      <c r="BP12" s="184">
        <v>0</v>
      </c>
      <c r="BQ12" s="184">
        <v>1</v>
      </c>
      <c r="BR12" s="182">
        <v>0</v>
      </c>
      <c r="BS12" s="185">
        <v>1</v>
      </c>
      <c r="BT12" s="186">
        <v>1</v>
      </c>
      <c r="BU12" s="181">
        <v>0</v>
      </c>
      <c r="BV12" s="182">
        <v>0</v>
      </c>
      <c r="BW12" s="182">
        <v>0</v>
      </c>
      <c r="BX12" s="183">
        <v>0</v>
      </c>
      <c r="BY12" s="184">
        <v>0</v>
      </c>
      <c r="BZ12" s="184">
        <v>0</v>
      </c>
      <c r="CA12" s="184">
        <v>1</v>
      </c>
      <c r="CB12" s="182">
        <v>0</v>
      </c>
      <c r="CC12" s="185">
        <v>1</v>
      </c>
      <c r="CD12" s="187">
        <v>1</v>
      </c>
      <c r="CE12" s="188">
        <v>0</v>
      </c>
      <c r="CF12" s="182">
        <v>0</v>
      </c>
      <c r="CG12" s="182">
        <v>0</v>
      </c>
      <c r="CH12" s="183">
        <v>0</v>
      </c>
      <c r="CI12" s="184">
        <v>0</v>
      </c>
      <c r="CJ12" s="184">
        <v>0</v>
      </c>
      <c r="CK12" s="184">
        <v>0</v>
      </c>
      <c r="CL12" s="182">
        <v>0</v>
      </c>
      <c r="CM12" s="185">
        <v>0</v>
      </c>
      <c r="CN12" s="187">
        <v>0</v>
      </c>
      <c r="CO12" s="188">
        <v>0</v>
      </c>
      <c r="CP12" s="182">
        <v>0</v>
      </c>
      <c r="CQ12" s="182">
        <v>0</v>
      </c>
      <c r="CR12" s="183">
        <v>1</v>
      </c>
      <c r="CS12" s="184">
        <v>1</v>
      </c>
      <c r="CT12" s="184">
        <v>4</v>
      </c>
      <c r="CU12" s="184">
        <v>5</v>
      </c>
      <c r="CV12" s="182">
        <v>8</v>
      </c>
      <c r="CW12" s="185">
        <v>19</v>
      </c>
      <c r="CX12" s="186">
        <v>19</v>
      </c>
      <c r="CY12" s="181">
        <v>0</v>
      </c>
      <c r="CZ12" s="182">
        <v>0</v>
      </c>
      <c r="DA12" s="182">
        <v>0</v>
      </c>
      <c r="DB12" s="183">
        <v>1</v>
      </c>
      <c r="DC12" s="184">
        <v>1</v>
      </c>
      <c r="DD12" s="184">
        <v>4</v>
      </c>
      <c r="DE12" s="184">
        <v>4</v>
      </c>
      <c r="DF12" s="182">
        <v>8</v>
      </c>
      <c r="DG12" s="185">
        <v>18</v>
      </c>
      <c r="DH12" s="187">
        <v>18</v>
      </c>
      <c r="DI12" s="188">
        <v>0</v>
      </c>
      <c r="DJ12" s="182">
        <v>0</v>
      </c>
      <c r="DK12" s="182">
        <v>0</v>
      </c>
      <c r="DL12" s="183">
        <v>0</v>
      </c>
      <c r="DM12" s="184">
        <v>0</v>
      </c>
      <c r="DN12" s="184">
        <v>0</v>
      </c>
      <c r="DO12" s="184">
        <v>1</v>
      </c>
      <c r="DP12" s="182">
        <v>0</v>
      </c>
      <c r="DQ12" s="185">
        <v>1</v>
      </c>
      <c r="DR12" s="187">
        <v>1</v>
      </c>
      <c r="DS12" s="188">
        <v>0</v>
      </c>
      <c r="DT12" s="182">
        <v>0</v>
      </c>
      <c r="DU12" s="182">
        <v>0</v>
      </c>
      <c r="DV12" s="183">
        <v>65</v>
      </c>
      <c r="DW12" s="184">
        <v>163</v>
      </c>
      <c r="DX12" s="184">
        <v>538</v>
      </c>
      <c r="DY12" s="184">
        <v>573</v>
      </c>
      <c r="DZ12" s="182">
        <v>336</v>
      </c>
      <c r="EA12" s="185">
        <v>1675</v>
      </c>
      <c r="EB12" s="187">
        <v>1675</v>
      </c>
      <c r="EC12" s="32"/>
    </row>
    <row r="13" spans="2:133" ht="21" customHeight="1" x14ac:dyDescent="0.2">
      <c r="B13" s="472" t="s">
        <v>9</v>
      </c>
      <c r="C13" s="181">
        <v>0</v>
      </c>
      <c r="D13" s="182">
        <v>0</v>
      </c>
      <c r="E13" s="182">
        <v>0</v>
      </c>
      <c r="F13" s="183">
        <v>7</v>
      </c>
      <c r="G13" s="184">
        <v>4</v>
      </c>
      <c r="H13" s="184">
        <v>194</v>
      </c>
      <c r="I13" s="184">
        <v>354</v>
      </c>
      <c r="J13" s="182">
        <v>267</v>
      </c>
      <c r="K13" s="185">
        <v>826</v>
      </c>
      <c r="L13" s="186">
        <v>826</v>
      </c>
      <c r="M13" s="181">
        <v>0</v>
      </c>
      <c r="N13" s="182">
        <v>0</v>
      </c>
      <c r="O13" s="185">
        <v>0</v>
      </c>
      <c r="P13" s="183">
        <v>7</v>
      </c>
      <c r="Q13" s="184">
        <v>4</v>
      </c>
      <c r="R13" s="184">
        <v>193</v>
      </c>
      <c r="S13" s="184">
        <v>351</v>
      </c>
      <c r="T13" s="182">
        <v>266</v>
      </c>
      <c r="U13" s="185">
        <v>821</v>
      </c>
      <c r="V13" s="187">
        <v>821</v>
      </c>
      <c r="W13" s="188">
        <v>0</v>
      </c>
      <c r="X13" s="182">
        <v>0</v>
      </c>
      <c r="Y13" s="185">
        <v>0</v>
      </c>
      <c r="Z13" s="188">
        <v>0</v>
      </c>
      <c r="AA13" s="184">
        <v>0</v>
      </c>
      <c r="AB13" s="184">
        <v>1</v>
      </c>
      <c r="AC13" s="184">
        <v>3</v>
      </c>
      <c r="AD13" s="182">
        <v>1</v>
      </c>
      <c r="AE13" s="185">
        <v>5</v>
      </c>
      <c r="AF13" s="189">
        <v>5</v>
      </c>
      <c r="AG13" s="188">
        <v>0</v>
      </c>
      <c r="AH13" s="182">
        <v>0</v>
      </c>
      <c r="AI13" s="185">
        <v>0</v>
      </c>
      <c r="AJ13" s="188">
        <v>26</v>
      </c>
      <c r="AK13" s="184">
        <v>72</v>
      </c>
      <c r="AL13" s="184">
        <v>90</v>
      </c>
      <c r="AM13" s="184">
        <v>123</v>
      </c>
      <c r="AN13" s="182">
        <v>62</v>
      </c>
      <c r="AO13" s="185">
        <v>373</v>
      </c>
      <c r="AP13" s="189">
        <v>373</v>
      </c>
      <c r="AQ13" s="188">
        <v>0</v>
      </c>
      <c r="AR13" s="182">
        <v>0</v>
      </c>
      <c r="AS13" s="185">
        <v>0</v>
      </c>
      <c r="AT13" s="183">
        <v>26</v>
      </c>
      <c r="AU13" s="184">
        <v>72</v>
      </c>
      <c r="AV13" s="184">
        <v>86</v>
      </c>
      <c r="AW13" s="184">
        <v>121</v>
      </c>
      <c r="AX13" s="182">
        <v>61</v>
      </c>
      <c r="AY13" s="185">
        <v>366</v>
      </c>
      <c r="AZ13" s="186">
        <v>366</v>
      </c>
      <c r="BA13" s="181">
        <v>0</v>
      </c>
      <c r="BB13" s="182">
        <v>0</v>
      </c>
      <c r="BC13" s="182">
        <v>0</v>
      </c>
      <c r="BD13" s="183">
        <v>0</v>
      </c>
      <c r="BE13" s="184">
        <v>0</v>
      </c>
      <c r="BF13" s="184">
        <v>4</v>
      </c>
      <c r="BG13" s="184">
        <v>2</v>
      </c>
      <c r="BH13" s="182">
        <v>1</v>
      </c>
      <c r="BI13" s="185">
        <v>7</v>
      </c>
      <c r="BJ13" s="187">
        <v>7</v>
      </c>
      <c r="BK13" s="188">
        <v>0</v>
      </c>
      <c r="BL13" s="182">
        <v>0</v>
      </c>
      <c r="BM13" s="182">
        <v>0</v>
      </c>
      <c r="BN13" s="183">
        <v>0</v>
      </c>
      <c r="BO13" s="184">
        <v>0</v>
      </c>
      <c r="BP13" s="184">
        <v>0</v>
      </c>
      <c r="BQ13" s="184">
        <v>0</v>
      </c>
      <c r="BR13" s="182">
        <v>0</v>
      </c>
      <c r="BS13" s="185">
        <v>0</v>
      </c>
      <c r="BT13" s="186">
        <v>0</v>
      </c>
      <c r="BU13" s="181">
        <v>0</v>
      </c>
      <c r="BV13" s="182">
        <v>0</v>
      </c>
      <c r="BW13" s="182">
        <v>0</v>
      </c>
      <c r="BX13" s="183">
        <v>0</v>
      </c>
      <c r="BY13" s="184">
        <v>0</v>
      </c>
      <c r="BZ13" s="184">
        <v>0</v>
      </c>
      <c r="CA13" s="184">
        <v>0</v>
      </c>
      <c r="CB13" s="182">
        <v>0</v>
      </c>
      <c r="CC13" s="185">
        <v>0</v>
      </c>
      <c r="CD13" s="187">
        <v>0</v>
      </c>
      <c r="CE13" s="188">
        <v>0</v>
      </c>
      <c r="CF13" s="182">
        <v>0</v>
      </c>
      <c r="CG13" s="182">
        <v>0</v>
      </c>
      <c r="CH13" s="183">
        <v>0</v>
      </c>
      <c r="CI13" s="184">
        <v>0</v>
      </c>
      <c r="CJ13" s="184">
        <v>0</v>
      </c>
      <c r="CK13" s="184">
        <v>0</v>
      </c>
      <c r="CL13" s="182">
        <v>0</v>
      </c>
      <c r="CM13" s="185">
        <v>0</v>
      </c>
      <c r="CN13" s="187">
        <v>0</v>
      </c>
      <c r="CO13" s="188">
        <v>0</v>
      </c>
      <c r="CP13" s="182">
        <v>0</v>
      </c>
      <c r="CQ13" s="182">
        <v>0</v>
      </c>
      <c r="CR13" s="183">
        <v>0</v>
      </c>
      <c r="CS13" s="184">
        <v>0</v>
      </c>
      <c r="CT13" s="184">
        <v>2</v>
      </c>
      <c r="CU13" s="184">
        <v>3</v>
      </c>
      <c r="CV13" s="182">
        <v>6</v>
      </c>
      <c r="CW13" s="185">
        <v>11</v>
      </c>
      <c r="CX13" s="186">
        <v>11</v>
      </c>
      <c r="CY13" s="181">
        <v>0</v>
      </c>
      <c r="CZ13" s="182">
        <v>0</v>
      </c>
      <c r="DA13" s="182">
        <v>0</v>
      </c>
      <c r="DB13" s="183">
        <v>0</v>
      </c>
      <c r="DC13" s="184">
        <v>0</v>
      </c>
      <c r="DD13" s="184">
        <v>2</v>
      </c>
      <c r="DE13" s="184">
        <v>3</v>
      </c>
      <c r="DF13" s="182">
        <v>6</v>
      </c>
      <c r="DG13" s="185">
        <v>11</v>
      </c>
      <c r="DH13" s="187">
        <v>11</v>
      </c>
      <c r="DI13" s="188">
        <v>0</v>
      </c>
      <c r="DJ13" s="182">
        <v>0</v>
      </c>
      <c r="DK13" s="182">
        <v>0</v>
      </c>
      <c r="DL13" s="183">
        <v>0</v>
      </c>
      <c r="DM13" s="184">
        <v>0</v>
      </c>
      <c r="DN13" s="184">
        <v>0</v>
      </c>
      <c r="DO13" s="184">
        <v>0</v>
      </c>
      <c r="DP13" s="182">
        <v>0</v>
      </c>
      <c r="DQ13" s="185">
        <v>0</v>
      </c>
      <c r="DR13" s="187">
        <v>0</v>
      </c>
      <c r="DS13" s="188">
        <v>0</v>
      </c>
      <c r="DT13" s="182">
        <v>0</v>
      </c>
      <c r="DU13" s="182">
        <v>0</v>
      </c>
      <c r="DV13" s="183">
        <v>33</v>
      </c>
      <c r="DW13" s="184">
        <v>76</v>
      </c>
      <c r="DX13" s="184">
        <v>285</v>
      </c>
      <c r="DY13" s="184">
        <v>479</v>
      </c>
      <c r="DZ13" s="182">
        <v>333</v>
      </c>
      <c r="EA13" s="185">
        <v>1206</v>
      </c>
      <c r="EB13" s="187">
        <v>1206</v>
      </c>
      <c r="EC13" s="32"/>
    </row>
    <row r="14" spans="2:133" ht="21" customHeight="1" x14ac:dyDescent="0.2">
      <c r="B14" s="472" t="s">
        <v>10</v>
      </c>
      <c r="C14" s="181">
        <v>0</v>
      </c>
      <c r="D14" s="182">
        <v>0</v>
      </c>
      <c r="E14" s="182">
        <v>0</v>
      </c>
      <c r="F14" s="183">
        <v>14</v>
      </c>
      <c r="G14" s="184">
        <v>38</v>
      </c>
      <c r="H14" s="184">
        <v>321</v>
      </c>
      <c r="I14" s="184">
        <v>545</v>
      </c>
      <c r="J14" s="182">
        <v>468</v>
      </c>
      <c r="K14" s="185">
        <v>1386</v>
      </c>
      <c r="L14" s="186">
        <v>1386</v>
      </c>
      <c r="M14" s="181">
        <v>0</v>
      </c>
      <c r="N14" s="182">
        <v>0</v>
      </c>
      <c r="O14" s="185">
        <v>0</v>
      </c>
      <c r="P14" s="183">
        <v>14</v>
      </c>
      <c r="Q14" s="184">
        <v>37</v>
      </c>
      <c r="R14" s="184">
        <v>317</v>
      </c>
      <c r="S14" s="184">
        <v>542</v>
      </c>
      <c r="T14" s="182">
        <v>463</v>
      </c>
      <c r="U14" s="185">
        <v>1373</v>
      </c>
      <c r="V14" s="187">
        <v>1373</v>
      </c>
      <c r="W14" s="188">
        <v>0</v>
      </c>
      <c r="X14" s="182">
        <v>0</v>
      </c>
      <c r="Y14" s="185">
        <v>0</v>
      </c>
      <c r="Z14" s="188">
        <v>0</v>
      </c>
      <c r="AA14" s="184">
        <v>1</v>
      </c>
      <c r="AB14" s="184">
        <v>4</v>
      </c>
      <c r="AC14" s="184">
        <v>3</v>
      </c>
      <c r="AD14" s="182">
        <v>5</v>
      </c>
      <c r="AE14" s="185">
        <v>13</v>
      </c>
      <c r="AF14" s="189">
        <v>13</v>
      </c>
      <c r="AG14" s="188">
        <v>0</v>
      </c>
      <c r="AH14" s="182">
        <v>0</v>
      </c>
      <c r="AI14" s="185">
        <v>0</v>
      </c>
      <c r="AJ14" s="188">
        <v>98</v>
      </c>
      <c r="AK14" s="184">
        <v>120</v>
      </c>
      <c r="AL14" s="184">
        <v>159</v>
      </c>
      <c r="AM14" s="184">
        <v>160</v>
      </c>
      <c r="AN14" s="182">
        <v>112</v>
      </c>
      <c r="AO14" s="185">
        <v>649</v>
      </c>
      <c r="AP14" s="189">
        <v>649</v>
      </c>
      <c r="AQ14" s="188">
        <v>0</v>
      </c>
      <c r="AR14" s="182">
        <v>0</v>
      </c>
      <c r="AS14" s="185">
        <v>0</v>
      </c>
      <c r="AT14" s="183">
        <v>94</v>
      </c>
      <c r="AU14" s="184">
        <v>119</v>
      </c>
      <c r="AV14" s="184">
        <v>158</v>
      </c>
      <c r="AW14" s="184">
        <v>157</v>
      </c>
      <c r="AX14" s="182">
        <v>107</v>
      </c>
      <c r="AY14" s="185">
        <v>635</v>
      </c>
      <c r="AZ14" s="186">
        <v>635</v>
      </c>
      <c r="BA14" s="181">
        <v>0</v>
      </c>
      <c r="BB14" s="182">
        <v>0</v>
      </c>
      <c r="BC14" s="182">
        <v>0</v>
      </c>
      <c r="BD14" s="183">
        <v>4</v>
      </c>
      <c r="BE14" s="184">
        <v>1</v>
      </c>
      <c r="BF14" s="184">
        <v>1</v>
      </c>
      <c r="BG14" s="184">
        <v>3</v>
      </c>
      <c r="BH14" s="182">
        <v>5</v>
      </c>
      <c r="BI14" s="185">
        <v>14</v>
      </c>
      <c r="BJ14" s="187">
        <v>14</v>
      </c>
      <c r="BK14" s="188">
        <v>0</v>
      </c>
      <c r="BL14" s="182">
        <v>0</v>
      </c>
      <c r="BM14" s="182">
        <v>0</v>
      </c>
      <c r="BN14" s="183">
        <v>0</v>
      </c>
      <c r="BO14" s="184">
        <v>0</v>
      </c>
      <c r="BP14" s="184">
        <v>0</v>
      </c>
      <c r="BQ14" s="184">
        <v>0</v>
      </c>
      <c r="BR14" s="182">
        <v>2</v>
      </c>
      <c r="BS14" s="185">
        <v>2</v>
      </c>
      <c r="BT14" s="186">
        <v>2</v>
      </c>
      <c r="BU14" s="181">
        <v>0</v>
      </c>
      <c r="BV14" s="182">
        <v>0</v>
      </c>
      <c r="BW14" s="182">
        <v>0</v>
      </c>
      <c r="BX14" s="183">
        <v>0</v>
      </c>
      <c r="BY14" s="184">
        <v>0</v>
      </c>
      <c r="BZ14" s="184">
        <v>0</v>
      </c>
      <c r="CA14" s="184">
        <v>0</v>
      </c>
      <c r="CB14" s="182">
        <v>2</v>
      </c>
      <c r="CC14" s="185">
        <v>2</v>
      </c>
      <c r="CD14" s="187">
        <v>2</v>
      </c>
      <c r="CE14" s="188">
        <v>0</v>
      </c>
      <c r="CF14" s="182">
        <v>0</v>
      </c>
      <c r="CG14" s="182">
        <v>0</v>
      </c>
      <c r="CH14" s="183">
        <v>0</v>
      </c>
      <c r="CI14" s="184">
        <v>0</v>
      </c>
      <c r="CJ14" s="184">
        <v>0</v>
      </c>
      <c r="CK14" s="184">
        <v>0</v>
      </c>
      <c r="CL14" s="182">
        <v>0</v>
      </c>
      <c r="CM14" s="185">
        <v>0</v>
      </c>
      <c r="CN14" s="187">
        <v>0</v>
      </c>
      <c r="CO14" s="188">
        <v>0</v>
      </c>
      <c r="CP14" s="182">
        <v>0</v>
      </c>
      <c r="CQ14" s="182">
        <v>0</v>
      </c>
      <c r="CR14" s="183">
        <v>0</v>
      </c>
      <c r="CS14" s="184">
        <v>0</v>
      </c>
      <c r="CT14" s="184">
        <v>1</v>
      </c>
      <c r="CU14" s="184">
        <v>4</v>
      </c>
      <c r="CV14" s="182">
        <v>29</v>
      </c>
      <c r="CW14" s="185">
        <v>34</v>
      </c>
      <c r="CX14" s="186">
        <v>34</v>
      </c>
      <c r="CY14" s="181">
        <v>0</v>
      </c>
      <c r="CZ14" s="182">
        <v>0</v>
      </c>
      <c r="DA14" s="182">
        <v>0</v>
      </c>
      <c r="DB14" s="183">
        <v>0</v>
      </c>
      <c r="DC14" s="184">
        <v>0</v>
      </c>
      <c r="DD14" s="184">
        <v>1</v>
      </c>
      <c r="DE14" s="184">
        <v>4</v>
      </c>
      <c r="DF14" s="182">
        <v>29</v>
      </c>
      <c r="DG14" s="185">
        <v>34</v>
      </c>
      <c r="DH14" s="187">
        <v>34</v>
      </c>
      <c r="DI14" s="188">
        <v>0</v>
      </c>
      <c r="DJ14" s="182">
        <v>0</v>
      </c>
      <c r="DK14" s="182">
        <v>0</v>
      </c>
      <c r="DL14" s="183">
        <v>0</v>
      </c>
      <c r="DM14" s="184">
        <v>0</v>
      </c>
      <c r="DN14" s="184">
        <v>0</v>
      </c>
      <c r="DO14" s="184">
        <v>0</v>
      </c>
      <c r="DP14" s="182">
        <v>0</v>
      </c>
      <c r="DQ14" s="185">
        <v>0</v>
      </c>
      <c r="DR14" s="187">
        <v>0</v>
      </c>
      <c r="DS14" s="188">
        <v>0</v>
      </c>
      <c r="DT14" s="182">
        <v>0</v>
      </c>
      <c r="DU14" s="182">
        <v>0</v>
      </c>
      <c r="DV14" s="183">
        <v>112</v>
      </c>
      <c r="DW14" s="184">
        <v>158</v>
      </c>
      <c r="DX14" s="184">
        <v>480</v>
      </c>
      <c r="DY14" s="184">
        <v>704</v>
      </c>
      <c r="DZ14" s="182">
        <v>610</v>
      </c>
      <c r="EA14" s="185">
        <v>2064</v>
      </c>
      <c r="EB14" s="187">
        <v>2064</v>
      </c>
      <c r="EC14" s="32"/>
    </row>
    <row r="15" spans="2:133" ht="21" customHeight="1" x14ac:dyDescent="0.2">
      <c r="B15" s="472" t="s">
        <v>11</v>
      </c>
      <c r="C15" s="181">
        <v>0</v>
      </c>
      <c r="D15" s="182">
        <v>0</v>
      </c>
      <c r="E15" s="182">
        <v>0</v>
      </c>
      <c r="F15" s="183">
        <v>1</v>
      </c>
      <c r="G15" s="184">
        <v>7</v>
      </c>
      <c r="H15" s="184">
        <v>178</v>
      </c>
      <c r="I15" s="184">
        <v>365</v>
      </c>
      <c r="J15" s="182">
        <v>199</v>
      </c>
      <c r="K15" s="185">
        <v>750</v>
      </c>
      <c r="L15" s="186">
        <v>750</v>
      </c>
      <c r="M15" s="181">
        <v>0</v>
      </c>
      <c r="N15" s="182">
        <v>0</v>
      </c>
      <c r="O15" s="185">
        <v>0</v>
      </c>
      <c r="P15" s="183">
        <v>1</v>
      </c>
      <c r="Q15" s="184">
        <v>7</v>
      </c>
      <c r="R15" s="184">
        <v>178</v>
      </c>
      <c r="S15" s="184">
        <v>362</v>
      </c>
      <c r="T15" s="182">
        <v>199</v>
      </c>
      <c r="U15" s="185">
        <v>747</v>
      </c>
      <c r="V15" s="187">
        <v>747</v>
      </c>
      <c r="W15" s="188">
        <v>0</v>
      </c>
      <c r="X15" s="182">
        <v>0</v>
      </c>
      <c r="Y15" s="185">
        <v>0</v>
      </c>
      <c r="Z15" s="188">
        <v>0</v>
      </c>
      <c r="AA15" s="184">
        <v>0</v>
      </c>
      <c r="AB15" s="184">
        <v>0</v>
      </c>
      <c r="AC15" s="184">
        <v>3</v>
      </c>
      <c r="AD15" s="182">
        <v>0</v>
      </c>
      <c r="AE15" s="185">
        <v>3</v>
      </c>
      <c r="AF15" s="189">
        <v>3</v>
      </c>
      <c r="AG15" s="188">
        <v>0</v>
      </c>
      <c r="AH15" s="182">
        <v>0</v>
      </c>
      <c r="AI15" s="185">
        <v>0</v>
      </c>
      <c r="AJ15" s="188">
        <v>59</v>
      </c>
      <c r="AK15" s="184">
        <v>89</v>
      </c>
      <c r="AL15" s="184">
        <v>134</v>
      </c>
      <c r="AM15" s="184">
        <v>135</v>
      </c>
      <c r="AN15" s="182">
        <v>73</v>
      </c>
      <c r="AO15" s="185">
        <v>490</v>
      </c>
      <c r="AP15" s="189">
        <v>490</v>
      </c>
      <c r="AQ15" s="188">
        <v>0</v>
      </c>
      <c r="AR15" s="182">
        <v>0</v>
      </c>
      <c r="AS15" s="185">
        <v>0</v>
      </c>
      <c r="AT15" s="183">
        <v>57</v>
      </c>
      <c r="AU15" s="184">
        <v>88</v>
      </c>
      <c r="AV15" s="184">
        <v>133</v>
      </c>
      <c r="AW15" s="184">
        <v>134</v>
      </c>
      <c r="AX15" s="182">
        <v>72</v>
      </c>
      <c r="AY15" s="185">
        <v>484</v>
      </c>
      <c r="AZ15" s="186">
        <v>484</v>
      </c>
      <c r="BA15" s="181">
        <v>0</v>
      </c>
      <c r="BB15" s="182">
        <v>0</v>
      </c>
      <c r="BC15" s="182">
        <v>0</v>
      </c>
      <c r="BD15" s="183">
        <v>2</v>
      </c>
      <c r="BE15" s="184">
        <v>1</v>
      </c>
      <c r="BF15" s="184">
        <v>1</v>
      </c>
      <c r="BG15" s="184">
        <v>1</v>
      </c>
      <c r="BH15" s="182">
        <v>1</v>
      </c>
      <c r="BI15" s="185">
        <v>6</v>
      </c>
      <c r="BJ15" s="187">
        <v>6</v>
      </c>
      <c r="BK15" s="188">
        <v>0</v>
      </c>
      <c r="BL15" s="182">
        <v>0</v>
      </c>
      <c r="BM15" s="182">
        <v>0</v>
      </c>
      <c r="BN15" s="183">
        <v>0</v>
      </c>
      <c r="BO15" s="184">
        <v>0</v>
      </c>
      <c r="BP15" s="184">
        <v>0</v>
      </c>
      <c r="BQ15" s="184">
        <v>0</v>
      </c>
      <c r="BR15" s="182">
        <v>0</v>
      </c>
      <c r="BS15" s="185">
        <v>0</v>
      </c>
      <c r="BT15" s="186">
        <v>0</v>
      </c>
      <c r="BU15" s="181">
        <v>0</v>
      </c>
      <c r="BV15" s="182">
        <v>0</v>
      </c>
      <c r="BW15" s="182">
        <v>0</v>
      </c>
      <c r="BX15" s="183">
        <v>0</v>
      </c>
      <c r="BY15" s="184">
        <v>0</v>
      </c>
      <c r="BZ15" s="184">
        <v>0</v>
      </c>
      <c r="CA15" s="184">
        <v>0</v>
      </c>
      <c r="CB15" s="182">
        <v>0</v>
      </c>
      <c r="CC15" s="185">
        <v>0</v>
      </c>
      <c r="CD15" s="187">
        <v>0</v>
      </c>
      <c r="CE15" s="188">
        <v>0</v>
      </c>
      <c r="CF15" s="182">
        <v>0</v>
      </c>
      <c r="CG15" s="182">
        <v>0</v>
      </c>
      <c r="CH15" s="183">
        <v>0</v>
      </c>
      <c r="CI15" s="184">
        <v>0</v>
      </c>
      <c r="CJ15" s="184">
        <v>0</v>
      </c>
      <c r="CK15" s="184">
        <v>0</v>
      </c>
      <c r="CL15" s="182">
        <v>0</v>
      </c>
      <c r="CM15" s="185">
        <v>0</v>
      </c>
      <c r="CN15" s="187">
        <v>0</v>
      </c>
      <c r="CO15" s="188">
        <v>0</v>
      </c>
      <c r="CP15" s="182">
        <v>0</v>
      </c>
      <c r="CQ15" s="182">
        <v>0</v>
      </c>
      <c r="CR15" s="183">
        <v>3</v>
      </c>
      <c r="CS15" s="184">
        <v>7</v>
      </c>
      <c r="CT15" s="184">
        <v>10</v>
      </c>
      <c r="CU15" s="184">
        <v>10</v>
      </c>
      <c r="CV15" s="182">
        <v>28</v>
      </c>
      <c r="CW15" s="185">
        <v>58</v>
      </c>
      <c r="CX15" s="186">
        <v>58</v>
      </c>
      <c r="CY15" s="181">
        <v>0</v>
      </c>
      <c r="CZ15" s="182">
        <v>0</v>
      </c>
      <c r="DA15" s="182">
        <v>0</v>
      </c>
      <c r="DB15" s="183">
        <v>2</v>
      </c>
      <c r="DC15" s="184">
        <v>7</v>
      </c>
      <c r="DD15" s="184">
        <v>10</v>
      </c>
      <c r="DE15" s="184">
        <v>10</v>
      </c>
      <c r="DF15" s="182">
        <v>26</v>
      </c>
      <c r="DG15" s="185">
        <v>55</v>
      </c>
      <c r="DH15" s="187">
        <v>55</v>
      </c>
      <c r="DI15" s="188">
        <v>0</v>
      </c>
      <c r="DJ15" s="182">
        <v>0</v>
      </c>
      <c r="DK15" s="182">
        <v>0</v>
      </c>
      <c r="DL15" s="183">
        <v>1</v>
      </c>
      <c r="DM15" s="184">
        <v>0</v>
      </c>
      <c r="DN15" s="184">
        <v>0</v>
      </c>
      <c r="DO15" s="184">
        <v>0</v>
      </c>
      <c r="DP15" s="182">
        <v>2</v>
      </c>
      <c r="DQ15" s="185">
        <v>3</v>
      </c>
      <c r="DR15" s="187">
        <v>3</v>
      </c>
      <c r="DS15" s="188">
        <v>0</v>
      </c>
      <c r="DT15" s="182">
        <v>0</v>
      </c>
      <c r="DU15" s="182">
        <v>0</v>
      </c>
      <c r="DV15" s="183">
        <v>63</v>
      </c>
      <c r="DW15" s="184">
        <v>103</v>
      </c>
      <c r="DX15" s="184">
        <v>322</v>
      </c>
      <c r="DY15" s="184">
        <v>510</v>
      </c>
      <c r="DZ15" s="182">
        <v>300</v>
      </c>
      <c r="EA15" s="185">
        <v>1298</v>
      </c>
      <c r="EB15" s="187">
        <v>1298</v>
      </c>
      <c r="EC15" s="32"/>
    </row>
    <row r="16" spans="2:133" ht="21" customHeight="1" x14ac:dyDescent="0.2">
      <c r="B16" s="472" t="s">
        <v>12</v>
      </c>
      <c r="C16" s="181">
        <v>0</v>
      </c>
      <c r="D16" s="182">
        <v>0</v>
      </c>
      <c r="E16" s="182">
        <v>0</v>
      </c>
      <c r="F16" s="183">
        <v>2</v>
      </c>
      <c r="G16" s="184">
        <v>17</v>
      </c>
      <c r="H16" s="184">
        <v>192</v>
      </c>
      <c r="I16" s="184">
        <v>318</v>
      </c>
      <c r="J16" s="182">
        <v>220</v>
      </c>
      <c r="K16" s="185">
        <v>749</v>
      </c>
      <c r="L16" s="186">
        <v>749</v>
      </c>
      <c r="M16" s="181">
        <v>0</v>
      </c>
      <c r="N16" s="182">
        <v>0</v>
      </c>
      <c r="O16" s="185">
        <v>0</v>
      </c>
      <c r="P16" s="183">
        <v>2</v>
      </c>
      <c r="Q16" s="184">
        <v>17</v>
      </c>
      <c r="R16" s="184">
        <v>192</v>
      </c>
      <c r="S16" s="184">
        <v>318</v>
      </c>
      <c r="T16" s="182">
        <v>217</v>
      </c>
      <c r="U16" s="185">
        <v>746</v>
      </c>
      <c r="V16" s="187">
        <v>746</v>
      </c>
      <c r="W16" s="188">
        <v>0</v>
      </c>
      <c r="X16" s="182">
        <v>0</v>
      </c>
      <c r="Y16" s="185">
        <v>0</v>
      </c>
      <c r="Z16" s="188">
        <v>0</v>
      </c>
      <c r="AA16" s="184">
        <v>0</v>
      </c>
      <c r="AB16" s="184">
        <v>0</v>
      </c>
      <c r="AC16" s="184">
        <v>0</v>
      </c>
      <c r="AD16" s="182">
        <v>3</v>
      </c>
      <c r="AE16" s="185">
        <v>3</v>
      </c>
      <c r="AF16" s="189">
        <v>3</v>
      </c>
      <c r="AG16" s="188">
        <v>0</v>
      </c>
      <c r="AH16" s="182">
        <v>0</v>
      </c>
      <c r="AI16" s="185">
        <v>0</v>
      </c>
      <c r="AJ16" s="188">
        <v>43</v>
      </c>
      <c r="AK16" s="184">
        <v>90</v>
      </c>
      <c r="AL16" s="184">
        <v>156</v>
      </c>
      <c r="AM16" s="184">
        <v>171</v>
      </c>
      <c r="AN16" s="182">
        <v>72</v>
      </c>
      <c r="AO16" s="185">
        <v>532</v>
      </c>
      <c r="AP16" s="189">
        <v>532</v>
      </c>
      <c r="AQ16" s="188">
        <v>0</v>
      </c>
      <c r="AR16" s="182">
        <v>0</v>
      </c>
      <c r="AS16" s="185">
        <v>0</v>
      </c>
      <c r="AT16" s="183">
        <v>42</v>
      </c>
      <c r="AU16" s="184">
        <v>90</v>
      </c>
      <c r="AV16" s="184">
        <v>154</v>
      </c>
      <c r="AW16" s="184">
        <v>169</v>
      </c>
      <c r="AX16" s="182">
        <v>70</v>
      </c>
      <c r="AY16" s="185">
        <v>525</v>
      </c>
      <c r="AZ16" s="186">
        <v>525</v>
      </c>
      <c r="BA16" s="181">
        <v>0</v>
      </c>
      <c r="BB16" s="182">
        <v>0</v>
      </c>
      <c r="BC16" s="182">
        <v>0</v>
      </c>
      <c r="BD16" s="183">
        <v>1</v>
      </c>
      <c r="BE16" s="184">
        <v>0</v>
      </c>
      <c r="BF16" s="184">
        <v>2</v>
      </c>
      <c r="BG16" s="184">
        <v>2</v>
      </c>
      <c r="BH16" s="182">
        <v>2</v>
      </c>
      <c r="BI16" s="185">
        <v>7</v>
      </c>
      <c r="BJ16" s="187">
        <v>7</v>
      </c>
      <c r="BK16" s="188">
        <v>0</v>
      </c>
      <c r="BL16" s="182">
        <v>0</v>
      </c>
      <c r="BM16" s="182">
        <v>0</v>
      </c>
      <c r="BN16" s="183">
        <v>0</v>
      </c>
      <c r="BO16" s="184">
        <v>0</v>
      </c>
      <c r="BP16" s="184">
        <v>0</v>
      </c>
      <c r="BQ16" s="184">
        <v>0</v>
      </c>
      <c r="BR16" s="182">
        <v>2</v>
      </c>
      <c r="BS16" s="185">
        <v>2</v>
      </c>
      <c r="BT16" s="186">
        <v>2</v>
      </c>
      <c r="BU16" s="181">
        <v>0</v>
      </c>
      <c r="BV16" s="182">
        <v>0</v>
      </c>
      <c r="BW16" s="182">
        <v>0</v>
      </c>
      <c r="BX16" s="183">
        <v>0</v>
      </c>
      <c r="BY16" s="184">
        <v>0</v>
      </c>
      <c r="BZ16" s="184">
        <v>0</v>
      </c>
      <c r="CA16" s="184">
        <v>0</v>
      </c>
      <c r="CB16" s="182">
        <v>2</v>
      </c>
      <c r="CC16" s="185">
        <v>2</v>
      </c>
      <c r="CD16" s="187">
        <v>2</v>
      </c>
      <c r="CE16" s="188">
        <v>0</v>
      </c>
      <c r="CF16" s="182">
        <v>0</v>
      </c>
      <c r="CG16" s="182">
        <v>0</v>
      </c>
      <c r="CH16" s="183">
        <v>0</v>
      </c>
      <c r="CI16" s="184">
        <v>0</v>
      </c>
      <c r="CJ16" s="184">
        <v>0</v>
      </c>
      <c r="CK16" s="184">
        <v>0</v>
      </c>
      <c r="CL16" s="182">
        <v>0</v>
      </c>
      <c r="CM16" s="185">
        <v>0</v>
      </c>
      <c r="CN16" s="187">
        <v>0</v>
      </c>
      <c r="CO16" s="188">
        <v>0</v>
      </c>
      <c r="CP16" s="182">
        <v>0</v>
      </c>
      <c r="CQ16" s="182">
        <v>0</v>
      </c>
      <c r="CR16" s="183">
        <v>0</v>
      </c>
      <c r="CS16" s="184">
        <v>2</v>
      </c>
      <c r="CT16" s="184">
        <v>2</v>
      </c>
      <c r="CU16" s="184">
        <v>13</v>
      </c>
      <c r="CV16" s="182">
        <v>9</v>
      </c>
      <c r="CW16" s="185">
        <v>26</v>
      </c>
      <c r="CX16" s="186">
        <v>26</v>
      </c>
      <c r="CY16" s="181">
        <v>0</v>
      </c>
      <c r="CZ16" s="182">
        <v>0</v>
      </c>
      <c r="DA16" s="182">
        <v>0</v>
      </c>
      <c r="DB16" s="183">
        <v>0</v>
      </c>
      <c r="DC16" s="184">
        <v>2</v>
      </c>
      <c r="DD16" s="184">
        <v>2</v>
      </c>
      <c r="DE16" s="184">
        <v>13</v>
      </c>
      <c r="DF16" s="182">
        <v>9</v>
      </c>
      <c r="DG16" s="185">
        <v>26</v>
      </c>
      <c r="DH16" s="187">
        <v>26</v>
      </c>
      <c r="DI16" s="188">
        <v>0</v>
      </c>
      <c r="DJ16" s="182">
        <v>0</v>
      </c>
      <c r="DK16" s="182">
        <v>0</v>
      </c>
      <c r="DL16" s="183">
        <v>0</v>
      </c>
      <c r="DM16" s="184">
        <v>0</v>
      </c>
      <c r="DN16" s="184">
        <v>0</v>
      </c>
      <c r="DO16" s="184">
        <v>0</v>
      </c>
      <c r="DP16" s="182">
        <v>0</v>
      </c>
      <c r="DQ16" s="185">
        <v>0</v>
      </c>
      <c r="DR16" s="187">
        <v>0</v>
      </c>
      <c r="DS16" s="188">
        <v>0</v>
      </c>
      <c r="DT16" s="182">
        <v>0</v>
      </c>
      <c r="DU16" s="182">
        <v>0</v>
      </c>
      <c r="DV16" s="183">
        <v>45</v>
      </c>
      <c r="DW16" s="184">
        <v>109</v>
      </c>
      <c r="DX16" s="184">
        <v>350</v>
      </c>
      <c r="DY16" s="184">
        <v>497</v>
      </c>
      <c r="DZ16" s="182">
        <v>303</v>
      </c>
      <c r="EA16" s="185">
        <v>1304</v>
      </c>
      <c r="EB16" s="187">
        <v>1304</v>
      </c>
      <c r="EC16" s="32"/>
    </row>
    <row r="17" spans="2:133" ht="21" customHeight="1" x14ac:dyDescent="0.2">
      <c r="B17" s="472" t="s">
        <v>13</v>
      </c>
      <c r="C17" s="181">
        <v>0</v>
      </c>
      <c r="D17" s="182">
        <v>0</v>
      </c>
      <c r="E17" s="182">
        <v>0</v>
      </c>
      <c r="F17" s="183">
        <v>1</v>
      </c>
      <c r="G17" s="184">
        <v>3</v>
      </c>
      <c r="H17" s="184">
        <v>61</v>
      </c>
      <c r="I17" s="184">
        <v>154</v>
      </c>
      <c r="J17" s="182">
        <v>119</v>
      </c>
      <c r="K17" s="185">
        <v>338</v>
      </c>
      <c r="L17" s="186">
        <v>338</v>
      </c>
      <c r="M17" s="181">
        <v>0</v>
      </c>
      <c r="N17" s="182">
        <v>0</v>
      </c>
      <c r="O17" s="185">
        <v>0</v>
      </c>
      <c r="P17" s="183">
        <v>1</v>
      </c>
      <c r="Q17" s="184">
        <v>3</v>
      </c>
      <c r="R17" s="184">
        <v>61</v>
      </c>
      <c r="S17" s="184">
        <v>154</v>
      </c>
      <c r="T17" s="182">
        <v>118</v>
      </c>
      <c r="U17" s="185">
        <v>337</v>
      </c>
      <c r="V17" s="187">
        <v>337</v>
      </c>
      <c r="W17" s="188">
        <v>0</v>
      </c>
      <c r="X17" s="182">
        <v>0</v>
      </c>
      <c r="Y17" s="185">
        <v>0</v>
      </c>
      <c r="Z17" s="188">
        <v>0</v>
      </c>
      <c r="AA17" s="184">
        <v>0</v>
      </c>
      <c r="AB17" s="184">
        <v>0</v>
      </c>
      <c r="AC17" s="184">
        <v>0</v>
      </c>
      <c r="AD17" s="182">
        <v>1</v>
      </c>
      <c r="AE17" s="185">
        <v>1</v>
      </c>
      <c r="AF17" s="189">
        <v>1</v>
      </c>
      <c r="AG17" s="188">
        <v>0</v>
      </c>
      <c r="AH17" s="182">
        <v>0</v>
      </c>
      <c r="AI17" s="185">
        <v>0</v>
      </c>
      <c r="AJ17" s="188">
        <v>10</v>
      </c>
      <c r="AK17" s="184">
        <v>29</v>
      </c>
      <c r="AL17" s="184">
        <v>39</v>
      </c>
      <c r="AM17" s="184">
        <v>31</v>
      </c>
      <c r="AN17" s="182">
        <v>23</v>
      </c>
      <c r="AO17" s="185">
        <v>132</v>
      </c>
      <c r="AP17" s="189">
        <v>132</v>
      </c>
      <c r="AQ17" s="188">
        <v>0</v>
      </c>
      <c r="AR17" s="182">
        <v>0</v>
      </c>
      <c r="AS17" s="185">
        <v>0</v>
      </c>
      <c r="AT17" s="183">
        <v>10</v>
      </c>
      <c r="AU17" s="184">
        <v>28</v>
      </c>
      <c r="AV17" s="184">
        <v>39</v>
      </c>
      <c r="AW17" s="184">
        <v>29</v>
      </c>
      <c r="AX17" s="182">
        <v>22</v>
      </c>
      <c r="AY17" s="185">
        <v>128</v>
      </c>
      <c r="AZ17" s="186">
        <v>128</v>
      </c>
      <c r="BA17" s="181">
        <v>0</v>
      </c>
      <c r="BB17" s="182">
        <v>0</v>
      </c>
      <c r="BC17" s="182">
        <v>0</v>
      </c>
      <c r="BD17" s="183">
        <v>0</v>
      </c>
      <c r="BE17" s="184">
        <v>1</v>
      </c>
      <c r="BF17" s="184">
        <v>0</v>
      </c>
      <c r="BG17" s="184">
        <v>2</v>
      </c>
      <c r="BH17" s="182">
        <v>1</v>
      </c>
      <c r="BI17" s="185">
        <v>4</v>
      </c>
      <c r="BJ17" s="187">
        <v>4</v>
      </c>
      <c r="BK17" s="188">
        <v>0</v>
      </c>
      <c r="BL17" s="182">
        <v>0</v>
      </c>
      <c r="BM17" s="182">
        <v>0</v>
      </c>
      <c r="BN17" s="183">
        <v>0</v>
      </c>
      <c r="BO17" s="184">
        <v>0</v>
      </c>
      <c r="BP17" s="184">
        <v>0</v>
      </c>
      <c r="BQ17" s="184">
        <v>0</v>
      </c>
      <c r="BR17" s="182">
        <v>0</v>
      </c>
      <c r="BS17" s="185">
        <v>0</v>
      </c>
      <c r="BT17" s="186">
        <v>0</v>
      </c>
      <c r="BU17" s="181">
        <v>0</v>
      </c>
      <c r="BV17" s="182">
        <v>0</v>
      </c>
      <c r="BW17" s="182">
        <v>0</v>
      </c>
      <c r="BX17" s="183">
        <v>0</v>
      </c>
      <c r="BY17" s="184">
        <v>0</v>
      </c>
      <c r="BZ17" s="184">
        <v>0</v>
      </c>
      <c r="CA17" s="184">
        <v>0</v>
      </c>
      <c r="CB17" s="182">
        <v>0</v>
      </c>
      <c r="CC17" s="185">
        <v>0</v>
      </c>
      <c r="CD17" s="187">
        <v>0</v>
      </c>
      <c r="CE17" s="188">
        <v>0</v>
      </c>
      <c r="CF17" s="182">
        <v>0</v>
      </c>
      <c r="CG17" s="182">
        <v>0</v>
      </c>
      <c r="CH17" s="183">
        <v>0</v>
      </c>
      <c r="CI17" s="184">
        <v>0</v>
      </c>
      <c r="CJ17" s="184">
        <v>0</v>
      </c>
      <c r="CK17" s="184">
        <v>0</v>
      </c>
      <c r="CL17" s="182">
        <v>0</v>
      </c>
      <c r="CM17" s="185">
        <v>0</v>
      </c>
      <c r="CN17" s="187">
        <v>0</v>
      </c>
      <c r="CO17" s="188">
        <v>0</v>
      </c>
      <c r="CP17" s="182">
        <v>0</v>
      </c>
      <c r="CQ17" s="182">
        <v>0</v>
      </c>
      <c r="CR17" s="183">
        <v>0</v>
      </c>
      <c r="CS17" s="184">
        <v>0</v>
      </c>
      <c r="CT17" s="184">
        <v>0</v>
      </c>
      <c r="CU17" s="184">
        <v>0</v>
      </c>
      <c r="CV17" s="182">
        <v>1</v>
      </c>
      <c r="CW17" s="185">
        <v>1</v>
      </c>
      <c r="CX17" s="186">
        <v>1</v>
      </c>
      <c r="CY17" s="181">
        <v>0</v>
      </c>
      <c r="CZ17" s="182">
        <v>0</v>
      </c>
      <c r="DA17" s="182">
        <v>0</v>
      </c>
      <c r="DB17" s="183">
        <v>0</v>
      </c>
      <c r="DC17" s="184">
        <v>0</v>
      </c>
      <c r="DD17" s="184">
        <v>0</v>
      </c>
      <c r="DE17" s="184">
        <v>0</v>
      </c>
      <c r="DF17" s="182">
        <v>1</v>
      </c>
      <c r="DG17" s="185">
        <v>1</v>
      </c>
      <c r="DH17" s="187">
        <v>1</v>
      </c>
      <c r="DI17" s="188">
        <v>0</v>
      </c>
      <c r="DJ17" s="182">
        <v>0</v>
      </c>
      <c r="DK17" s="182">
        <v>0</v>
      </c>
      <c r="DL17" s="183">
        <v>0</v>
      </c>
      <c r="DM17" s="184">
        <v>0</v>
      </c>
      <c r="DN17" s="184">
        <v>0</v>
      </c>
      <c r="DO17" s="184">
        <v>0</v>
      </c>
      <c r="DP17" s="182">
        <v>0</v>
      </c>
      <c r="DQ17" s="185">
        <v>0</v>
      </c>
      <c r="DR17" s="187">
        <v>0</v>
      </c>
      <c r="DS17" s="188">
        <v>0</v>
      </c>
      <c r="DT17" s="182">
        <v>0</v>
      </c>
      <c r="DU17" s="182">
        <v>0</v>
      </c>
      <c r="DV17" s="183">
        <v>11</v>
      </c>
      <c r="DW17" s="184">
        <v>32</v>
      </c>
      <c r="DX17" s="184">
        <v>100</v>
      </c>
      <c r="DY17" s="184">
        <v>185</v>
      </c>
      <c r="DZ17" s="182">
        <v>143</v>
      </c>
      <c r="EA17" s="185">
        <v>471</v>
      </c>
      <c r="EB17" s="187">
        <v>471</v>
      </c>
      <c r="EC17" s="32"/>
    </row>
    <row r="18" spans="2:133" ht="21" customHeight="1" x14ac:dyDescent="0.2">
      <c r="B18" s="472" t="s">
        <v>15</v>
      </c>
      <c r="C18" s="181">
        <v>0</v>
      </c>
      <c r="D18" s="182">
        <v>0</v>
      </c>
      <c r="E18" s="182">
        <v>0</v>
      </c>
      <c r="F18" s="183">
        <v>1</v>
      </c>
      <c r="G18" s="184">
        <v>0</v>
      </c>
      <c r="H18" s="184">
        <v>81</v>
      </c>
      <c r="I18" s="184">
        <v>143</v>
      </c>
      <c r="J18" s="182">
        <v>84</v>
      </c>
      <c r="K18" s="185">
        <v>309</v>
      </c>
      <c r="L18" s="186">
        <v>309</v>
      </c>
      <c r="M18" s="181">
        <v>0</v>
      </c>
      <c r="N18" s="182">
        <v>0</v>
      </c>
      <c r="O18" s="185">
        <v>0</v>
      </c>
      <c r="P18" s="183">
        <v>1</v>
      </c>
      <c r="Q18" s="184">
        <v>0</v>
      </c>
      <c r="R18" s="184">
        <v>81</v>
      </c>
      <c r="S18" s="184">
        <v>141</v>
      </c>
      <c r="T18" s="182">
        <v>83</v>
      </c>
      <c r="U18" s="185">
        <v>306</v>
      </c>
      <c r="V18" s="187">
        <v>306</v>
      </c>
      <c r="W18" s="188">
        <v>0</v>
      </c>
      <c r="X18" s="182">
        <v>0</v>
      </c>
      <c r="Y18" s="185">
        <v>0</v>
      </c>
      <c r="Z18" s="188">
        <v>0</v>
      </c>
      <c r="AA18" s="184">
        <v>0</v>
      </c>
      <c r="AB18" s="184">
        <v>0</v>
      </c>
      <c r="AC18" s="184">
        <v>2</v>
      </c>
      <c r="AD18" s="182">
        <v>1</v>
      </c>
      <c r="AE18" s="185">
        <v>3</v>
      </c>
      <c r="AF18" s="189">
        <v>3</v>
      </c>
      <c r="AG18" s="188">
        <v>0</v>
      </c>
      <c r="AH18" s="182">
        <v>0</v>
      </c>
      <c r="AI18" s="185">
        <v>0</v>
      </c>
      <c r="AJ18" s="188">
        <v>16</v>
      </c>
      <c r="AK18" s="184">
        <v>35</v>
      </c>
      <c r="AL18" s="184">
        <v>44</v>
      </c>
      <c r="AM18" s="184">
        <v>57</v>
      </c>
      <c r="AN18" s="182">
        <v>23</v>
      </c>
      <c r="AO18" s="185">
        <v>175</v>
      </c>
      <c r="AP18" s="189">
        <v>175</v>
      </c>
      <c r="AQ18" s="188">
        <v>0</v>
      </c>
      <c r="AR18" s="182">
        <v>0</v>
      </c>
      <c r="AS18" s="185">
        <v>0</v>
      </c>
      <c r="AT18" s="183">
        <v>15</v>
      </c>
      <c r="AU18" s="184">
        <v>35</v>
      </c>
      <c r="AV18" s="184">
        <v>44</v>
      </c>
      <c r="AW18" s="184">
        <v>56</v>
      </c>
      <c r="AX18" s="182">
        <v>22</v>
      </c>
      <c r="AY18" s="185">
        <v>172</v>
      </c>
      <c r="AZ18" s="186">
        <v>172</v>
      </c>
      <c r="BA18" s="181">
        <v>0</v>
      </c>
      <c r="BB18" s="182">
        <v>0</v>
      </c>
      <c r="BC18" s="182">
        <v>0</v>
      </c>
      <c r="BD18" s="183">
        <v>1</v>
      </c>
      <c r="BE18" s="184">
        <v>0</v>
      </c>
      <c r="BF18" s="184">
        <v>0</v>
      </c>
      <c r="BG18" s="184">
        <v>1</v>
      </c>
      <c r="BH18" s="182">
        <v>1</v>
      </c>
      <c r="BI18" s="185">
        <v>3</v>
      </c>
      <c r="BJ18" s="187">
        <v>3</v>
      </c>
      <c r="BK18" s="188">
        <v>0</v>
      </c>
      <c r="BL18" s="182">
        <v>0</v>
      </c>
      <c r="BM18" s="182">
        <v>0</v>
      </c>
      <c r="BN18" s="183">
        <v>0</v>
      </c>
      <c r="BO18" s="184">
        <v>0</v>
      </c>
      <c r="BP18" s="184">
        <v>0</v>
      </c>
      <c r="BQ18" s="184">
        <v>0</v>
      </c>
      <c r="BR18" s="182">
        <v>0</v>
      </c>
      <c r="BS18" s="185">
        <v>0</v>
      </c>
      <c r="BT18" s="186">
        <v>0</v>
      </c>
      <c r="BU18" s="181">
        <v>0</v>
      </c>
      <c r="BV18" s="182">
        <v>0</v>
      </c>
      <c r="BW18" s="182">
        <v>0</v>
      </c>
      <c r="BX18" s="183">
        <v>0</v>
      </c>
      <c r="BY18" s="184">
        <v>0</v>
      </c>
      <c r="BZ18" s="184">
        <v>0</v>
      </c>
      <c r="CA18" s="184">
        <v>0</v>
      </c>
      <c r="CB18" s="182">
        <v>0</v>
      </c>
      <c r="CC18" s="185">
        <v>0</v>
      </c>
      <c r="CD18" s="187">
        <v>0</v>
      </c>
      <c r="CE18" s="188">
        <v>0</v>
      </c>
      <c r="CF18" s="182">
        <v>0</v>
      </c>
      <c r="CG18" s="182">
        <v>0</v>
      </c>
      <c r="CH18" s="183">
        <v>0</v>
      </c>
      <c r="CI18" s="184">
        <v>0</v>
      </c>
      <c r="CJ18" s="184">
        <v>0</v>
      </c>
      <c r="CK18" s="184">
        <v>0</v>
      </c>
      <c r="CL18" s="182">
        <v>0</v>
      </c>
      <c r="CM18" s="185">
        <v>0</v>
      </c>
      <c r="CN18" s="187">
        <v>0</v>
      </c>
      <c r="CO18" s="188">
        <v>0</v>
      </c>
      <c r="CP18" s="182">
        <v>0</v>
      </c>
      <c r="CQ18" s="182">
        <v>0</v>
      </c>
      <c r="CR18" s="183">
        <v>0</v>
      </c>
      <c r="CS18" s="184">
        <v>0</v>
      </c>
      <c r="CT18" s="184">
        <v>0</v>
      </c>
      <c r="CU18" s="184">
        <v>0</v>
      </c>
      <c r="CV18" s="182">
        <v>0</v>
      </c>
      <c r="CW18" s="185">
        <v>0</v>
      </c>
      <c r="CX18" s="186">
        <v>0</v>
      </c>
      <c r="CY18" s="181">
        <v>0</v>
      </c>
      <c r="CZ18" s="182">
        <v>0</v>
      </c>
      <c r="DA18" s="182">
        <v>0</v>
      </c>
      <c r="DB18" s="183">
        <v>0</v>
      </c>
      <c r="DC18" s="184">
        <v>0</v>
      </c>
      <c r="DD18" s="184">
        <v>0</v>
      </c>
      <c r="DE18" s="184">
        <v>0</v>
      </c>
      <c r="DF18" s="182">
        <v>0</v>
      </c>
      <c r="DG18" s="185">
        <v>0</v>
      </c>
      <c r="DH18" s="187">
        <v>0</v>
      </c>
      <c r="DI18" s="188">
        <v>0</v>
      </c>
      <c r="DJ18" s="182">
        <v>0</v>
      </c>
      <c r="DK18" s="182">
        <v>0</v>
      </c>
      <c r="DL18" s="183">
        <v>0</v>
      </c>
      <c r="DM18" s="184">
        <v>0</v>
      </c>
      <c r="DN18" s="184">
        <v>0</v>
      </c>
      <c r="DO18" s="184">
        <v>0</v>
      </c>
      <c r="DP18" s="182">
        <v>0</v>
      </c>
      <c r="DQ18" s="185">
        <v>0</v>
      </c>
      <c r="DR18" s="187">
        <v>0</v>
      </c>
      <c r="DS18" s="188">
        <v>0</v>
      </c>
      <c r="DT18" s="182">
        <v>0</v>
      </c>
      <c r="DU18" s="182">
        <v>0</v>
      </c>
      <c r="DV18" s="183">
        <v>17</v>
      </c>
      <c r="DW18" s="184">
        <v>35</v>
      </c>
      <c r="DX18" s="184">
        <v>125</v>
      </c>
      <c r="DY18" s="184">
        <v>199</v>
      </c>
      <c r="DZ18" s="182">
        <v>106</v>
      </c>
      <c r="EA18" s="185">
        <v>482</v>
      </c>
      <c r="EB18" s="187">
        <v>482</v>
      </c>
      <c r="EC18" s="32"/>
    </row>
    <row r="19" spans="2:133" ht="21" customHeight="1" x14ac:dyDescent="0.2">
      <c r="B19" s="472" t="s">
        <v>16</v>
      </c>
      <c r="C19" s="181">
        <v>0</v>
      </c>
      <c r="D19" s="182">
        <v>0</v>
      </c>
      <c r="E19" s="182">
        <v>0</v>
      </c>
      <c r="F19" s="183">
        <v>6</v>
      </c>
      <c r="G19" s="184">
        <v>17</v>
      </c>
      <c r="H19" s="184">
        <v>199</v>
      </c>
      <c r="I19" s="184">
        <v>304</v>
      </c>
      <c r="J19" s="182">
        <v>198</v>
      </c>
      <c r="K19" s="185">
        <v>724</v>
      </c>
      <c r="L19" s="186">
        <v>724</v>
      </c>
      <c r="M19" s="181">
        <v>0</v>
      </c>
      <c r="N19" s="182">
        <v>0</v>
      </c>
      <c r="O19" s="185">
        <v>0</v>
      </c>
      <c r="P19" s="183">
        <v>6</v>
      </c>
      <c r="Q19" s="184">
        <v>16</v>
      </c>
      <c r="R19" s="184">
        <v>199</v>
      </c>
      <c r="S19" s="184">
        <v>303</v>
      </c>
      <c r="T19" s="182">
        <v>195</v>
      </c>
      <c r="U19" s="185">
        <v>719</v>
      </c>
      <c r="V19" s="187">
        <v>719</v>
      </c>
      <c r="W19" s="188">
        <v>0</v>
      </c>
      <c r="X19" s="182">
        <v>0</v>
      </c>
      <c r="Y19" s="185">
        <v>0</v>
      </c>
      <c r="Z19" s="188">
        <v>0</v>
      </c>
      <c r="AA19" s="184">
        <v>1</v>
      </c>
      <c r="AB19" s="184">
        <v>0</v>
      </c>
      <c r="AC19" s="184">
        <v>1</v>
      </c>
      <c r="AD19" s="182">
        <v>3</v>
      </c>
      <c r="AE19" s="185">
        <v>5</v>
      </c>
      <c r="AF19" s="189">
        <v>5</v>
      </c>
      <c r="AG19" s="188">
        <v>0</v>
      </c>
      <c r="AH19" s="182">
        <v>0</v>
      </c>
      <c r="AI19" s="185">
        <v>0</v>
      </c>
      <c r="AJ19" s="188">
        <v>44</v>
      </c>
      <c r="AK19" s="184">
        <v>93</v>
      </c>
      <c r="AL19" s="184">
        <v>145</v>
      </c>
      <c r="AM19" s="184">
        <v>135</v>
      </c>
      <c r="AN19" s="182">
        <v>71</v>
      </c>
      <c r="AO19" s="185">
        <v>488</v>
      </c>
      <c r="AP19" s="189">
        <v>488</v>
      </c>
      <c r="AQ19" s="188">
        <v>0</v>
      </c>
      <c r="AR19" s="182">
        <v>0</v>
      </c>
      <c r="AS19" s="185">
        <v>0</v>
      </c>
      <c r="AT19" s="183">
        <v>44</v>
      </c>
      <c r="AU19" s="184">
        <v>93</v>
      </c>
      <c r="AV19" s="184">
        <v>143</v>
      </c>
      <c r="AW19" s="184">
        <v>135</v>
      </c>
      <c r="AX19" s="182">
        <v>70</v>
      </c>
      <c r="AY19" s="185">
        <v>485</v>
      </c>
      <c r="AZ19" s="186">
        <v>485</v>
      </c>
      <c r="BA19" s="181">
        <v>0</v>
      </c>
      <c r="BB19" s="182">
        <v>0</v>
      </c>
      <c r="BC19" s="182">
        <v>0</v>
      </c>
      <c r="BD19" s="183">
        <v>0</v>
      </c>
      <c r="BE19" s="184">
        <v>0</v>
      </c>
      <c r="BF19" s="184">
        <v>2</v>
      </c>
      <c r="BG19" s="184">
        <v>0</v>
      </c>
      <c r="BH19" s="182">
        <v>1</v>
      </c>
      <c r="BI19" s="185">
        <v>3</v>
      </c>
      <c r="BJ19" s="187">
        <v>3</v>
      </c>
      <c r="BK19" s="188">
        <v>0</v>
      </c>
      <c r="BL19" s="182">
        <v>0</v>
      </c>
      <c r="BM19" s="182">
        <v>0</v>
      </c>
      <c r="BN19" s="183">
        <v>0</v>
      </c>
      <c r="BO19" s="184">
        <v>0</v>
      </c>
      <c r="BP19" s="184">
        <v>0</v>
      </c>
      <c r="BQ19" s="184">
        <v>1</v>
      </c>
      <c r="BR19" s="182">
        <v>0</v>
      </c>
      <c r="BS19" s="185">
        <v>1</v>
      </c>
      <c r="BT19" s="186">
        <v>1</v>
      </c>
      <c r="BU19" s="181">
        <v>0</v>
      </c>
      <c r="BV19" s="182">
        <v>0</v>
      </c>
      <c r="BW19" s="182">
        <v>0</v>
      </c>
      <c r="BX19" s="183">
        <v>0</v>
      </c>
      <c r="BY19" s="184">
        <v>0</v>
      </c>
      <c r="BZ19" s="184">
        <v>0</v>
      </c>
      <c r="CA19" s="184">
        <v>1</v>
      </c>
      <c r="CB19" s="182">
        <v>0</v>
      </c>
      <c r="CC19" s="185">
        <v>1</v>
      </c>
      <c r="CD19" s="187">
        <v>1</v>
      </c>
      <c r="CE19" s="188">
        <v>0</v>
      </c>
      <c r="CF19" s="182">
        <v>0</v>
      </c>
      <c r="CG19" s="182">
        <v>0</v>
      </c>
      <c r="CH19" s="183">
        <v>0</v>
      </c>
      <c r="CI19" s="184">
        <v>0</v>
      </c>
      <c r="CJ19" s="184">
        <v>0</v>
      </c>
      <c r="CK19" s="184">
        <v>0</v>
      </c>
      <c r="CL19" s="182">
        <v>0</v>
      </c>
      <c r="CM19" s="185">
        <v>0</v>
      </c>
      <c r="CN19" s="187">
        <v>0</v>
      </c>
      <c r="CO19" s="188">
        <v>0</v>
      </c>
      <c r="CP19" s="182">
        <v>0</v>
      </c>
      <c r="CQ19" s="182">
        <v>0</v>
      </c>
      <c r="CR19" s="183">
        <v>0</v>
      </c>
      <c r="CS19" s="184">
        <v>0</v>
      </c>
      <c r="CT19" s="184">
        <v>2</v>
      </c>
      <c r="CU19" s="184">
        <v>11</v>
      </c>
      <c r="CV19" s="182">
        <v>19</v>
      </c>
      <c r="CW19" s="185">
        <v>32</v>
      </c>
      <c r="CX19" s="186">
        <v>32</v>
      </c>
      <c r="CY19" s="181">
        <v>0</v>
      </c>
      <c r="CZ19" s="182">
        <v>0</v>
      </c>
      <c r="DA19" s="182">
        <v>0</v>
      </c>
      <c r="DB19" s="183">
        <v>0</v>
      </c>
      <c r="DC19" s="184">
        <v>0</v>
      </c>
      <c r="DD19" s="184">
        <v>2</v>
      </c>
      <c r="DE19" s="184">
        <v>11</v>
      </c>
      <c r="DF19" s="182">
        <v>19</v>
      </c>
      <c r="DG19" s="185">
        <v>32</v>
      </c>
      <c r="DH19" s="187">
        <v>32</v>
      </c>
      <c r="DI19" s="188">
        <v>0</v>
      </c>
      <c r="DJ19" s="182">
        <v>0</v>
      </c>
      <c r="DK19" s="182">
        <v>0</v>
      </c>
      <c r="DL19" s="183">
        <v>0</v>
      </c>
      <c r="DM19" s="184">
        <v>0</v>
      </c>
      <c r="DN19" s="184">
        <v>0</v>
      </c>
      <c r="DO19" s="184">
        <v>0</v>
      </c>
      <c r="DP19" s="182">
        <v>0</v>
      </c>
      <c r="DQ19" s="185">
        <v>0</v>
      </c>
      <c r="DR19" s="187">
        <v>0</v>
      </c>
      <c r="DS19" s="188">
        <v>0</v>
      </c>
      <c r="DT19" s="182">
        <v>0</v>
      </c>
      <c r="DU19" s="182">
        <v>0</v>
      </c>
      <c r="DV19" s="183">
        <v>50</v>
      </c>
      <c r="DW19" s="184">
        <v>110</v>
      </c>
      <c r="DX19" s="184">
        <v>343</v>
      </c>
      <c r="DY19" s="184">
        <v>446</v>
      </c>
      <c r="DZ19" s="182">
        <v>288</v>
      </c>
      <c r="EA19" s="185">
        <v>1237</v>
      </c>
      <c r="EB19" s="187">
        <v>1237</v>
      </c>
      <c r="EC19" s="32"/>
    </row>
    <row r="20" spans="2:133" ht="21" customHeight="1" x14ac:dyDescent="0.2">
      <c r="B20" s="472" t="s">
        <v>17</v>
      </c>
      <c r="C20" s="181">
        <v>0</v>
      </c>
      <c r="D20" s="182">
        <v>0</v>
      </c>
      <c r="E20" s="182">
        <v>0</v>
      </c>
      <c r="F20" s="183">
        <v>4</v>
      </c>
      <c r="G20" s="184">
        <v>16</v>
      </c>
      <c r="H20" s="184">
        <v>203</v>
      </c>
      <c r="I20" s="184">
        <v>294</v>
      </c>
      <c r="J20" s="182">
        <v>235</v>
      </c>
      <c r="K20" s="185">
        <v>752</v>
      </c>
      <c r="L20" s="186">
        <v>752</v>
      </c>
      <c r="M20" s="181">
        <v>0</v>
      </c>
      <c r="N20" s="182">
        <v>0</v>
      </c>
      <c r="O20" s="185">
        <v>0</v>
      </c>
      <c r="P20" s="183">
        <v>4</v>
      </c>
      <c r="Q20" s="184">
        <v>16</v>
      </c>
      <c r="R20" s="184">
        <v>203</v>
      </c>
      <c r="S20" s="184">
        <v>292</v>
      </c>
      <c r="T20" s="182">
        <v>232</v>
      </c>
      <c r="U20" s="185">
        <v>747</v>
      </c>
      <c r="V20" s="187">
        <v>747</v>
      </c>
      <c r="W20" s="188">
        <v>0</v>
      </c>
      <c r="X20" s="182">
        <v>0</v>
      </c>
      <c r="Y20" s="185">
        <v>0</v>
      </c>
      <c r="Z20" s="188">
        <v>0</v>
      </c>
      <c r="AA20" s="184">
        <v>0</v>
      </c>
      <c r="AB20" s="184">
        <v>0</v>
      </c>
      <c r="AC20" s="184">
        <v>2</v>
      </c>
      <c r="AD20" s="182">
        <v>3</v>
      </c>
      <c r="AE20" s="185">
        <v>5</v>
      </c>
      <c r="AF20" s="189">
        <v>5</v>
      </c>
      <c r="AG20" s="188">
        <v>0</v>
      </c>
      <c r="AH20" s="182">
        <v>0</v>
      </c>
      <c r="AI20" s="185">
        <v>0</v>
      </c>
      <c r="AJ20" s="188">
        <v>37</v>
      </c>
      <c r="AK20" s="184">
        <v>119</v>
      </c>
      <c r="AL20" s="184">
        <v>148</v>
      </c>
      <c r="AM20" s="184">
        <v>126</v>
      </c>
      <c r="AN20" s="182">
        <v>81</v>
      </c>
      <c r="AO20" s="185">
        <v>511</v>
      </c>
      <c r="AP20" s="189">
        <v>511</v>
      </c>
      <c r="AQ20" s="188">
        <v>0</v>
      </c>
      <c r="AR20" s="182">
        <v>0</v>
      </c>
      <c r="AS20" s="185">
        <v>0</v>
      </c>
      <c r="AT20" s="183">
        <v>35</v>
      </c>
      <c r="AU20" s="184">
        <v>117</v>
      </c>
      <c r="AV20" s="184">
        <v>145</v>
      </c>
      <c r="AW20" s="184">
        <v>125</v>
      </c>
      <c r="AX20" s="182">
        <v>78</v>
      </c>
      <c r="AY20" s="185">
        <v>500</v>
      </c>
      <c r="AZ20" s="186">
        <v>500</v>
      </c>
      <c r="BA20" s="181">
        <v>0</v>
      </c>
      <c r="BB20" s="182">
        <v>0</v>
      </c>
      <c r="BC20" s="182">
        <v>0</v>
      </c>
      <c r="BD20" s="183">
        <v>2</v>
      </c>
      <c r="BE20" s="184">
        <v>2</v>
      </c>
      <c r="BF20" s="184">
        <v>3</v>
      </c>
      <c r="BG20" s="184">
        <v>1</v>
      </c>
      <c r="BH20" s="182">
        <v>3</v>
      </c>
      <c r="BI20" s="185">
        <v>11</v>
      </c>
      <c r="BJ20" s="187">
        <v>11</v>
      </c>
      <c r="BK20" s="188">
        <v>0</v>
      </c>
      <c r="BL20" s="182">
        <v>0</v>
      </c>
      <c r="BM20" s="182">
        <v>0</v>
      </c>
      <c r="BN20" s="183">
        <v>0</v>
      </c>
      <c r="BO20" s="184">
        <v>0</v>
      </c>
      <c r="BP20" s="184">
        <v>0</v>
      </c>
      <c r="BQ20" s="184">
        <v>1</v>
      </c>
      <c r="BR20" s="182">
        <v>4</v>
      </c>
      <c r="BS20" s="185">
        <v>5</v>
      </c>
      <c r="BT20" s="186">
        <v>5</v>
      </c>
      <c r="BU20" s="181">
        <v>0</v>
      </c>
      <c r="BV20" s="182">
        <v>0</v>
      </c>
      <c r="BW20" s="182">
        <v>0</v>
      </c>
      <c r="BX20" s="183">
        <v>0</v>
      </c>
      <c r="BY20" s="184">
        <v>0</v>
      </c>
      <c r="BZ20" s="184">
        <v>0</v>
      </c>
      <c r="CA20" s="184">
        <v>1</v>
      </c>
      <c r="CB20" s="182">
        <v>4</v>
      </c>
      <c r="CC20" s="185">
        <v>5</v>
      </c>
      <c r="CD20" s="187">
        <v>5</v>
      </c>
      <c r="CE20" s="188">
        <v>0</v>
      </c>
      <c r="CF20" s="182">
        <v>0</v>
      </c>
      <c r="CG20" s="182">
        <v>0</v>
      </c>
      <c r="CH20" s="183">
        <v>0</v>
      </c>
      <c r="CI20" s="184">
        <v>0</v>
      </c>
      <c r="CJ20" s="184">
        <v>0</v>
      </c>
      <c r="CK20" s="184">
        <v>0</v>
      </c>
      <c r="CL20" s="182">
        <v>0</v>
      </c>
      <c r="CM20" s="185">
        <v>0</v>
      </c>
      <c r="CN20" s="187">
        <v>0</v>
      </c>
      <c r="CO20" s="188">
        <v>0</v>
      </c>
      <c r="CP20" s="182">
        <v>0</v>
      </c>
      <c r="CQ20" s="182">
        <v>0</v>
      </c>
      <c r="CR20" s="183">
        <v>0</v>
      </c>
      <c r="CS20" s="184">
        <v>0</v>
      </c>
      <c r="CT20" s="184">
        <v>1</v>
      </c>
      <c r="CU20" s="184">
        <v>3</v>
      </c>
      <c r="CV20" s="182">
        <v>12</v>
      </c>
      <c r="CW20" s="185">
        <v>16</v>
      </c>
      <c r="CX20" s="186">
        <v>16</v>
      </c>
      <c r="CY20" s="181">
        <v>0</v>
      </c>
      <c r="CZ20" s="182">
        <v>0</v>
      </c>
      <c r="DA20" s="182">
        <v>0</v>
      </c>
      <c r="DB20" s="183">
        <v>0</v>
      </c>
      <c r="DC20" s="184">
        <v>0</v>
      </c>
      <c r="DD20" s="184">
        <v>1</v>
      </c>
      <c r="DE20" s="184">
        <v>3</v>
      </c>
      <c r="DF20" s="182">
        <v>11</v>
      </c>
      <c r="DG20" s="185">
        <v>15</v>
      </c>
      <c r="DH20" s="187">
        <v>15</v>
      </c>
      <c r="DI20" s="188">
        <v>0</v>
      </c>
      <c r="DJ20" s="182">
        <v>0</v>
      </c>
      <c r="DK20" s="182">
        <v>0</v>
      </c>
      <c r="DL20" s="183">
        <v>0</v>
      </c>
      <c r="DM20" s="184">
        <v>0</v>
      </c>
      <c r="DN20" s="184">
        <v>0</v>
      </c>
      <c r="DO20" s="184">
        <v>0</v>
      </c>
      <c r="DP20" s="182">
        <v>1</v>
      </c>
      <c r="DQ20" s="185">
        <v>1</v>
      </c>
      <c r="DR20" s="187">
        <v>1</v>
      </c>
      <c r="DS20" s="188">
        <v>0</v>
      </c>
      <c r="DT20" s="182">
        <v>0</v>
      </c>
      <c r="DU20" s="182">
        <v>0</v>
      </c>
      <c r="DV20" s="183">
        <v>41</v>
      </c>
      <c r="DW20" s="184">
        <v>135</v>
      </c>
      <c r="DX20" s="184">
        <v>352</v>
      </c>
      <c r="DY20" s="184">
        <v>424</v>
      </c>
      <c r="DZ20" s="182">
        <v>332</v>
      </c>
      <c r="EA20" s="185">
        <v>1284</v>
      </c>
      <c r="EB20" s="187">
        <v>1284</v>
      </c>
      <c r="EC20" s="32"/>
    </row>
    <row r="21" spans="2:133" ht="21" customHeight="1" x14ac:dyDescent="0.2">
      <c r="B21" s="472" t="s">
        <v>18</v>
      </c>
      <c r="C21" s="181">
        <v>0</v>
      </c>
      <c r="D21" s="182">
        <v>0</v>
      </c>
      <c r="E21" s="182">
        <v>0</v>
      </c>
      <c r="F21" s="183">
        <v>6</v>
      </c>
      <c r="G21" s="184">
        <v>10</v>
      </c>
      <c r="H21" s="184">
        <v>175</v>
      </c>
      <c r="I21" s="184">
        <v>419</v>
      </c>
      <c r="J21" s="182">
        <v>248</v>
      </c>
      <c r="K21" s="185">
        <v>858</v>
      </c>
      <c r="L21" s="186">
        <v>858</v>
      </c>
      <c r="M21" s="181">
        <v>0</v>
      </c>
      <c r="N21" s="182">
        <v>0</v>
      </c>
      <c r="O21" s="185">
        <v>0</v>
      </c>
      <c r="P21" s="183">
        <v>6</v>
      </c>
      <c r="Q21" s="184">
        <v>10</v>
      </c>
      <c r="R21" s="184">
        <v>172</v>
      </c>
      <c r="S21" s="184">
        <v>414</v>
      </c>
      <c r="T21" s="182">
        <v>245</v>
      </c>
      <c r="U21" s="185">
        <v>847</v>
      </c>
      <c r="V21" s="187">
        <v>847</v>
      </c>
      <c r="W21" s="188">
        <v>0</v>
      </c>
      <c r="X21" s="182">
        <v>0</v>
      </c>
      <c r="Y21" s="185">
        <v>0</v>
      </c>
      <c r="Z21" s="188">
        <v>0</v>
      </c>
      <c r="AA21" s="184">
        <v>0</v>
      </c>
      <c r="AB21" s="184">
        <v>3</v>
      </c>
      <c r="AC21" s="184">
        <v>5</v>
      </c>
      <c r="AD21" s="182">
        <v>3</v>
      </c>
      <c r="AE21" s="185">
        <v>11</v>
      </c>
      <c r="AF21" s="189">
        <v>11</v>
      </c>
      <c r="AG21" s="188">
        <v>0</v>
      </c>
      <c r="AH21" s="182">
        <v>0</v>
      </c>
      <c r="AI21" s="185">
        <v>0</v>
      </c>
      <c r="AJ21" s="188">
        <v>25</v>
      </c>
      <c r="AK21" s="184">
        <v>82</v>
      </c>
      <c r="AL21" s="184">
        <v>104</v>
      </c>
      <c r="AM21" s="184">
        <v>126</v>
      </c>
      <c r="AN21" s="182">
        <v>74</v>
      </c>
      <c r="AO21" s="185">
        <v>411</v>
      </c>
      <c r="AP21" s="189">
        <v>411</v>
      </c>
      <c r="AQ21" s="188">
        <v>0</v>
      </c>
      <c r="AR21" s="182">
        <v>0</v>
      </c>
      <c r="AS21" s="185">
        <v>0</v>
      </c>
      <c r="AT21" s="183">
        <v>25</v>
      </c>
      <c r="AU21" s="184">
        <v>79</v>
      </c>
      <c r="AV21" s="184">
        <v>101</v>
      </c>
      <c r="AW21" s="184">
        <v>125</v>
      </c>
      <c r="AX21" s="182">
        <v>70</v>
      </c>
      <c r="AY21" s="185">
        <v>400</v>
      </c>
      <c r="AZ21" s="186">
        <v>400</v>
      </c>
      <c r="BA21" s="181">
        <v>0</v>
      </c>
      <c r="BB21" s="182">
        <v>0</v>
      </c>
      <c r="BC21" s="182">
        <v>0</v>
      </c>
      <c r="BD21" s="183">
        <v>0</v>
      </c>
      <c r="BE21" s="184">
        <v>3</v>
      </c>
      <c r="BF21" s="184">
        <v>3</v>
      </c>
      <c r="BG21" s="184">
        <v>1</v>
      </c>
      <c r="BH21" s="182">
        <v>4</v>
      </c>
      <c r="BI21" s="185">
        <v>11</v>
      </c>
      <c r="BJ21" s="187">
        <v>11</v>
      </c>
      <c r="BK21" s="188">
        <v>0</v>
      </c>
      <c r="BL21" s="182">
        <v>0</v>
      </c>
      <c r="BM21" s="182">
        <v>0</v>
      </c>
      <c r="BN21" s="183">
        <v>0</v>
      </c>
      <c r="BO21" s="184">
        <v>0</v>
      </c>
      <c r="BP21" s="184">
        <v>0</v>
      </c>
      <c r="BQ21" s="184">
        <v>1</v>
      </c>
      <c r="BR21" s="182">
        <v>4</v>
      </c>
      <c r="BS21" s="185">
        <v>5</v>
      </c>
      <c r="BT21" s="186">
        <v>5</v>
      </c>
      <c r="BU21" s="181">
        <v>0</v>
      </c>
      <c r="BV21" s="182">
        <v>0</v>
      </c>
      <c r="BW21" s="182">
        <v>0</v>
      </c>
      <c r="BX21" s="183">
        <v>0</v>
      </c>
      <c r="BY21" s="184">
        <v>0</v>
      </c>
      <c r="BZ21" s="184">
        <v>0</v>
      </c>
      <c r="CA21" s="184">
        <v>1</v>
      </c>
      <c r="CB21" s="182">
        <v>4</v>
      </c>
      <c r="CC21" s="185">
        <v>5</v>
      </c>
      <c r="CD21" s="187">
        <v>5</v>
      </c>
      <c r="CE21" s="188">
        <v>0</v>
      </c>
      <c r="CF21" s="182">
        <v>0</v>
      </c>
      <c r="CG21" s="182">
        <v>0</v>
      </c>
      <c r="CH21" s="183">
        <v>0</v>
      </c>
      <c r="CI21" s="184">
        <v>0</v>
      </c>
      <c r="CJ21" s="184">
        <v>0</v>
      </c>
      <c r="CK21" s="184">
        <v>0</v>
      </c>
      <c r="CL21" s="182">
        <v>0</v>
      </c>
      <c r="CM21" s="185">
        <v>0</v>
      </c>
      <c r="CN21" s="187">
        <v>0</v>
      </c>
      <c r="CO21" s="188">
        <v>0</v>
      </c>
      <c r="CP21" s="182">
        <v>0</v>
      </c>
      <c r="CQ21" s="182">
        <v>0</v>
      </c>
      <c r="CR21" s="183">
        <v>0</v>
      </c>
      <c r="CS21" s="184">
        <v>0</v>
      </c>
      <c r="CT21" s="184">
        <v>1</v>
      </c>
      <c r="CU21" s="184">
        <v>12</v>
      </c>
      <c r="CV21" s="182">
        <v>17</v>
      </c>
      <c r="CW21" s="185">
        <v>30</v>
      </c>
      <c r="CX21" s="186">
        <v>30</v>
      </c>
      <c r="CY21" s="181">
        <v>0</v>
      </c>
      <c r="CZ21" s="182">
        <v>0</v>
      </c>
      <c r="DA21" s="182">
        <v>0</v>
      </c>
      <c r="DB21" s="183">
        <v>0</v>
      </c>
      <c r="DC21" s="184">
        <v>0</v>
      </c>
      <c r="DD21" s="184">
        <v>1</v>
      </c>
      <c r="DE21" s="184">
        <v>11</v>
      </c>
      <c r="DF21" s="182">
        <v>17</v>
      </c>
      <c r="DG21" s="185">
        <v>29</v>
      </c>
      <c r="DH21" s="187">
        <v>29</v>
      </c>
      <c r="DI21" s="188">
        <v>0</v>
      </c>
      <c r="DJ21" s="182">
        <v>0</v>
      </c>
      <c r="DK21" s="182">
        <v>0</v>
      </c>
      <c r="DL21" s="183">
        <v>0</v>
      </c>
      <c r="DM21" s="184">
        <v>0</v>
      </c>
      <c r="DN21" s="184">
        <v>0</v>
      </c>
      <c r="DO21" s="184">
        <v>1</v>
      </c>
      <c r="DP21" s="182">
        <v>0</v>
      </c>
      <c r="DQ21" s="185">
        <v>1</v>
      </c>
      <c r="DR21" s="187">
        <v>1</v>
      </c>
      <c r="DS21" s="188">
        <v>0</v>
      </c>
      <c r="DT21" s="182">
        <v>0</v>
      </c>
      <c r="DU21" s="182">
        <v>0</v>
      </c>
      <c r="DV21" s="183">
        <v>31</v>
      </c>
      <c r="DW21" s="184">
        <v>92</v>
      </c>
      <c r="DX21" s="184">
        <v>279</v>
      </c>
      <c r="DY21" s="184">
        <v>556</v>
      </c>
      <c r="DZ21" s="182">
        <v>341</v>
      </c>
      <c r="EA21" s="185">
        <v>1299</v>
      </c>
      <c r="EB21" s="187">
        <v>1299</v>
      </c>
      <c r="EC21" s="32"/>
    </row>
    <row r="22" spans="2:133" ht="21" customHeight="1" x14ac:dyDescent="0.2">
      <c r="B22" s="472" t="s">
        <v>19</v>
      </c>
      <c r="C22" s="181">
        <v>0</v>
      </c>
      <c r="D22" s="182">
        <v>0</v>
      </c>
      <c r="E22" s="182">
        <v>0</v>
      </c>
      <c r="F22" s="183">
        <v>0</v>
      </c>
      <c r="G22" s="184">
        <v>5</v>
      </c>
      <c r="H22" s="184">
        <v>114</v>
      </c>
      <c r="I22" s="184">
        <v>117</v>
      </c>
      <c r="J22" s="182">
        <v>112</v>
      </c>
      <c r="K22" s="185">
        <v>348</v>
      </c>
      <c r="L22" s="186">
        <v>348</v>
      </c>
      <c r="M22" s="181">
        <v>0</v>
      </c>
      <c r="N22" s="182">
        <v>0</v>
      </c>
      <c r="O22" s="185">
        <v>0</v>
      </c>
      <c r="P22" s="183">
        <v>0</v>
      </c>
      <c r="Q22" s="184">
        <v>5</v>
      </c>
      <c r="R22" s="184">
        <v>113</v>
      </c>
      <c r="S22" s="184">
        <v>117</v>
      </c>
      <c r="T22" s="182">
        <v>112</v>
      </c>
      <c r="U22" s="185">
        <v>347</v>
      </c>
      <c r="V22" s="187">
        <v>347</v>
      </c>
      <c r="W22" s="188">
        <v>0</v>
      </c>
      <c r="X22" s="182">
        <v>0</v>
      </c>
      <c r="Y22" s="185">
        <v>0</v>
      </c>
      <c r="Z22" s="188">
        <v>0</v>
      </c>
      <c r="AA22" s="184">
        <v>0</v>
      </c>
      <c r="AB22" s="184">
        <v>1</v>
      </c>
      <c r="AC22" s="184">
        <v>0</v>
      </c>
      <c r="AD22" s="182">
        <v>0</v>
      </c>
      <c r="AE22" s="185">
        <v>1</v>
      </c>
      <c r="AF22" s="189">
        <v>1</v>
      </c>
      <c r="AG22" s="188">
        <v>0</v>
      </c>
      <c r="AH22" s="182">
        <v>0</v>
      </c>
      <c r="AI22" s="185">
        <v>0</v>
      </c>
      <c r="AJ22" s="188">
        <v>21</v>
      </c>
      <c r="AK22" s="184">
        <v>44</v>
      </c>
      <c r="AL22" s="184">
        <v>65</v>
      </c>
      <c r="AM22" s="184">
        <v>64</v>
      </c>
      <c r="AN22" s="182">
        <v>28</v>
      </c>
      <c r="AO22" s="185">
        <v>222</v>
      </c>
      <c r="AP22" s="189">
        <v>222</v>
      </c>
      <c r="AQ22" s="188">
        <v>0</v>
      </c>
      <c r="AR22" s="182">
        <v>0</v>
      </c>
      <c r="AS22" s="185">
        <v>0</v>
      </c>
      <c r="AT22" s="183">
        <v>21</v>
      </c>
      <c r="AU22" s="184">
        <v>44</v>
      </c>
      <c r="AV22" s="184">
        <v>63</v>
      </c>
      <c r="AW22" s="184">
        <v>61</v>
      </c>
      <c r="AX22" s="182">
        <v>27</v>
      </c>
      <c r="AY22" s="185">
        <v>216</v>
      </c>
      <c r="AZ22" s="186">
        <v>216</v>
      </c>
      <c r="BA22" s="181">
        <v>0</v>
      </c>
      <c r="BB22" s="182">
        <v>0</v>
      </c>
      <c r="BC22" s="182">
        <v>0</v>
      </c>
      <c r="BD22" s="183">
        <v>0</v>
      </c>
      <c r="BE22" s="184">
        <v>0</v>
      </c>
      <c r="BF22" s="184">
        <v>2</v>
      </c>
      <c r="BG22" s="184">
        <v>3</v>
      </c>
      <c r="BH22" s="182">
        <v>1</v>
      </c>
      <c r="BI22" s="185">
        <v>6</v>
      </c>
      <c r="BJ22" s="187">
        <v>6</v>
      </c>
      <c r="BK22" s="188">
        <v>0</v>
      </c>
      <c r="BL22" s="182">
        <v>0</v>
      </c>
      <c r="BM22" s="182">
        <v>0</v>
      </c>
      <c r="BN22" s="183">
        <v>0</v>
      </c>
      <c r="BO22" s="184">
        <v>0</v>
      </c>
      <c r="BP22" s="184">
        <v>0</v>
      </c>
      <c r="BQ22" s="184">
        <v>0</v>
      </c>
      <c r="BR22" s="182">
        <v>0</v>
      </c>
      <c r="BS22" s="185">
        <v>0</v>
      </c>
      <c r="BT22" s="186">
        <v>0</v>
      </c>
      <c r="BU22" s="181">
        <v>0</v>
      </c>
      <c r="BV22" s="182">
        <v>0</v>
      </c>
      <c r="BW22" s="182">
        <v>0</v>
      </c>
      <c r="BX22" s="183">
        <v>0</v>
      </c>
      <c r="BY22" s="184">
        <v>0</v>
      </c>
      <c r="BZ22" s="184">
        <v>0</v>
      </c>
      <c r="CA22" s="184">
        <v>0</v>
      </c>
      <c r="CB22" s="182">
        <v>0</v>
      </c>
      <c r="CC22" s="185">
        <v>0</v>
      </c>
      <c r="CD22" s="187">
        <v>0</v>
      </c>
      <c r="CE22" s="188">
        <v>0</v>
      </c>
      <c r="CF22" s="182">
        <v>0</v>
      </c>
      <c r="CG22" s="182">
        <v>0</v>
      </c>
      <c r="CH22" s="183">
        <v>0</v>
      </c>
      <c r="CI22" s="184">
        <v>0</v>
      </c>
      <c r="CJ22" s="184">
        <v>0</v>
      </c>
      <c r="CK22" s="184">
        <v>0</v>
      </c>
      <c r="CL22" s="182">
        <v>0</v>
      </c>
      <c r="CM22" s="185">
        <v>0</v>
      </c>
      <c r="CN22" s="187">
        <v>0</v>
      </c>
      <c r="CO22" s="188">
        <v>0</v>
      </c>
      <c r="CP22" s="182">
        <v>0</v>
      </c>
      <c r="CQ22" s="182">
        <v>0</v>
      </c>
      <c r="CR22" s="183">
        <v>0</v>
      </c>
      <c r="CS22" s="184">
        <v>0</v>
      </c>
      <c r="CT22" s="184">
        <v>0</v>
      </c>
      <c r="CU22" s="184">
        <v>4</v>
      </c>
      <c r="CV22" s="182">
        <v>7</v>
      </c>
      <c r="CW22" s="185">
        <v>11</v>
      </c>
      <c r="CX22" s="186">
        <v>11</v>
      </c>
      <c r="CY22" s="181">
        <v>0</v>
      </c>
      <c r="CZ22" s="182">
        <v>0</v>
      </c>
      <c r="DA22" s="182">
        <v>0</v>
      </c>
      <c r="DB22" s="183">
        <v>0</v>
      </c>
      <c r="DC22" s="184">
        <v>0</v>
      </c>
      <c r="DD22" s="184">
        <v>0</v>
      </c>
      <c r="DE22" s="184">
        <v>4</v>
      </c>
      <c r="DF22" s="182">
        <v>6</v>
      </c>
      <c r="DG22" s="185">
        <v>10</v>
      </c>
      <c r="DH22" s="187">
        <v>10</v>
      </c>
      <c r="DI22" s="188">
        <v>0</v>
      </c>
      <c r="DJ22" s="182">
        <v>0</v>
      </c>
      <c r="DK22" s="182">
        <v>0</v>
      </c>
      <c r="DL22" s="183">
        <v>0</v>
      </c>
      <c r="DM22" s="184">
        <v>0</v>
      </c>
      <c r="DN22" s="184">
        <v>0</v>
      </c>
      <c r="DO22" s="184">
        <v>0</v>
      </c>
      <c r="DP22" s="182">
        <v>1</v>
      </c>
      <c r="DQ22" s="185">
        <v>1</v>
      </c>
      <c r="DR22" s="187">
        <v>1</v>
      </c>
      <c r="DS22" s="188">
        <v>0</v>
      </c>
      <c r="DT22" s="182">
        <v>0</v>
      </c>
      <c r="DU22" s="182">
        <v>0</v>
      </c>
      <c r="DV22" s="183">
        <v>21</v>
      </c>
      <c r="DW22" s="184">
        <v>49</v>
      </c>
      <c r="DX22" s="184">
        <v>179</v>
      </c>
      <c r="DY22" s="184">
        <v>184</v>
      </c>
      <c r="DZ22" s="182">
        <v>147</v>
      </c>
      <c r="EA22" s="185">
        <v>580</v>
      </c>
      <c r="EB22" s="187">
        <v>580</v>
      </c>
      <c r="EC22" s="32"/>
    </row>
    <row r="23" spans="2:133" ht="21" customHeight="1" x14ac:dyDescent="0.2">
      <c r="B23" s="472" t="s">
        <v>20</v>
      </c>
      <c r="C23" s="181">
        <v>0</v>
      </c>
      <c r="D23" s="182">
        <v>0</v>
      </c>
      <c r="E23" s="182">
        <v>0</v>
      </c>
      <c r="F23" s="183">
        <v>3</v>
      </c>
      <c r="G23" s="184">
        <v>27</v>
      </c>
      <c r="H23" s="184">
        <v>113</v>
      </c>
      <c r="I23" s="184">
        <v>183</v>
      </c>
      <c r="J23" s="182">
        <v>92</v>
      </c>
      <c r="K23" s="185">
        <v>418</v>
      </c>
      <c r="L23" s="186">
        <v>418</v>
      </c>
      <c r="M23" s="181">
        <v>0</v>
      </c>
      <c r="N23" s="182">
        <v>0</v>
      </c>
      <c r="O23" s="185">
        <v>0</v>
      </c>
      <c r="P23" s="183">
        <v>3</v>
      </c>
      <c r="Q23" s="184">
        <v>27</v>
      </c>
      <c r="R23" s="184">
        <v>113</v>
      </c>
      <c r="S23" s="184">
        <v>181</v>
      </c>
      <c r="T23" s="182">
        <v>90</v>
      </c>
      <c r="U23" s="185">
        <v>414</v>
      </c>
      <c r="V23" s="187">
        <v>414</v>
      </c>
      <c r="W23" s="188">
        <v>0</v>
      </c>
      <c r="X23" s="182">
        <v>0</v>
      </c>
      <c r="Y23" s="185">
        <v>0</v>
      </c>
      <c r="Z23" s="188">
        <v>0</v>
      </c>
      <c r="AA23" s="184">
        <v>0</v>
      </c>
      <c r="AB23" s="184">
        <v>0</v>
      </c>
      <c r="AC23" s="184">
        <v>2</v>
      </c>
      <c r="AD23" s="182">
        <v>2</v>
      </c>
      <c r="AE23" s="185">
        <v>4</v>
      </c>
      <c r="AF23" s="189">
        <v>4</v>
      </c>
      <c r="AG23" s="188">
        <v>0</v>
      </c>
      <c r="AH23" s="182">
        <v>0</v>
      </c>
      <c r="AI23" s="185">
        <v>0</v>
      </c>
      <c r="AJ23" s="188">
        <v>17</v>
      </c>
      <c r="AK23" s="184">
        <v>33</v>
      </c>
      <c r="AL23" s="184">
        <v>39</v>
      </c>
      <c r="AM23" s="184">
        <v>55</v>
      </c>
      <c r="AN23" s="182">
        <v>23</v>
      </c>
      <c r="AO23" s="185">
        <v>167</v>
      </c>
      <c r="AP23" s="189">
        <v>167</v>
      </c>
      <c r="AQ23" s="188">
        <v>0</v>
      </c>
      <c r="AR23" s="182">
        <v>0</v>
      </c>
      <c r="AS23" s="185">
        <v>0</v>
      </c>
      <c r="AT23" s="183">
        <v>17</v>
      </c>
      <c r="AU23" s="184">
        <v>33</v>
      </c>
      <c r="AV23" s="184">
        <v>39</v>
      </c>
      <c r="AW23" s="184">
        <v>54</v>
      </c>
      <c r="AX23" s="182">
        <v>22</v>
      </c>
      <c r="AY23" s="185">
        <v>165</v>
      </c>
      <c r="AZ23" s="186">
        <v>165</v>
      </c>
      <c r="BA23" s="181">
        <v>0</v>
      </c>
      <c r="BB23" s="182">
        <v>0</v>
      </c>
      <c r="BC23" s="182">
        <v>0</v>
      </c>
      <c r="BD23" s="183">
        <v>0</v>
      </c>
      <c r="BE23" s="184">
        <v>0</v>
      </c>
      <c r="BF23" s="184">
        <v>0</v>
      </c>
      <c r="BG23" s="184">
        <v>1</v>
      </c>
      <c r="BH23" s="182">
        <v>1</v>
      </c>
      <c r="BI23" s="185">
        <v>2</v>
      </c>
      <c r="BJ23" s="187">
        <v>2</v>
      </c>
      <c r="BK23" s="188">
        <v>0</v>
      </c>
      <c r="BL23" s="182">
        <v>0</v>
      </c>
      <c r="BM23" s="182">
        <v>0</v>
      </c>
      <c r="BN23" s="183">
        <v>0</v>
      </c>
      <c r="BO23" s="184">
        <v>0</v>
      </c>
      <c r="BP23" s="184">
        <v>0</v>
      </c>
      <c r="BQ23" s="184">
        <v>1</v>
      </c>
      <c r="BR23" s="182">
        <v>0</v>
      </c>
      <c r="BS23" s="185">
        <v>1</v>
      </c>
      <c r="BT23" s="186">
        <v>1</v>
      </c>
      <c r="BU23" s="181">
        <v>0</v>
      </c>
      <c r="BV23" s="182">
        <v>0</v>
      </c>
      <c r="BW23" s="182">
        <v>0</v>
      </c>
      <c r="BX23" s="183">
        <v>0</v>
      </c>
      <c r="BY23" s="184">
        <v>0</v>
      </c>
      <c r="BZ23" s="184">
        <v>0</v>
      </c>
      <c r="CA23" s="184">
        <v>1</v>
      </c>
      <c r="CB23" s="182">
        <v>0</v>
      </c>
      <c r="CC23" s="185">
        <v>1</v>
      </c>
      <c r="CD23" s="187">
        <v>1</v>
      </c>
      <c r="CE23" s="188">
        <v>0</v>
      </c>
      <c r="CF23" s="182">
        <v>0</v>
      </c>
      <c r="CG23" s="182">
        <v>0</v>
      </c>
      <c r="CH23" s="183">
        <v>0</v>
      </c>
      <c r="CI23" s="184">
        <v>0</v>
      </c>
      <c r="CJ23" s="184">
        <v>0</v>
      </c>
      <c r="CK23" s="184">
        <v>0</v>
      </c>
      <c r="CL23" s="182">
        <v>0</v>
      </c>
      <c r="CM23" s="185">
        <v>0</v>
      </c>
      <c r="CN23" s="187">
        <v>0</v>
      </c>
      <c r="CO23" s="188">
        <v>0</v>
      </c>
      <c r="CP23" s="182">
        <v>0</v>
      </c>
      <c r="CQ23" s="182">
        <v>0</v>
      </c>
      <c r="CR23" s="183">
        <v>0</v>
      </c>
      <c r="CS23" s="184">
        <v>0</v>
      </c>
      <c r="CT23" s="184">
        <v>0</v>
      </c>
      <c r="CU23" s="184">
        <v>2</v>
      </c>
      <c r="CV23" s="182">
        <v>3</v>
      </c>
      <c r="CW23" s="185">
        <v>5</v>
      </c>
      <c r="CX23" s="186">
        <v>5</v>
      </c>
      <c r="CY23" s="181">
        <v>0</v>
      </c>
      <c r="CZ23" s="182">
        <v>0</v>
      </c>
      <c r="DA23" s="182">
        <v>0</v>
      </c>
      <c r="DB23" s="183">
        <v>0</v>
      </c>
      <c r="DC23" s="184">
        <v>0</v>
      </c>
      <c r="DD23" s="184">
        <v>0</v>
      </c>
      <c r="DE23" s="184">
        <v>2</v>
      </c>
      <c r="DF23" s="182">
        <v>3</v>
      </c>
      <c r="DG23" s="185">
        <v>5</v>
      </c>
      <c r="DH23" s="187">
        <v>5</v>
      </c>
      <c r="DI23" s="188">
        <v>0</v>
      </c>
      <c r="DJ23" s="182">
        <v>0</v>
      </c>
      <c r="DK23" s="182">
        <v>0</v>
      </c>
      <c r="DL23" s="183">
        <v>0</v>
      </c>
      <c r="DM23" s="184">
        <v>0</v>
      </c>
      <c r="DN23" s="184">
        <v>0</v>
      </c>
      <c r="DO23" s="184">
        <v>0</v>
      </c>
      <c r="DP23" s="182">
        <v>0</v>
      </c>
      <c r="DQ23" s="185">
        <v>0</v>
      </c>
      <c r="DR23" s="187">
        <v>0</v>
      </c>
      <c r="DS23" s="188">
        <v>0</v>
      </c>
      <c r="DT23" s="182">
        <v>0</v>
      </c>
      <c r="DU23" s="182">
        <v>0</v>
      </c>
      <c r="DV23" s="183">
        <v>20</v>
      </c>
      <c r="DW23" s="184">
        <v>60</v>
      </c>
      <c r="DX23" s="184">
        <v>152</v>
      </c>
      <c r="DY23" s="184">
        <v>240</v>
      </c>
      <c r="DZ23" s="182">
        <v>117</v>
      </c>
      <c r="EA23" s="185">
        <v>589</v>
      </c>
      <c r="EB23" s="187">
        <v>589</v>
      </c>
      <c r="EC23" s="32"/>
    </row>
    <row r="24" spans="2:133" ht="21" customHeight="1" x14ac:dyDescent="0.2">
      <c r="B24" s="472" t="s">
        <v>21</v>
      </c>
      <c r="C24" s="181">
        <v>0</v>
      </c>
      <c r="D24" s="182">
        <v>0</v>
      </c>
      <c r="E24" s="182">
        <v>0</v>
      </c>
      <c r="F24" s="183">
        <v>4</v>
      </c>
      <c r="G24" s="184">
        <v>16</v>
      </c>
      <c r="H24" s="184">
        <v>160</v>
      </c>
      <c r="I24" s="184">
        <v>176</v>
      </c>
      <c r="J24" s="182">
        <v>136</v>
      </c>
      <c r="K24" s="185">
        <v>492</v>
      </c>
      <c r="L24" s="186">
        <v>492</v>
      </c>
      <c r="M24" s="181">
        <v>0</v>
      </c>
      <c r="N24" s="182">
        <v>0</v>
      </c>
      <c r="O24" s="185">
        <v>0</v>
      </c>
      <c r="P24" s="183">
        <v>3</v>
      </c>
      <c r="Q24" s="184">
        <v>16</v>
      </c>
      <c r="R24" s="184">
        <v>159</v>
      </c>
      <c r="S24" s="184">
        <v>176</v>
      </c>
      <c r="T24" s="182">
        <v>134</v>
      </c>
      <c r="U24" s="185">
        <v>488</v>
      </c>
      <c r="V24" s="187">
        <v>488</v>
      </c>
      <c r="W24" s="188">
        <v>0</v>
      </c>
      <c r="X24" s="182">
        <v>0</v>
      </c>
      <c r="Y24" s="185">
        <v>0</v>
      </c>
      <c r="Z24" s="188">
        <v>1</v>
      </c>
      <c r="AA24" s="184">
        <v>0</v>
      </c>
      <c r="AB24" s="184">
        <v>1</v>
      </c>
      <c r="AC24" s="184">
        <v>0</v>
      </c>
      <c r="AD24" s="182">
        <v>2</v>
      </c>
      <c r="AE24" s="185">
        <v>4</v>
      </c>
      <c r="AF24" s="189">
        <v>4</v>
      </c>
      <c r="AG24" s="188">
        <v>0</v>
      </c>
      <c r="AH24" s="182">
        <v>0</v>
      </c>
      <c r="AI24" s="185">
        <v>0</v>
      </c>
      <c r="AJ24" s="188">
        <v>17</v>
      </c>
      <c r="AK24" s="184">
        <v>26</v>
      </c>
      <c r="AL24" s="184">
        <v>38</v>
      </c>
      <c r="AM24" s="184">
        <v>43</v>
      </c>
      <c r="AN24" s="182">
        <v>20</v>
      </c>
      <c r="AO24" s="185">
        <v>144</v>
      </c>
      <c r="AP24" s="189">
        <v>144</v>
      </c>
      <c r="AQ24" s="188">
        <v>0</v>
      </c>
      <c r="AR24" s="182">
        <v>0</v>
      </c>
      <c r="AS24" s="185">
        <v>0</v>
      </c>
      <c r="AT24" s="183">
        <v>17</v>
      </c>
      <c r="AU24" s="184">
        <v>26</v>
      </c>
      <c r="AV24" s="184">
        <v>37</v>
      </c>
      <c r="AW24" s="184">
        <v>39</v>
      </c>
      <c r="AX24" s="182">
        <v>19</v>
      </c>
      <c r="AY24" s="185">
        <v>138</v>
      </c>
      <c r="AZ24" s="186">
        <v>138</v>
      </c>
      <c r="BA24" s="181">
        <v>0</v>
      </c>
      <c r="BB24" s="182">
        <v>0</v>
      </c>
      <c r="BC24" s="182">
        <v>0</v>
      </c>
      <c r="BD24" s="183">
        <v>0</v>
      </c>
      <c r="BE24" s="184">
        <v>0</v>
      </c>
      <c r="BF24" s="184">
        <v>1</v>
      </c>
      <c r="BG24" s="184">
        <v>4</v>
      </c>
      <c r="BH24" s="182">
        <v>1</v>
      </c>
      <c r="BI24" s="185">
        <v>6</v>
      </c>
      <c r="BJ24" s="187">
        <v>6</v>
      </c>
      <c r="BK24" s="188">
        <v>0</v>
      </c>
      <c r="BL24" s="182">
        <v>0</v>
      </c>
      <c r="BM24" s="182">
        <v>0</v>
      </c>
      <c r="BN24" s="183">
        <v>0</v>
      </c>
      <c r="BO24" s="184">
        <v>0</v>
      </c>
      <c r="BP24" s="184">
        <v>0</v>
      </c>
      <c r="BQ24" s="184">
        <v>1</v>
      </c>
      <c r="BR24" s="182">
        <v>6</v>
      </c>
      <c r="BS24" s="185">
        <v>7</v>
      </c>
      <c r="BT24" s="186">
        <v>7</v>
      </c>
      <c r="BU24" s="181">
        <v>0</v>
      </c>
      <c r="BV24" s="182">
        <v>0</v>
      </c>
      <c r="BW24" s="182">
        <v>0</v>
      </c>
      <c r="BX24" s="183">
        <v>0</v>
      </c>
      <c r="BY24" s="184">
        <v>0</v>
      </c>
      <c r="BZ24" s="184">
        <v>0</v>
      </c>
      <c r="CA24" s="184">
        <v>1</v>
      </c>
      <c r="CB24" s="182">
        <v>6</v>
      </c>
      <c r="CC24" s="185">
        <v>7</v>
      </c>
      <c r="CD24" s="187">
        <v>7</v>
      </c>
      <c r="CE24" s="188">
        <v>0</v>
      </c>
      <c r="CF24" s="182">
        <v>0</v>
      </c>
      <c r="CG24" s="182">
        <v>0</v>
      </c>
      <c r="CH24" s="183">
        <v>0</v>
      </c>
      <c r="CI24" s="184">
        <v>0</v>
      </c>
      <c r="CJ24" s="184">
        <v>0</v>
      </c>
      <c r="CK24" s="184">
        <v>0</v>
      </c>
      <c r="CL24" s="182">
        <v>0</v>
      </c>
      <c r="CM24" s="185">
        <v>0</v>
      </c>
      <c r="CN24" s="187">
        <v>0</v>
      </c>
      <c r="CO24" s="188">
        <v>0</v>
      </c>
      <c r="CP24" s="182">
        <v>0</v>
      </c>
      <c r="CQ24" s="182">
        <v>0</v>
      </c>
      <c r="CR24" s="183">
        <v>0</v>
      </c>
      <c r="CS24" s="184">
        <v>0</v>
      </c>
      <c r="CT24" s="184">
        <v>1</v>
      </c>
      <c r="CU24" s="184">
        <v>9</v>
      </c>
      <c r="CV24" s="182">
        <v>19</v>
      </c>
      <c r="CW24" s="185">
        <v>29</v>
      </c>
      <c r="CX24" s="186">
        <v>29</v>
      </c>
      <c r="CY24" s="181">
        <v>0</v>
      </c>
      <c r="CZ24" s="182">
        <v>0</v>
      </c>
      <c r="DA24" s="182">
        <v>0</v>
      </c>
      <c r="DB24" s="183">
        <v>0</v>
      </c>
      <c r="DC24" s="184">
        <v>0</v>
      </c>
      <c r="DD24" s="184">
        <v>1</v>
      </c>
      <c r="DE24" s="184">
        <v>9</v>
      </c>
      <c r="DF24" s="182">
        <v>19</v>
      </c>
      <c r="DG24" s="185">
        <v>29</v>
      </c>
      <c r="DH24" s="187">
        <v>29</v>
      </c>
      <c r="DI24" s="188">
        <v>0</v>
      </c>
      <c r="DJ24" s="182">
        <v>0</v>
      </c>
      <c r="DK24" s="182">
        <v>0</v>
      </c>
      <c r="DL24" s="183">
        <v>0</v>
      </c>
      <c r="DM24" s="184">
        <v>0</v>
      </c>
      <c r="DN24" s="184">
        <v>0</v>
      </c>
      <c r="DO24" s="184">
        <v>0</v>
      </c>
      <c r="DP24" s="182">
        <v>0</v>
      </c>
      <c r="DQ24" s="185">
        <v>0</v>
      </c>
      <c r="DR24" s="187">
        <v>0</v>
      </c>
      <c r="DS24" s="188">
        <v>0</v>
      </c>
      <c r="DT24" s="182">
        <v>0</v>
      </c>
      <c r="DU24" s="182">
        <v>0</v>
      </c>
      <c r="DV24" s="183">
        <v>21</v>
      </c>
      <c r="DW24" s="184">
        <v>42</v>
      </c>
      <c r="DX24" s="184">
        <v>199</v>
      </c>
      <c r="DY24" s="184">
        <v>229</v>
      </c>
      <c r="DZ24" s="182">
        <v>180</v>
      </c>
      <c r="EA24" s="185">
        <v>671</v>
      </c>
      <c r="EB24" s="187">
        <v>671</v>
      </c>
      <c r="EC24" s="32"/>
    </row>
    <row r="25" spans="2:133" ht="21" customHeight="1" x14ac:dyDescent="0.2">
      <c r="B25" s="472" t="s">
        <v>22</v>
      </c>
      <c r="C25" s="181">
        <v>0</v>
      </c>
      <c r="D25" s="182">
        <v>0</v>
      </c>
      <c r="E25" s="182">
        <v>0</v>
      </c>
      <c r="F25" s="183">
        <v>3</v>
      </c>
      <c r="G25" s="184">
        <v>5</v>
      </c>
      <c r="H25" s="184">
        <v>60</v>
      </c>
      <c r="I25" s="184">
        <v>61</v>
      </c>
      <c r="J25" s="182">
        <v>34</v>
      </c>
      <c r="K25" s="185">
        <v>163</v>
      </c>
      <c r="L25" s="186">
        <v>163</v>
      </c>
      <c r="M25" s="181">
        <v>0</v>
      </c>
      <c r="N25" s="182">
        <v>0</v>
      </c>
      <c r="O25" s="185">
        <v>0</v>
      </c>
      <c r="P25" s="183">
        <v>3</v>
      </c>
      <c r="Q25" s="184">
        <v>5</v>
      </c>
      <c r="R25" s="184">
        <v>60</v>
      </c>
      <c r="S25" s="184">
        <v>61</v>
      </c>
      <c r="T25" s="182">
        <v>33</v>
      </c>
      <c r="U25" s="185">
        <v>162</v>
      </c>
      <c r="V25" s="187">
        <v>162</v>
      </c>
      <c r="W25" s="188">
        <v>0</v>
      </c>
      <c r="X25" s="182">
        <v>0</v>
      </c>
      <c r="Y25" s="185">
        <v>0</v>
      </c>
      <c r="Z25" s="188">
        <v>0</v>
      </c>
      <c r="AA25" s="184">
        <v>0</v>
      </c>
      <c r="AB25" s="184">
        <v>0</v>
      </c>
      <c r="AC25" s="184">
        <v>0</v>
      </c>
      <c r="AD25" s="182">
        <v>1</v>
      </c>
      <c r="AE25" s="185">
        <v>1</v>
      </c>
      <c r="AF25" s="189">
        <v>1</v>
      </c>
      <c r="AG25" s="188">
        <v>0</v>
      </c>
      <c r="AH25" s="182">
        <v>0</v>
      </c>
      <c r="AI25" s="185">
        <v>0</v>
      </c>
      <c r="AJ25" s="188">
        <v>9</v>
      </c>
      <c r="AK25" s="184">
        <v>26</v>
      </c>
      <c r="AL25" s="184">
        <v>31</v>
      </c>
      <c r="AM25" s="184">
        <v>37</v>
      </c>
      <c r="AN25" s="182">
        <v>14</v>
      </c>
      <c r="AO25" s="185">
        <v>117</v>
      </c>
      <c r="AP25" s="189">
        <v>117</v>
      </c>
      <c r="AQ25" s="188">
        <v>0</v>
      </c>
      <c r="AR25" s="182">
        <v>0</v>
      </c>
      <c r="AS25" s="185">
        <v>0</v>
      </c>
      <c r="AT25" s="183">
        <v>9</v>
      </c>
      <c r="AU25" s="184">
        <v>26</v>
      </c>
      <c r="AV25" s="184">
        <v>31</v>
      </c>
      <c r="AW25" s="184">
        <v>36</v>
      </c>
      <c r="AX25" s="182">
        <v>14</v>
      </c>
      <c r="AY25" s="185">
        <v>116</v>
      </c>
      <c r="AZ25" s="186">
        <v>116</v>
      </c>
      <c r="BA25" s="181">
        <v>0</v>
      </c>
      <c r="BB25" s="182">
        <v>0</v>
      </c>
      <c r="BC25" s="182">
        <v>0</v>
      </c>
      <c r="BD25" s="183">
        <v>0</v>
      </c>
      <c r="BE25" s="184">
        <v>0</v>
      </c>
      <c r="BF25" s="184">
        <v>0</v>
      </c>
      <c r="BG25" s="184">
        <v>1</v>
      </c>
      <c r="BH25" s="182">
        <v>0</v>
      </c>
      <c r="BI25" s="185">
        <v>1</v>
      </c>
      <c r="BJ25" s="187">
        <v>1</v>
      </c>
      <c r="BK25" s="188">
        <v>0</v>
      </c>
      <c r="BL25" s="182">
        <v>0</v>
      </c>
      <c r="BM25" s="182">
        <v>0</v>
      </c>
      <c r="BN25" s="183">
        <v>0</v>
      </c>
      <c r="BO25" s="184">
        <v>0</v>
      </c>
      <c r="BP25" s="184">
        <v>0</v>
      </c>
      <c r="BQ25" s="184">
        <v>0</v>
      </c>
      <c r="BR25" s="182">
        <v>0</v>
      </c>
      <c r="BS25" s="185">
        <v>0</v>
      </c>
      <c r="BT25" s="186">
        <v>0</v>
      </c>
      <c r="BU25" s="181">
        <v>0</v>
      </c>
      <c r="BV25" s="182">
        <v>0</v>
      </c>
      <c r="BW25" s="182">
        <v>0</v>
      </c>
      <c r="BX25" s="183">
        <v>0</v>
      </c>
      <c r="BY25" s="184">
        <v>0</v>
      </c>
      <c r="BZ25" s="184">
        <v>0</v>
      </c>
      <c r="CA25" s="184">
        <v>0</v>
      </c>
      <c r="CB25" s="182">
        <v>0</v>
      </c>
      <c r="CC25" s="185">
        <v>0</v>
      </c>
      <c r="CD25" s="187">
        <v>0</v>
      </c>
      <c r="CE25" s="188">
        <v>0</v>
      </c>
      <c r="CF25" s="182">
        <v>0</v>
      </c>
      <c r="CG25" s="182">
        <v>0</v>
      </c>
      <c r="CH25" s="183">
        <v>0</v>
      </c>
      <c r="CI25" s="184">
        <v>0</v>
      </c>
      <c r="CJ25" s="184">
        <v>0</v>
      </c>
      <c r="CK25" s="184">
        <v>0</v>
      </c>
      <c r="CL25" s="182">
        <v>0</v>
      </c>
      <c r="CM25" s="185">
        <v>0</v>
      </c>
      <c r="CN25" s="187">
        <v>0</v>
      </c>
      <c r="CO25" s="188">
        <v>0</v>
      </c>
      <c r="CP25" s="182">
        <v>0</v>
      </c>
      <c r="CQ25" s="182">
        <v>0</v>
      </c>
      <c r="CR25" s="183">
        <v>0</v>
      </c>
      <c r="CS25" s="184">
        <v>0</v>
      </c>
      <c r="CT25" s="184">
        <v>0</v>
      </c>
      <c r="CU25" s="184">
        <v>9</v>
      </c>
      <c r="CV25" s="182">
        <v>4</v>
      </c>
      <c r="CW25" s="185">
        <v>13</v>
      </c>
      <c r="CX25" s="186">
        <v>13</v>
      </c>
      <c r="CY25" s="181">
        <v>0</v>
      </c>
      <c r="CZ25" s="182">
        <v>0</v>
      </c>
      <c r="DA25" s="182">
        <v>0</v>
      </c>
      <c r="DB25" s="183">
        <v>0</v>
      </c>
      <c r="DC25" s="184">
        <v>0</v>
      </c>
      <c r="DD25" s="184">
        <v>0</v>
      </c>
      <c r="DE25" s="184">
        <v>8</v>
      </c>
      <c r="DF25" s="182">
        <v>3</v>
      </c>
      <c r="DG25" s="185">
        <v>11</v>
      </c>
      <c r="DH25" s="187">
        <v>11</v>
      </c>
      <c r="DI25" s="188">
        <v>0</v>
      </c>
      <c r="DJ25" s="182">
        <v>0</v>
      </c>
      <c r="DK25" s="182">
        <v>0</v>
      </c>
      <c r="DL25" s="183">
        <v>0</v>
      </c>
      <c r="DM25" s="184">
        <v>0</v>
      </c>
      <c r="DN25" s="184">
        <v>0</v>
      </c>
      <c r="DO25" s="184">
        <v>1</v>
      </c>
      <c r="DP25" s="182">
        <v>1</v>
      </c>
      <c r="DQ25" s="185">
        <v>2</v>
      </c>
      <c r="DR25" s="187">
        <v>2</v>
      </c>
      <c r="DS25" s="188">
        <v>0</v>
      </c>
      <c r="DT25" s="182">
        <v>0</v>
      </c>
      <c r="DU25" s="182">
        <v>0</v>
      </c>
      <c r="DV25" s="183">
        <v>12</v>
      </c>
      <c r="DW25" s="184">
        <v>31</v>
      </c>
      <c r="DX25" s="184">
        <v>91</v>
      </c>
      <c r="DY25" s="184">
        <v>107</v>
      </c>
      <c r="DZ25" s="182">
        <v>52</v>
      </c>
      <c r="EA25" s="185">
        <v>293</v>
      </c>
      <c r="EB25" s="187">
        <v>293</v>
      </c>
      <c r="EC25" s="32"/>
    </row>
    <row r="26" spans="2:133" ht="21" customHeight="1" x14ac:dyDescent="0.2">
      <c r="B26" s="472" t="s">
        <v>23</v>
      </c>
      <c r="C26" s="181">
        <v>0</v>
      </c>
      <c r="D26" s="182">
        <v>0</v>
      </c>
      <c r="E26" s="182">
        <v>0</v>
      </c>
      <c r="F26" s="183">
        <v>2</v>
      </c>
      <c r="G26" s="184">
        <v>10</v>
      </c>
      <c r="H26" s="184">
        <v>86</v>
      </c>
      <c r="I26" s="184">
        <v>130</v>
      </c>
      <c r="J26" s="182">
        <v>92</v>
      </c>
      <c r="K26" s="185">
        <v>320</v>
      </c>
      <c r="L26" s="186">
        <v>320</v>
      </c>
      <c r="M26" s="181">
        <v>0</v>
      </c>
      <c r="N26" s="182">
        <v>0</v>
      </c>
      <c r="O26" s="185">
        <v>0</v>
      </c>
      <c r="P26" s="183">
        <v>2</v>
      </c>
      <c r="Q26" s="184">
        <v>10</v>
      </c>
      <c r="R26" s="184">
        <v>86</v>
      </c>
      <c r="S26" s="184">
        <v>128</v>
      </c>
      <c r="T26" s="182">
        <v>92</v>
      </c>
      <c r="U26" s="185">
        <v>318</v>
      </c>
      <c r="V26" s="187">
        <v>318</v>
      </c>
      <c r="W26" s="188">
        <v>0</v>
      </c>
      <c r="X26" s="182">
        <v>0</v>
      </c>
      <c r="Y26" s="185">
        <v>0</v>
      </c>
      <c r="Z26" s="188">
        <v>0</v>
      </c>
      <c r="AA26" s="184">
        <v>0</v>
      </c>
      <c r="AB26" s="184">
        <v>0</v>
      </c>
      <c r="AC26" s="184">
        <v>2</v>
      </c>
      <c r="AD26" s="182">
        <v>0</v>
      </c>
      <c r="AE26" s="185">
        <v>2</v>
      </c>
      <c r="AF26" s="189">
        <v>2</v>
      </c>
      <c r="AG26" s="188">
        <v>0</v>
      </c>
      <c r="AH26" s="182">
        <v>0</v>
      </c>
      <c r="AI26" s="185">
        <v>0</v>
      </c>
      <c r="AJ26" s="188">
        <v>12</v>
      </c>
      <c r="AK26" s="184">
        <v>29</v>
      </c>
      <c r="AL26" s="184">
        <v>38</v>
      </c>
      <c r="AM26" s="184">
        <v>60</v>
      </c>
      <c r="AN26" s="182">
        <v>37</v>
      </c>
      <c r="AO26" s="185">
        <v>176</v>
      </c>
      <c r="AP26" s="189">
        <v>176</v>
      </c>
      <c r="AQ26" s="188">
        <v>0</v>
      </c>
      <c r="AR26" s="182">
        <v>0</v>
      </c>
      <c r="AS26" s="185">
        <v>0</v>
      </c>
      <c r="AT26" s="183">
        <v>12</v>
      </c>
      <c r="AU26" s="184">
        <v>29</v>
      </c>
      <c r="AV26" s="184">
        <v>38</v>
      </c>
      <c r="AW26" s="184">
        <v>60</v>
      </c>
      <c r="AX26" s="182">
        <v>35</v>
      </c>
      <c r="AY26" s="185">
        <v>174</v>
      </c>
      <c r="AZ26" s="186">
        <v>174</v>
      </c>
      <c r="BA26" s="181">
        <v>0</v>
      </c>
      <c r="BB26" s="182">
        <v>0</v>
      </c>
      <c r="BC26" s="182">
        <v>0</v>
      </c>
      <c r="BD26" s="183">
        <v>0</v>
      </c>
      <c r="BE26" s="184">
        <v>0</v>
      </c>
      <c r="BF26" s="184">
        <v>0</v>
      </c>
      <c r="BG26" s="184">
        <v>0</v>
      </c>
      <c r="BH26" s="182">
        <v>2</v>
      </c>
      <c r="BI26" s="185">
        <v>2</v>
      </c>
      <c r="BJ26" s="187">
        <v>2</v>
      </c>
      <c r="BK26" s="188">
        <v>0</v>
      </c>
      <c r="BL26" s="182">
        <v>0</v>
      </c>
      <c r="BM26" s="182">
        <v>0</v>
      </c>
      <c r="BN26" s="183">
        <v>0</v>
      </c>
      <c r="BO26" s="184">
        <v>0</v>
      </c>
      <c r="BP26" s="184">
        <v>0</v>
      </c>
      <c r="BQ26" s="184">
        <v>0</v>
      </c>
      <c r="BR26" s="182">
        <v>2</v>
      </c>
      <c r="BS26" s="185">
        <v>2</v>
      </c>
      <c r="BT26" s="186">
        <v>2</v>
      </c>
      <c r="BU26" s="181">
        <v>0</v>
      </c>
      <c r="BV26" s="182">
        <v>0</v>
      </c>
      <c r="BW26" s="182">
        <v>0</v>
      </c>
      <c r="BX26" s="183">
        <v>0</v>
      </c>
      <c r="BY26" s="184">
        <v>0</v>
      </c>
      <c r="BZ26" s="184">
        <v>0</v>
      </c>
      <c r="CA26" s="184">
        <v>0</v>
      </c>
      <c r="CB26" s="182">
        <v>2</v>
      </c>
      <c r="CC26" s="185">
        <v>2</v>
      </c>
      <c r="CD26" s="187">
        <v>2</v>
      </c>
      <c r="CE26" s="188">
        <v>0</v>
      </c>
      <c r="CF26" s="182">
        <v>0</v>
      </c>
      <c r="CG26" s="182">
        <v>0</v>
      </c>
      <c r="CH26" s="183">
        <v>0</v>
      </c>
      <c r="CI26" s="184">
        <v>0</v>
      </c>
      <c r="CJ26" s="184">
        <v>0</v>
      </c>
      <c r="CK26" s="184">
        <v>0</v>
      </c>
      <c r="CL26" s="182">
        <v>0</v>
      </c>
      <c r="CM26" s="185">
        <v>0</v>
      </c>
      <c r="CN26" s="187">
        <v>0</v>
      </c>
      <c r="CO26" s="188">
        <v>0</v>
      </c>
      <c r="CP26" s="182">
        <v>0</v>
      </c>
      <c r="CQ26" s="182">
        <v>0</v>
      </c>
      <c r="CR26" s="183">
        <v>0</v>
      </c>
      <c r="CS26" s="184">
        <v>0</v>
      </c>
      <c r="CT26" s="184">
        <v>0</v>
      </c>
      <c r="CU26" s="184">
        <v>3</v>
      </c>
      <c r="CV26" s="182">
        <v>9</v>
      </c>
      <c r="CW26" s="185">
        <v>12</v>
      </c>
      <c r="CX26" s="186">
        <v>12</v>
      </c>
      <c r="CY26" s="181">
        <v>0</v>
      </c>
      <c r="CZ26" s="182">
        <v>0</v>
      </c>
      <c r="DA26" s="182">
        <v>0</v>
      </c>
      <c r="DB26" s="183">
        <v>0</v>
      </c>
      <c r="DC26" s="184">
        <v>0</v>
      </c>
      <c r="DD26" s="184">
        <v>0</v>
      </c>
      <c r="DE26" s="184">
        <v>3</v>
      </c>
      <c r="DF26" s="182">
        <v>9</v>
      </c>
      <c r="DG26" s="185">
        <v>12</v>
      </c>
      <c r="DH26" s="187">
        <v>12</v>
      </c>
      <c r="DI26" s="188">
        <v>0</v>
      </c>
      <c r="DJ26" s="182">
        <v>0</v>
      </c>
      <c r="DK26" s="182">
        <v>0</v>
      </c>
      <c r="DL26" s="183">
        <v>0</v>
      </c>
      <c r="DM26" s="184">
        <v>0</v>
      </c>
      <c r="DN26" s="184">
        <v>0</v>
      </c>
      <c r="DO26" s="184">
        <v>0</v>
      </c>
      <c r="DP26" s="182">
        <v>0</v>
      </c>
      <c r="DQ26" s="185">
        <v>0</v>
      </c>
      <c r="DR26" s="187">
        <v>0</v>
      </c>
      <c r="DS26" s="188">
        <v>0</v>
      </c>
      <c r="DT26" s="182">
        <v>0</v>
      </c>
      <c r="DU26" s="182">
        <v>0</v>
      </c>
      <c r="DV26" s="183">
        <v>14</v>
      </c>
      <c r="DW26" s="184">
        <v>39</v>
      </c>
      <c r="DX26" s="184">
        <v>124</v>
      </c>
      <c r="DY26" s="184">
        <v>192</v>
      </c>
      <c r="DZ26" s="182">
        <v>138</v>
      </c>
      <c r="EA26" s="185">
        <v>507</v>
      </c>
      <c r="EB26" s="187">
        <v>507</v>
      </c>
      <c r="EC26" s="32"/>
    </row>
    <row r="27" spans="2:133" ht="21" customHeight="1" x14ac:dyDescent="0.2">
      <c r="B27" s="472" t="s">
        <v>24</v>
      </c>
      <c r="C27" s="181">
        <v>0</v>
      </c>
      <c r="D27" s="182">
        <v>0</v>
      </c>
      <c r="E27" s="182">
        <v>0</v>
      </c>
      <c r="F27" s="183">
        <v>0</v>
      </c>
      <c r="G27" s="184">
        <v>0</v>
      </c>
      <c r="H27" s="184">
        <v>27</v>
      </c>
      <c r="I27" s="184">
        <v>82</v>
      </c>
      <c r="J27" s="182">
        <v>60</v>
      </c>
      <c r="K27" s="185">
        <v>169</v>
      </c>
      <c r="L27" s="186">
        <v>169</v>
      </c>
      <c r="M27" s="181">
        <v>0</v>
      </c>
      <c r="N27" s="182">
        <v>0</v>
      </c>
      <c r="O27" s="185">
        <v>0</v>
      </c>
      <c r="P27" s="183">
        <v>0</v>
      </c>
      <c r="Q27" s="184">
        <v>0</v>
      </c>
      <c r="R27" s="184">
        <v>27</v>
      </c>
      <c r="S27" s="184">
        <v>82</v>
      </c>
      <c r="T27" s="182">
        <v>60</v>
      </c>
      <c r="U27" s="185">
        <v>169</v>
      </c>
      <c r="V27" s="187">
        <v>169</v>
      </c>
      <c r="W27" s="188">
        <v>0</v>
      </c>
      <c r="X27" s="182">
        <v>0</v>
      </c>
      <c r="Y27" s="185">
        <v>0</v>
      </c>
      <c r="Z27" s="188">
        <v>0</v>
      </c>
      <c r="AA27" s="184">
        <v>0</v>
      </c>
      <c r="AB27" s="184">
        <v>0</v>
      </c>
      <c r="AC27" s="184">
        <v>0</v>
      </c>
      <c r="AD27" s="182">
        <v>0</v>
      </c>
      <c r="AE27" s="185">
        <v>0</v>
      </c>
      <c r="AF27" s="189">
        <v>0</v>
      </c>
      <c r="AG27" s="188">
        <v>0</v>
      </c>
      <c r="AH27" s="182">
        <v>0</v>
      </c>
      <c r="AI27" s="185">
        <v>0</v>
      </c>
      <c r="AJ27" s="188">
        <v>11</v>
      </c>
      <c r="AK27" s="184">
        <v>9</v>
      </c>
      <c r="AL27" s="184">
        <v>24</v>
      </c>
      <c r="AM27" s="184">
        <v>28</v>
      </c>
      <c r="AN27" s="182">
        <v>15</v>
      </c>
      <c r="AO27" s="185">
        <v>87</v>
      </c>
      <c r="AP27" s="189">
        <v>87</v>
      </c>
      <c r="AQ27" s="188">
        <v>0</v>
      </c>
      <c r="AR27" s="182">
        <v>0</v>
      </c>
      <c r="AS27" s="185">
        <v>0</v>
      </c>
      <c r="AT27" s="183">
        <v>11</v>
      </c>
      <c r="AU27" s="184">
        <v>9</v>
      </c>
      <c r="AV27" s="184">
        <v>24</v>
      </c>
      <c r="AW27" s="184">
        <v>26</v>
      </c>
      <c r="AX27" s="182">
        <v>15</v>
      </c>
      <c r="AY27" s="185">
        <v>85</v>
      </c>
      <c r="AZ27" s="186">
        <v>85</v>
      </c>
      <c r="BA27" s="181">
        <v>0</v>
      </c>
      <c r="BB27" s="182">
        <v>0</v>
      </c>
      <c r="BC27" s="182">
        <v>0</v>
      </c>
      <c r="BD27" s="183">
        <v>0</v>
      </c>
      <c r="BE27" s="184">
        <v>0</v>
      </c>
      <c r="BF27" s="184">
        <v>0</v>
      </c>
      <c r="BG27" s="184">
        <v>2</v>
      </c>
      <c r="BH27" s="182">
        <v>0</v>
      </c>
      <c r="BI27" s="185">
        <v>2</v>
      </c>
      <c r="BJ27" s="187">
        <v>2</v>
      </c>
      <c r="BK27" s="188">
        <v>0</v>
      </c>
      <c r="BL27" s="182">
        <v>0</v>
      </c>
      <c r="BM27" s="182">
        <v>0</v>
      </c>
      <c r="BN27" s="183">
        <v>0</v>
      </c>
      <c r="BO27" s="184">
        <v>0</v>
      </c>
      <c r="BP27" s="184">
        <v>0</v>
      </c>
      <c r="BQ27" s="184">
        <v>0</v>
      </c>
      <c r="BR27" s="182">
        <v>0</v>
      </c>
      <c r="BS27" s="185">
        <v>0</v>
      </c>
      <c r="BT27" s="186">
        <v>0</v>
      </c>
      <c r="BU27" s="181">
        <v>0</v>
      </c>
      <c r="BV27" s="182">
        <v>0</v>
      </c>
      <c r="BW27" s="182">
        <v>0</v>
      </c>
      <c r="BX27" s="183">
        <v>0</v>
      </c>
      <c r="BY27" s="184">
        <v>0</v>
      </c>
      <c r="BZ27" s="184">
        <v>0</v>
      </c>
      <c r="CA27" s="184">
        <v>0</v>
      </c>
      <c r="CB27" s="182">
        <v>0</v>
      </c>
      <c r="CC27" s="185">
        <v>0</v>
      </c>
      <c r="CD27" s="187">
        <v>0</v>
      </c>
      <c r="CE27" s="188">
        <v>0</v>
      </c>
      <c r="CF27" s="182">
        <v>0</v>
      </c>
      <c r="CG27" s="182">
        <v>0</v>
      </c>
      <c r="CH27" s="183">
        <v>0</v>
      </c>
      <c r="CI27" s="184">
        <v>0</v>
      </c>
      <c r="CJ27" s="184">
        <v>0</v>
      </c>
      <c r="CK27" s="184">
        <v>0</v>
      </c>
      <c r="CL27" s="182">
        <v>0</v>
      </c>
      <c r="CM27" s="185">
        <v>0</v>
      </c>
      <c r="CN27" s="187">
        <v>0</v>
      </c>
      <c r="CO27" s="188">
        <v>0</v>
      </c>
      <c r="CP27" s="182">
        <v>0</v>
      </c>
      <c r="CQ27" s="182">
        <v>0</v>
      </c>
      <c r="CR27" s="183">
        <v>0</v>
      </c>
      <c r="CS27" s="184">
        <v>0</v>
      </c>
      <c r="CT27" s="184">
        <v>0</v>
      </c>
      <c r="CU27" s="184">
        <v>0</v>
      </c>
      <c r="CV27" s="182">
        <v>0</v>
      </c>
      <c r="CW27" s="185">
        <v>0</v>
      </c>
      <c r="CX27" s="186">
        <v>0</v>
      </c>
      <c r="CY27" s="181">
        <v>0</v>
      </c>
      <c r="CZ27" s="182">
        <v>0</v>
      </c>
      <c r="DA27" s="182">
        <v>0</v>
      </c>
      <c r="DB27" s="183">
        <v>0</v>
      </c>
      <c r="DC27" s="184">
        <v>0</v>
      </c>
      <c r="DD27" s="184">
        <v>0</v>
      </c>
      <c r="DE27" s="184">
        <v>0</v>
      </c>
      <c r="DF27" s="182">
        <v>0</v>
      </c>
      <c r="DG27" s="185">
        <v>0</v>
      </c>
      <c r="DH27" s="187">
        <v>0</v>
      </c>
      <c r="DI27" s="188">
        <v>0</v>
      </c>
      <c r="DJ27" s="182">
        <v>0</v>
      </c>
      <c r="DK27" s="182">
        <v>0</v>
      </c>
      <c r="DL27" s="183">
        <v>0</v>
      </c>
      <c r="DM27" s="184">
        <v>0</v>
      </c>
      <c r="DN27" s="184">
        <v>0</v>
      </c>
      <c r="DO27" s="184">
        <v>0</v>
      </c>
      <c r="DP27" s="182">
        <v>0</v>
      </c>
      <c r="DQ27" s="185">
        <v>0</v>
      </c>
      <c r="DR27" s="187">
        <v>0</v>
      </c>
      <c r="DS27" s="188">
        <v>0</v>
      </c>
      <c r="DT27" s="182">
        <v>0</v>
      </c>
      <c r="DU27" s="182">
        <v>0</v>
      </c>
      <c r="DV27" s="183">
        <v>11</v>
      </c>
      <c r="DW27" s="184">
        <v>9</v>
      </c>
      <c r="DX27" s="184">
        <v>51</v>
      </c>
      <c r="DY27" s="184">
        <v>109</v>
      </c>
      <c r="DZ27" s="182">
        <v>75</v>
      </c>
      <c r="EA27" s="185">
        <v>255</v>
      </c>
      <c r="EB27" s="187">
        <v>255</v>
      </c>
      <c r="EC27" s="32"/>
    </row>
    <row r="28" spans="2:133" ht="21" customHeight="1" x14ac:dyDescent="0.2">
      <c r="B28" s="472" t="s">
        <v>25</v>
      </c>
      <c r="C28" s="181">
        <v>0</v>
      </c>
      <c r="D28" s="182">
        <v>0</v>
      </c>
      <c r="E28" s="182">
        <v>0</v>
      </c>
      <c r="F28" s="183">
        <v>1</v>
      </c>
      <c r="G28" s="184">
        <v>5</v>
      </c>
      <c r="H28" s="184">
        <v>61</v>
      </c>
      <c r="I28" s="184">
        <v>72</v>
      </c>
      <c r="J28" s="182">
        <v>56</v>
      </c>
      <c r="K28" s="185">
        <v>195</v>
      </c>
      <c r="L28" s="186">
        <v>195</v>
      </c>
      <c r="M28" s="181">
        <v>0</v>
      </c>
      <c r="N28" s="182">
        <v>0</v>
      </c>
      <c r="O28" s="185">
        <v>0</v>
      </c>
      <c r="P28" s="183">
        <v>1</v>
      </c>
      <c r="Q28" s="184">
        <v>5</v>
      </c>
      <c r="R28" s="184">
        <v>61</v>
      </c>
      <c r="S28" s="184">
        <v>71</v>
      </c>
      <c r="T28" s="182">
        <v>52</v>
      </c>
      <c r="U28" s="185">
        <v>190</v>
      </c>
      <c r="V28" s="187">
        <v>190</v>
      </c>
      <c r="W28" s="188">
        <v>0</v>
      </c>
      <c r="X28" s="182">
        <v>0</v>
      </c>
      <c r="Y28" s="185">
        <v>0</v>
      </c>
      <c r="Z28" s="188">
        <v>0</v>
      </c>
      <c r="AA28" s="184">
        <v>0</v>
      </c>
      <c r="AB28" s="184">
        <v>0</v>
      </c>
      <c r="AC28" s="184">
        <v>1</v>
      </c>
      <c r="AD28" s="182">
        <v>4</v>
      </c>
      <c r="AE28" s="185">
        <v>5</v>
      </c>
      <c r="AF28" s="189">
        <v>5</v>
      </c>
      <c r="AG28" s="188">
        <v>0</v>
      </c>
      <c r="AH28" s="182">
        <v>0</v>
      </c>
      <c r="AI28" s="185">
        <v>0</v>
      </c>
      <c r="AJ28" s="188">
        <v>11</v>
      </c>
      <c r="AK28" s="184">
        <v>17</v>
      </c>
      <c r="AL28" s="184">
        <v>19</v>
      </c>
      <c r="AM28" s="184">
        <v>52</v>
      </c>
      <c r="AN28" s="182">
        <v>19</v>
      </c>
      <c r="AO28" s="185">
        <v>118</v>
      </c>
      <c r="AP28" s="189">
        <v>118</v>
      </c>
      <c r="AQ28" s="188">
        <v>0</v>
      </c>
      <c r="AR28" s="182">
        <v>0</v>
      </c>
      <c r="AS28" s="185">
        <v>0</v>
      </c>
      <c r="AT28" s="183">
        <v>11</v>
      </c>
      <c r="AU28" s="184">
        <v>17</v>
      </c>
      <c r="AV28" s="184">
        <v>19</v>
      </c>
      <c r="AW28" s="184">
        <v>51</v>
      </c>
      <c r="AX28" s="182">
        <v>19</v>
      </c>
      <c r="AY28" s="185">
        <v>117</v>
      </c>
      <c r="AZ28" s="186">
        <v>117</v>
      </c>
      <c r="BA28" s="181">
        <v>0</v>
      </c>
      <c r="BB28" s="182">
        <v>0</v>
      </c>
      <c r="BC28" s="182">
        <v>0</v>
      </c>
      <c r="BD28" s="183">
        <v>0</v>
      </c>
      <c r="BE28" s="184">
        <v>0</v>
      </c>
      <c r="BF28" s="184">
        <v>0</v>
      </c>
      <c r="BG28" s="184">
        <v>1</v>
      </c>
      <c r="BH28" s="182">
        <v>0</v>
      </c>
      <c r="BI28" s="185">
        <v>1</v>
      </c>
      <c r="BJ28" s="187">
        <v>1</v>
      </c>
      <c r="BK28" s="188">
        <v>0</v>
      </c>
      <c r="BL28" s="182">
        <v>0</v>
      </c>
      <c r="BM28" s="182">
        <v>0</v>
      </c>
      <c r="BN28" s="183">
        <v>0</v>
      </c>
      <c r="BO28" s="184">
        <v>0</v>
      </c>
      <c r="BP28" s="184">
        <v>0</v>
      </c>
      <c r="BQ28" s="184">
        <v>0</v>
      </c>
      <c r="BR28" s="182">
        <v>0</v>
      </c>
      <c r="BS28" s="185">
        <v>0</v>
      </c>
      <c r="BT28" s="186">
        <v>0</v>
      </c>
      <c r="BU28" s="181">
        <v>0</v>
      </c>
      <c r="BV28" s="182">
        <v>0</v>
      </c>
      <c r="BW28" s="182">
        <v>0</v>
      </c>
      <c r="BX28" s="183">
        <v>0</v>
      </c>
      <c r="BY28" s="184">
        <v>0</v>
      </c>
      <c r="BZ28" s="184">
        <v>0</v>
      </c>
      <c r="CA28" s="184">
        <v>0</v>
      </c>
      <c r="CB28" s="182">
        <v>0</v>
      </c>
      <c r="CC28" s="185">
        <v>0</v>
      </c>
      <c r="CD28" s="187">
        <v>0</v>
      </c>
      <c r="CE28" s="188">
        <v>0</v>
      </c>
      <c r="CF28" s="182">
        <v>0</v>
      </c>
      <c r="CG28" s="182">
        <v>0</v>
      </c>
      <c r="CH28" s="183">
        <v>0</v>
      </c>
      <c r="CI28" s="184">
        <v>0</v>
      </c>
      <c r="CJ28" s="184">
        <v>0</v>
      </c>
      <c r="CK28" s="184">
        <v>0</v>
      </c>
      <c r="CL28" s="182">
        <v>0</v>
      </c>
      <c r="CM28" s="185">
        <v>0</v>
      </c>
      <c r="CN28" s="187">
        <v>0</v>
      </c>
      <c r="CO28" s="188">
        <v>0</v>
      </c>
      <c r="CP28" s="182">
        <v>0</v>
      </c>
      <c r="CQ28" s="182">
        <v>0</v>
      </c>
      <c r="CR28" s="183">
        <v>0</v>
      </c>
      <c r="CS28" s="184">
        <v>0</v>
      </c>
      <c r="CT28" s="184">
        <v>0</v>
      </c>
      <c r="CU28" s="184">
        <v>0</v>
      </c>
      <c r="CV28" s="182">
        <v>3</v>
      </c>
      <c r="CW28" s="185">
        <v>3</v>
      </c>
      <c r="CX28" s="186">
        <v>3</v>
      </c>
      <c r="CY28" s="181">
        <v>0</v>
      </c>
      <c r="CZ28" s="182">
        <v>0</v>
      </c>
      <c r="DA28" s="182">
        <v>0</v>
      </c>
      <c r="DB28" s="183">
        <v>0</v>
      </c>
      <c r="DC28" s="184">
        <v>0</v>
      </c>
      <c r="DD28" s="184">
        <v>0</v>
      </c>
      <c r="DE28" s="184">
        <v>0</v>
      </c>
      <c r="DF28" s="182">
        <v>3</v>
      </c>
      <c r="DG28" s="185">
        <v>3</v>
      </c>
      <c r="DH28" s="187">
        <v>3</v>
      </c>
      <c r="DI28" s="188">
        <v>0</v>
      </c>
      <c r="DJ28" s="182">
        <v>0</v>
      </c>
      <c r="DK28" s="182">
        <v>0</v>
      </c>
      <c r="DL28" s="183">
        <v>0</v>
      </c>
      <c r="DM28" s="184">
        <v>0</v>
      </c>
      <c r="DN28" s="184">
        <v>0</v>
      </c>
      <c r="DO28" s="184">
        <v>0</v>
      </c>
      <c r="DP28" s="182">
        <v>0</v>
      </c>
      <c r="DQ28" s="185">
        <v>0</v>
      </c>
      <c r="DR28" s="187">
        <v>0</v>
      </c>
      <c r="DS28" s="188">
        <v>0</v>
      </c>
      <c r="DT28" s="182">
        <v>0</v>
      </c>
      <c r="DU28" s="182">
        <v>0</v>
      </c>
      <c r="DV28" s="183">
        <v>12</v>
      </c>
      <c r="DW28" s="184">
        <v>22</v>
      </c>
      <c r="DX28" s="184">
        <v>80</v>
      </c>
      <c r="DY28" s="184">
        <v>123</v>
      </c>
      <c r="DZ28" s="182">
        <v>78</v>
      </c>
      <c r="EA28" s="185">
        <v>315</v>
      </c>
      <c r="EB28" s="187">
        <v>315</v>
      </c>
      <c r="EC28" s="32"/>
    </row>
    <row r="29" spans="2:133" ht="21" customHeight="1" x14ac:dyDescent="0.2">
      <c r="B29" s="472" t="s">
        <v>26</v>
      </c>
      <c r="C29" s="181">
        <v>0</v>
      </c>
      <c r="D29" s="182">
        <v>0</v>
      </c>
      <c r="E29" s="182">
        <v>0</v>
      </c>
      <c r="F29" s="183">
        <v>1</v>
      </c>
      <c r="G29" s="184">
        <v>10</v>
      </c>
      <c r="H29" s="184">
        <v>39</v>
      </c>
      <c r="I29" s="184">
        <v>76</v>
      </c>
      <c r="J29" s="182">
        <v>51</v>
      </c>
      <c r="K29" s="185">
        <v>177</v>
      </c>
      <c r="L29" s="186">
        <v>177</v>
      </c>
      <c r="M29" s="181">
        <v>0</v>
      </c>
      <c r="N29" s="182">
        <v>0</v>
      </c>
      <c r="O29" s="185">
        <v>0</v>
      </c>
      <c r="P29" s="183">
        <v>1</v>
      </c>
      <c r="Q29" s="184">
        <v>10</v>
      </c>
      <c r="R29" s="184">
        <v>39</v>
      </c>
      <c r="S29" s="184">
        <v>75</v>
      </c>
      <c r="T29" s="182">
        <v>50</v>
      </c>
      <c r="U29" s="185">
        <v>175</v>
      </c>
      <c r="V29" s="187">
        <v>175</v>
      </c>
      <c r="W29" s="188">
        <v>0</v>
      </c>
      <c r="X29" s="182">
        <v>0</v>
      </c>
      <c r="Y29" s="185">
        <v>0</v>
      </c>
      <c r="Z29" s="188">
        <v>0</v>
      </c>
      <c r="AA29" s="184">
        <v>0</v>
      </c>
      <c r="AB29" s="184">
        <v>0</v>
      </c>
      <c r="AC29" s="184">
        <v>1</v>
      </c>
      <c r="AD29" s="182">
        <v>1</v>
      </c>
      <c r="AE29" s="185">
        <v>2</v>
      </c>
      <c r="AF29" s="189">
        <v>2</v>
      </c>
      <c r="AG29" s="188">
        <v>0</v>
      </c>
      <c r="AH29" s="182">
        <v>0</v>
      </c>
      <c r="AI29" s="185">
        <v>0</v>
      </c>
      <c r="AJ29" s="188">
        <v>6</v>
      </c>
      <c r="AK29" s="184">
        <v>26</v>
      </c>
      <c r="AL29" s="184">
        <v>20</v>
      </c>
      <c r="AM29" s="184">
        <v>18</v>
      </c>
      <c r="AN29" s="182">
        <v>15</v>
      </c>
      <c r="AO29" s="185">
        <v>85</v>
      </c>
      <c r="AP29" s="189">
        <v>85</v>
      </c>
      <c r="AQ29" s="188">
        <v>0</v>
      </c>
      <c r="AR29" s="182">
        <v>0</v>
      </c>
      <c r="AS29" s="185">
        <v>0</v>
      </c>
      <c r="AT29" s="183">
        <v>6</v>
      </c>
      <c r="AU29" s="184">
        <v>25</v>
      </c>
      <c r="AV29" s="184">
        <v>20</v>
      </c>
      <c r="AW29" s="184">
        <v>17</v>
      </c>
      <c r="AX29" s="182">
        <v>15</v>
      </c>
      <c r="AY29" s="185">
        <v>83</v>
      </c>
      <c r="AZ29" s="186">
        <v>83</v>
      </c>
      <c r="BA29" s="181">
        <v>0</v>
      </c>
      <c r="BB29" s="182">
        <v>0</v>
      </c>
      <c r="BC29" s="182">
        <v>0</v>
      </c>
      <c r="BD29" s="183">
        <v>0</v>
      </c>
      <c r="BE29" s="184">
        <v>1</v>
      </c>
      <c r="BF29" s="184">
        <v>0</v>
      </c>
      <c r="BG29" s="184">
        <v>1</v>
      </c>
      <c r="BH29" s="182">
        <v>0</v>
      </c>
      <c r="BI29" s="185">
        <v>2</v>
      </c>
      <c r="BJ29" s="187">
        <v>2</v>
      </c>
      <c r="BK29" s="188">
        <v>0</v>
      </c>
      <c r="BL29" s="182">
        <v>0</v>
      </c>
      <c r="BM29" s="182">
        <v>0</v>
      </c>
      <c r="BN29" s="183">
        <v>0</v>
      </c>
      <c r="BO29" s="184">
        <v>0</v>
      </c>
      <c r="BP29" s="184">
        <v>0</v>
      </c>
      <c r="BQ29" s="184">
        <v>0</v>
      </c>
      <c r="BR29" s="182">
        <v>0</v>
      </c>
      <c r="BS29" s="185">
        <v>0</v>
      </c>
      <c r="BT29" s="186">
        <v>0</v>
      </c>
      <c r="BU29" s="181">
        <v>0</v>
      </c>
      <c r="BV29" s="182">
        <v>0</v>
      </c>
      <c r="BW29" s="182">
        <v>0</v>
      </c>
      <c r="BX29" s="183">
        <v>0</v>
      </c>
      <c r="BY29" s="184">
        <v>0</v>
      </c>
      <c r="BZ29" s="184">
        <v>0</v>
      </c>
      <c r="CA29" s="184">
        <v>0</v>
      </c>
      <c r="CB29" s="182">
        <v>0</v>
      </c>
      <c r="CC29" s="185">
        <v>0</v>
      </c>
      <c r="CD29" s="187">
        <v>0</v>
      </c>
      <c r="CE29" s="188">
        <v>0</v>
      </c>
      <c r="CF29" s="182">
        <v>0</v>
      </c>
      <c r="CG29" s="182">
        <v>0</v>
      </c>
      <c r="CH29" s="183">
        <v>0</v>
      </c>
      <c r="CI29" s="184">
        <v>0</v>
      </c>
      <c r="CJ29" s="184">
        <v>0</v>
      </c>
      <c r="CK29" s="184">
        <v>0</v>
      </c>
      <c r="CL29" s="182">
        <v>0</v>
      </c>
      <c r="CM29" s="185">
        <v>0</v>
      </c>
      <c r="CN29" s="187">
        <v>0</v>
      </c>
      <c r="CO29" s="188">
        <v>0</v>
      </c>
      <c r="CP29" s="182">
        <v>0</v>
      </c>
      <c r="CQ29" s="182">
        <v>0</v>
      </c>
      <c r="CR29" s="183">
        <v>0</v>
      </c>
      <c r="CS29" s="184">
        <v>0</v>
      </c>
      <c r="CT29" s="184">
        <v>1</v>
      </c>
      <c r="CU29" s="184">
        <v>0</v>
      </c>
      <c r="CV29" s="182">
        <v>2</v>
      </c>
      <c r="CW29" s="185">
        <v>3</v>
      </c>
      <c r="CX29" s="186">
        <v>3</v>
      </c>
      <c r="CY29" s="181">
        <v>0</v>
      </c>
      <c r="CZ29" s="182">
        <v>0</v>
      </c>
      <c r="DA29" s="182">
        <v>0</v>
      </c>
      <c r="DB29" s="183">
        <v>0</v>
      </c>
      <c r="DC29" s="184">
        <v>0</v>
      </c>
      <c r="DD29" s="184">
        <v>1</v>
      </c>
      <c r="DE29" s="184">
        <v>0</v>
      </c>
      <c r="DF29" s="182">
        <v>2</v>
      </c>
      <c r="DG29" s="185">
        <v>3</v>
      </c>
      <c r="DH29" s="187">
        <v>3</v>
      </c>
      <c r="DI29" s="188">
        <v>0</v>
      </c>
      <c r="DJ29" s="182">
        <v>0</v>
      </c>
      <c r="DK29" s="182">
        <v>0</v>
      </c>
      <c r="DL29" s="183">
        <v>0</v>
      </c>
      <c r="DM29" s="184">
        <v>0</v>
      </c>
      <c r="DN29" s="184">
        <v>0</v>
      </c>
      <c r="DO29" s="184">
        <v>0</v>
      </c>
      <c r="DP29" s="182">
        <v>0</v>
      </c>
      <c r="DQ29" s="185">
        <v>0</v>
      </c>
      <c r="DR29" s="187">
        <v>0</v>
      </c>
      <c r="DS29" s="188">
        <v>0</v>
      </c>
      <c r="DT29" s="182">
        <v>0</v>
      </c>
      <c r="DU29" s="182">
        <v>0</v>
      </c>
      <c r="DV29" s="183">
        <v>7</v>
      </c>
      <c r="DW29" s="184">
        <v>36</v>
      </c>
      <c r="DX29" s="184">
        <v>60</v>
      </c>
      <c r="DY29" s="184">
        <v>94</v>
      </c>
      <c r="DZ29" s="182">
        <v>68</v>
      </c>
      <c r="EA29" s="185">
        <v>265</v>
      </c>
      <c r="EB29" s="187">
        <v>265</v>
      </c>
      <c r="EC29" s="32"/>
    </row>
    <row r="30" spans="2:133" ht="21" customHeight="1" x14ac:dyDescent="0.2">
      <c r="B30" s="472" t="s">
        <v>27</v>
      </c>
      <c r="C30" s="181">
        <v>0</v>
      </c>
      <c r="D30" s="182">
        <v>0</v>
      </c>
      <c r="E30" s="182">
        <v>0</v>
      </c>
      <c r="F30" s="183">
        <v>3</v>
      </c>
      <c r="G30" s="184">
        <v>2</v>
      </c>
      <c r="H30" s="184">
        <v>33</v>
      </c>
      <c r="I30" s="184">
        <v>63</v>
      </c>
      <c r="J30" s="182">
        <v>42</v>
      </c>
      <c r="K30" s="185">
        <v>143</v>
      </c>
      <c r="L30" s="186">
        <v>143</v>
      </c>
      <c r="M30" s="181">
        <v>0</v>
      </c>
      <c r="N30" s="182">
        <v>0</v>
      </c>
      <c r="O30" s="185">
        <v>0</v>
      </c>
      <c r="P30" s="183">
        <v>3</v>
      </c>
      <c r="Q30" s="184">
        <v>2</v>
      </c>
      <c r="R30" s="184">
        <v>31</v>
      </c>
      <c r="S30" s="184">
        <v>63</v>
      </c>
      <c r="T30" s="182">
        <v>42</v>
      </c>
      <c r="U30" s="185">
        <v>141</v>
      </c>
      <c r="V30" s="187">
        <v>141</v>
      </c>
      <c r="W30" s="188">
        <v>0</v>
      </c>
      <c r="X30" s="182">
        <v>0</v>
      </c>
      <c r="Y30" s="185">
        <v>0</v>
      </c>
      <c r="Z30" s="188">
        <v>0</v>
      </c>
      <c r="AA30" s="184">
        <v>0</v>
      </c>
      <c r="AB30" s="184">
        <v>2</v>
      </c>
      <c r="AC30" s="184">
        <v>0</v>
      </c>
      <c r="AD30" s="182">
        <v>0</v>
      </c>
      <c r="AE30" s="185">
        <v>2</v>
      </c>
      <c r="AF30" s="189">
        <v>2</v>
      </c>
      <c r="AG30" s="188">
        <v>0</v>
      </c>
      <c r="AH30" s="182">
        <v>0</v>
      </c>
      <c r="AI30" s="185">
        <v>0</v>
      </c>
      <c r="AJ30" s="188">
        <v>10</v>
      </c>
      <c r="AK30" s="184">
        <v>18</v>
      </c>
      <c r="AL30" s="184">
        <v>21</v>
      </c>
      <c r="AM30" s="184">
        <v>18</v>
      </c>
      <c r="AN30" s="182">
        <v>17</v>
      </c>
      <c r="AO30" s="185">
        <v>84</v>
      </c>
      <c r="AP30" s="189">
        <v>84</v>
      </c>
      <c r="AQ30" s="188">
        <v>0</v>
      </c>
      <c r="AR30" s="182">
        <v>0</v>
      </c>
      <c r="AS30" s="185">
        <v>0</v>
      </c>
      <c r="AT30" s="183">
        <v>10</v>
      </c>
      <c r="AU30" s="184">
        <v>16</v>
      </c>
      <c r="AV30" s="184">
        <v>20</v>
      </c>
      <c r="AW30" s="184">
        <v>16</v>
      </c>
      <c r="AX30" s="182">
        <v>17</v>
      </c>
      <c r="AY30" s="185">
        <v>79</v>
      </c>
      <c r="AZ30" s="186">
        <v>79</v>
      </c>
      <c r="BA30" s="181">
        <v>0</v>
      </c>
      <c r="BB30" s="182">
        <v>0</v>
      </c>
      <c r="BC30" s="182">
        <v>0</v>
      </c>
      <c r="BD30" s="183">
        <v>0</v>
      </c>
      <c r="BE30" s="184">
        <v>2</v>
      </c>
      <c r="BF30" s="184">
        <v>1</v>
      </c>
      <c r="BG30" s="184">
        <v>2</v>
      </c>
      <c r="BH30" s="182">
        <v>0</v>
      </c>
      <c r="BI30" s="185">
        <v>5</v>
      </c>
      <c r="BJ30" s="187">
        <v>5</v>
      </c>
      <c r="BK30" s="188">
        <v>0</v>
      </c>
      <c r="BL30" s="182">
        <v>0</v>
      </c>
      <c r="BM30" s="182">
        <v>0</v>
      </c>
      <c r="BN30" s="183">
        <v>0</v>
      </c>
      <c r="BO30" s="184">
        <v>0</v>
      </c>
      <c r="BP30" s="184">
        <v>0</v>
      </c>
      <c r="BQ30" s="184">
        <v>0</v>
      </c>
      <c r="BR30" s="182">
        <v>0</v>
      </c>
      <c r="BS30" s="185">
        <v>0</v>
      </c>
      <c r="BT30" s="186">
        <v>0</v>
      </c>
      <c r="BU30" s="181">
        <v>0</v>
      </c>
      <c r="BV30" s="182">
        <v>0</v>
      </c>
      <c r="BW30" s="182">
        <v>0</v>
      </c>
      <c r="BX30" s="183">
        <v>0</v>
      </c>
      <c r="BY30" s="184">
        <v>0</v>
      </c>
      <c r="BZ30" s="184">
        <v>0</v>
      </c>
      <c r="CA30" s="184">
        <v>0</v>
      </c>
      <c r="CB30" s="182">
        <v>0</v>
      </c>
      <c r="CC30" s="185">
        <v>0</v>
      </c>
      <c r="CD30" s="187">
        <v>0</v>
      </c>
      <c r="CE30" s="188">
        <v>0</v>
      </c>
      <c r="CF30" s="182">
        <v>0</v>
      </c>
      <c r="CG30" s="182">
        <v>0</v>
      </c>
      <c r="CH30" s="183">
        <v>0</v>
      </c>
      <c r="CI30" s="184">
        <v>0</v>
      </c>
      <c r="CJ30" s="184">
        <v>0</v>
      </c>
      <c r="CK30" s="184">
        <v>0</v>
      </c>
      <c r="CL30" s="182">
        <v>0</v>
      </c>
      <c r="CM30" s="185">
        <v>0</v>
      </c>
      <c r="CN30" s="187">
        <v>0</v>
      </c>
      <c r="CO30" s="188">
        <v>0</v>
      </c>
      <c r="CP30" s="182">
        <v>0</v>
      </c>
      <c r="CQ30" s="182">
        <v>0</v>
      </c>
      <c r="CR30" s="183">
        <v>0</v>
      </c>
      <c r="CS30" s="184">
        <v>0</v>
      </c>
      <c r="CT30" s="184">
        <v>0</v>
      </c>
      <c r="CU30" s="184">
        <v>4</v>
      </c>
      <c r="CV30" s="182">
        <v>1</v>
      </c>
      <c r="CW30" s="185">
        <v>5</v>
      </c>
      <c r="CX30" s="186">
        <v>5</v>
      </c>
      <c r="CY30" s="181">
        <v>0</v>
      </c>
      <c r="CZ30" s="182">
        <v>0</v>
      </c>
      <c r="DA30" s="182">
        <v>0</v>
      </c>
      <c r="DB30" s="183">
        <v>0</v>
      </c>
      <c r="DC30" s="184">
        <v>0</v>
      </c>
      <c r="DD30" s="184">
        <v>0</v>
      </c>
      <c r="DE30" s="184">
        <v>3</v>
      </c>
      <c r="DF30" s="182">
        <v>0</v>
      </c>
      <c r="DG30" s="185">
        <v>3</v>
      </c>
      <c r="DH30" s="187">
        <v>3</v>
      </c>
      <c r="DI30" s="188">
        <v>0</v>
      </c>
      <c r="DJ30" s="182">
        <v>0</v>
      </c>
      <c r="DK30" s="182">
        <v>0</v>
      </c>
      <c r="DL30" s="183">
        <v>0</v>
      </c>
      <c r="DM30" s="184">
        <v>0</v>
      </c>
      <c r="DN30" s="184">
        <v>0</v>
      </c>
      <c r="DO30" s="184">
        <v>1</v>
      </c>
      <c r="DP30" s="182">
        <v>1</v>
      </c>
      <c r="DQ30" s="185">
        <v>2</v>
      </c>
      <c r="DR30" s="187">
        <v>2</v>
      </c>
      <c r="DS30" s="188">
        <v>0</v>
      </c>
      <c r="DT30" s="182">
        <v>0</v>
      </c>
      <c r="DU30" s="182">
        <v>0</v>
      </c>
      <c r="DV30" s="183">
        <v>13</v>
      </c>
      <c r="DW30" s="184">
        <v>20</v>
      </c>
      <c r="DX30" s="184">
        <v>54</v>
      </c>
      <c r="DY30" s="184">
        <v>85</v>
      </c>
      <c r="DZ30" s="182">
        <v>60</v>
      </c>
      <c r="EA30" s="185">
        <v>232</v>
      </c>
      <c r="EB30" s="187">
        <v>232</v>
      </c>
      <c r="EC30" s="32"/>
    </row>
    <row r="31" spans="2:133" ht="21" customHeight="1" x14ac:dyDescent="0.2">
      <c r="B31" s="472" t="s">
        <v>28</v>
      </c>
      <c r="C31" s="181">
        <v>0</v>
      </c>
      <c r="D31" s="182">
        <v>0</v>
      </c>
      <c r="E31" s="182">
        <v>0</v>
      </c>
      <c r="F31" s="183">
        <v>0</v>
      </c>
      <c r="G31" s="184">
        <v>2</v>
      </c>
      <c r="H31" s="184">
        <v>16</v>
      </c>
      <c r="I31" s="184">
        <v>14</v>
      </c>
      <c r="J31" s="182">
        <v>18</v>
      </c>
      <c r="K31" s="185">
        <v>50</v>
      </c>
      <c r="L31" s="186">
        <v>50</v>
      </c>
      <c r="M31" s="181">
        <v>0</v>
      </c>
      <c r="N31" s="182">
        <v>0</v>
      </c>
      <c r="O31" s="185">
        <v>0</v>
      </c>
      <c r="P31" s="183">
        <v>0</v>
      </c>
      <c r="Q31" s="184">
        <v>2</v>
      </c>
      <c r="R31" s="184">
        <v>16</v>
      </c>
      <c r="S31" s="184">
        <v>14</v>
      </c>
      <c r="T31" s="182">
        <v>17</v>
      </c>
      <c r="U31" s="185">
        <v>49</v>
      </c>
      <c r="V31" s="187">
        <v>49</v>
      </c>
      <c r="W31" s="188">
        <v>0</v>
      </c>
      <c r="X31" s="182">
        <v>0</v>
      </c>
      <c r="Y31" s="185">
        <v>0</v>
      </c>
      <c r="Z31" s="188">
        <v>0</v>
      </c>
      <c r="AA31" s="184">
        <v>0</v>
      </c>
      <c r="AB31" s="184">
        <v>0</v>
      </c>
      <c r="AC31" s="184">
        <v>0</v>
      </c>
      <c r="AD31" s="182">
        <v>1</v>
      </c>
      <c r="AE31" s="185">
        <v>1</v>
      </c>
      <c r="AF31" s="189">
        <v>1</v>
      </c>
      <c r="AG31" s="188">
        <v>0</v>
      </c>
      <c r="AH31" s="182">
        <v>0</v>
      </c>
      <c r="AI31" s="185">
        <v>0</v>
      </c>
      <c r="AJ31" s="188">
        <v>4</v>
      </c>
      <c r="AK31" s="184">
        <v>7</v>
      </c>
      <c r="AL31" s="184">
        <v>9</v>
      </c>
      <c r="AM31" s="184">
        <v>6</v>
      </c>
      <c r="AN31" s="182">
        <v>4</v>
      </c>
      <c r="AO31" s="185">
        <v>30</v>
      </c>
      <c r="AP31" s="189">
        <v>30</v>
      </c>
      <c r="AQ31" s="188">
        <v>0</v>
      </c>
      <c r="AR31" s="182">
        <v>0</v>
      </c>
      <c r="AS31" s="185">
        <v>0</v>
      </c>
      <c r="AT31" s="183">
        <v>4</v>
      </c>
      <c r="AU31" s="184">
        <v>7</v>
      </c>
      <c r="AV31" s="184">
        <v>9</v>
      </c>
      <c r="AW31" s="184">
        <v>6</v>
      </c>
      <c r="AX31" s="182">
        <v>4</v>
      </c>
      <c r="AY31" s="185">
        <v>30</v>
      </c>
      <c r="AZ31" s="186">
        <v>30</v>
      </c>
      <c r="BA31" s="181">
        <v>0</v>
      </c>
      <c r="BB31" s="182">
        <v>0</v>
      </c>
      <c r="BC31" s="182">
        <v>0</v>
      </c>
      <c r="BD31" s="183">
        <v>0</v>
      </c>
      <c r="BE31" s="184">
        <v>0</v>
      </c>
      <c r="BF31" s="184">
        <v>0</v>
      </c>
      <c r="BG31" s="184">
        <v>0</v>
      </c>
      <c r="BH31" s="182">
        <v>0</v>
      </c>
      <c r="BI31" s="185">
        <v>0</v>
      </c>
      <c r="BJ31" s="187">
        <v>0</v>
      </c>
      <c r="BK31" s="188">
        <v>0</v>
      </c>
      <c r="BL31" s="182">
        <v>0</v>
      </c>
      <c r="BM31" s="182">
        <v>0</v>
      </c>
      <c r="BN31" s="183">
        <v>0</v>
      </c>
      <c r="BO31" s="184">
        <v>0</v>
      </c>
      <c r="BP31" s="184">
        <v>0</v>
      </c>
      <c r="BQ31" s="184">
        <v>0</v>
      </c>
      <c r="BR31" s="182">
        <v>0</v>
      </c>
      <c r="BS31" s="185">
        <v>0</v>
      </c>
      <c r="BT31" s="186">
        <v>0</v>
      </c>
      <c r="BU31" s="181">
        <v>0</v>
      </c>
      <c r="BV31" s="182">
        <v>0</v>
      </c>
      <c r="BW31" s="182">
        <v>0</v>
      </c>
      <c r="BX31" s="183">
        <v>0</v>
      </c>
      <c r="BY31" s="184">
        <v>0</v>
      </c>
      <c r="BZ31" s="184">
        <v>0</v>
      </c>
      <c r="CA31" s="184">
        <v>0</v>
      </c>
      <c r="CB31" s="182">
        <v>0</v>
      </c>
      <c r="CC31" s="185">
        <v>0</v>
      </c>
      <c r="CD31" s="187">
        <v>0</v>
      </c>
      <c r="CE31" s="188">
        <v>0</v>
      </c>
      <c r="CF31" s="182">
        <v>0</v>
      </c>
      <c r="CG31" s="182">
        <v>0</v>
      </c>
      <c r="CH31" s="183">
        <v>0</v>
      </c>
      <c r="CI31" s="184">
        <v>0</v>
      </c>
      <c r="CJ31" s="184">
        <v>0</v>
      </c>
      <c r="CK31" s="184">
        <v>0</v>
      </c>
      <c r="CL31" s="182">
        <v>0</v>
      </c>
      <c r="CM31" s="185">
        <v>0</v>
      </c>
      <c r="CN31" s="187">
        <v>0</v>
      </c>
      <c r="CO31" s="188">
        <v>0</v>
      </c>
      <c r="CP31" s="182">
        <v>0</v>
      </c>
      <c r="CQ31" s="182">
        <v>0</v>
      </c>
      <c r="CR31" s="183">
        <v>0</v>
      </c>
      <c r="CS31" s="184">
        <v>0</v>
      </c>
      <c r="CT31" s="184">
        <v>0</v>
      </c>
      <c r="CU31" s="184">
        <v>0</v>
      </c>
      <c r="CV31" s="182">
        <v>0</v>
      </c>
      <c r="CW31" s="185">
        <v>0</v>
      </c>
      <c r="CX31" s="186">
        <v>0</v>
      </c>
      <c r="CY31" s="181">
        <v>0</v>
      </c>
      <c r="CZ31" s="182">
        <v>0</v>
      </c>
      <c r="DA31" s="182">
        <v>0</v>
      </c>
      <c r="DB31" s="183">
        <v>0</v>
      </c>
      <c r="DC31" s="184">
        <v>0</v>
      </c>
      <c r="DD31" s="184">
        <v>0</v>
      </c>
      <c r="DE31" s="184">
        <v>0</v>
      </c>
      <c r="DF31" s="182">
        <v>0</v>
      </c>
      <c r="DG31" s="185">
        <v>0</v>
      </c>
      <c r="DH31" s="187">
        <v>0</v>
      </c>
      <c r="DI31" s="188">
        <v>0</v>
      </c>
      <c r="DJ31" s="182">
        <v>0</v>
      </c>
      <c r="DK31" s="182">
        <v>0</v>
      </c>
      <c r="DL31" s="183">
        <v>0</v>
      </c>
      <c r="DM31" s="184">
        <v>0</v>
      </c>
      <c r="DN31" s="184">
        <v>0</v>
      </c>
      <c r="DO31" s="184">
        <v>0</v>
      </c>
      <c r="DP31" s="182">
        <v>0</v>
      </c>
      <c r="DQ31" s="185">
        <v>0</v>
      </c>
      <c r="DR31" s="187">
        <v>0</v>
      </c>
      <c r="DS31" s="188">
        <v>0</v>
      </c>
      <c r="DT31" s="182">
        <v>0</v>
      </c>
      <c r="DU31" s="182">
        <v>0</v>
      </c>
      <c r="DV31" s="183">
        <v>4</v>
      </c>
      <c r="DW31" s="184">
        <v>9</v>
      </c>
      <c r="DX31" s="184">
        <v>25</v>
      </c>
      <c r="DY31" s="184">
        <v>20</v>
      </c>
      <c r="DZ31" s="182">
        <v>22</v>
      </c>
      <c r="EA31" s="185">
        <v>80</v>
      </c>
      <c r="EB31" s="187">
        <v>80</v>
      </c>
      <c r="EC31" s="32"/>
    </row>
    <row r="32" spans="2:133" ht="21" customHeight="1" x14ac:dyDescent="0.2">
      <c r="B32" s="472" t="s">
        <v>29</v>
      </c>
      <c r="C32" s="181">
        <v>0</v>
      </c>
      <c r="D32" s="182">
        <v>0</v>
      </c>
      <c r="E32" s="182">
        <v>0</v>
      </c>
      <c r="F32" s="183">
        <v>0</v>
      </c>
      <c r="G32" s="184">
        <v>2</v>
      </c>
      <c r="H32" s="184">
        <v>11</v>
      </c>
      <c r="I32" s="184">
        <v>31</v>
      </c>
      <c r="J32" s="182">
        <v>19</v>
      </c>
      <c r="K32" s="185">
        <v>63</v>
      </c>
      <c r="L32" s="186">
        <v>63</v>
      </c>
      <c r="M32" s="181">
        <v>0</v>
      </c>
      <c r="N32" s="182">
        <v>0</v>
      </c>
      <c r="O32" s="185">
        <v>0</v>
      </c>
      <c r="P32" s="183">
        <v>0</v>
      </c>
      <c r="Q32" s="184">
        <v>2</v>
      </c>
      <c r="R32" s="184">
        <v>11</v>
      </c>
      <c r="S32" s="184">
        <v>31</v>
      </c>
      <c r="T32" s="182">
        <v>19</v>
      </c>
      <c r="U32" s="185">
        <v>63</v>
      </c>
      <c r="V32" s="187">
        <v>63</v>
      </c>
      <c r="W32" s="188">
        <v>0</v>
      </c>
      <c r="X32" s="182">
        <v>0</v>
      </c>
      <c r="Y32" s="185">
        <v>0</v>
      </c>
      <c r="Z32" s="188">
        <v>0</v>
      </c>
      <c r="AA32" s="184">
        <v>0</v>
      </c>
      <c r="AB32" s="184">
        <v>0</v>
      </c>
      <c r="AC32" s="184">
        <v>0</v>
      </c>
      <c r="AD32" s="182">
        <v>0</v>
      </c>
      <c r="AE32" s="185">
        <v>0</v>
      </c>
      <c r="AF32" s="189">
        <v>0</v>
      </c>
      <c r="AG32" s="188">
        <v>0</v>
      </c>
      <c r="AH32" s="182">
        <v>0</v>
      </c>
      <c r="AI32" s="185">
        <v>0</v>
      </c>
      <c r="AJ32" s="188">
        <v>2</v>
      </c>
      <c r="AK32" s="184">
        <v>11</v>
      </c>
      <c r="AL32" s="184">
        <v>13</v>
      </c>
      <c r="AM32" s="184">
        <v>11</v>
      </c>
      <c r="AN32" s="182">
        <v>8</v>
      </c>
      <c r="AO32" s="185">
        <v>45</v>
      </c>
      <c r="AP32" s="189">
        <v>45</v>
      </c>
      <c r="AQ32" s="188">
        <v>0</v>
      </c>
      <c r="AR32" s="182">
        <v>0</v>
      </c>
      <c r="AS32" s="185">
        <v>0</v>
      </c>
      <c r="AT32" s="183">
        <v>2</v>
      </c>
      <c r="AU32" s="184">
        <v>11</v>
      </c>
      <c r="AV32" s="184">
        <v>13</v>
      </c>
      <c r="AW32" s="184">
        <v>11</v>
      </c>
      <c r="AX32" s="182">
        <v>8</v>
      </c>
      <c r="AY32" s="185">
        <v>45</v>
      </c>
      <c r="AZ32" s="186">
        <v>45</v>
      </c>
      <c r="BA32" s="181">
        <v>0</v>
      </c>
      <c r="BB32" s="182">
        <v>0</v>
      </c>
      <c r="BC32" s="182">
        <v>0</v>
      </c>
      <c r="BD32" s="183">
        <v>0</v>
      </c>
      <c r="BE32" s="184">
        <v>0</v>
      </c>
      <c r="BF32" s="184">
        <v>0</v>
      </c>
      <c r="BG32" s="184">
        <v>0</v>
      </c>
      <c r="BH32" s="182">
        <v>0</v>
      </c>
      <c r="BI32" s="185">
        <v>0</v>
      </c>
      <c r="BJ32" s="187">
        <v>0</v>
      </c>
      <c r="BK32" s="188">
        <v>0</v>
      </c>
      <c r="BL32" s="182">
        <v>0</v>
      </c>
      <c r="BM32" s="182">
        <v>0</v>
      </c>
      <c r="BN32" s="183">
        <v>0</v>
      </c>
      <c r="BO32" s="184">
        <v>0</v>
      </c>
      <c r="BP32" s="184">
        <v>0</v>
      </c>
      <c r="BQ32" s="184">
        <v>0</v>
      </c>
      <c r="BR32" s="182">
        <v>0</v>
      </c>
      <c r="BS32" s="185">
        <v>0</v>
      </c>
      <c r="BT32" s="186">
        <v>0</v>
      </c>
      <c r="BU32" s="181">
        <v>0</v>
      </c>
      <c r="BV32" s="182">
        <v>0</v>
      </c>
      <c r="BW32" s="182">
        <v>0</v>
      </c>
      <c r="BX32" s="183">
        <v>0</v>
      </c>
      <c r="BY32" s="184">
        <v>0</v>
      </c>
      <c r="BZ32" s="184">
        <v>0</v>
      </c>
      <c r="CA32" s="184">
        <v>0</v>
      </c>
      <c r="CB32" s="182">
        <v>0</v>
      </c>
      <c r="CC32" s="185">
        <v>0</v>
      </c>
      <c r="CD32" s="187">
        <v>0</v>
      </c>
      <c r="CE32" s="188">
        <v>0</v>
      </c>
      <c r="CF32" s="182">
        <v>0</v>
      </c>
      <c r="CG32" s="182">
        <v>0</v>
      </c>
      <c r="CH32" s="183">
        <v>0</v>
      </c>
      <c r="CI32" s="184">
        <v>0</v>
      </c>
      <c r="CJ32" s="184">
        <v>0</v>
      </c>
      <c r="CK32" s="184">
        <v>0</v>
      </c>
      <c r="CL32" s="182">
        <v>0</v>
      </c>
      <c r="CM32" s="185">
        <v>0</v>
      </c>
      <c r="CN32" s="187">
        <v>0</v>
      </c>
      <c r="CO32" s="188">
        <v>0</v>
      </c>
      <c r="CP32" s="182">
        <v>0</v>
      </c>
      <c r="CQ32" s="182">
        <v>0</v>
      </c>
      <c r="CR32" s="183">
        <v>0</v>
      </c>
      <c r="CS32" s="184">
        <v>0</v>
      </c>
      <c r="CT32" s="184">
        <v>0</v>
      </c>
      <c r="CU32" s="184">
        <v>0</v>
      </c>
      <c r="CV32" s="182">
        <v>0</v>
      </c>
      <c r="CW32" s="185">
        <v>0</v>
      </c>
      <c r="CX32" s="186">
        <v>0</v>
      </c>
      <c r="CY32" s="181">
        <v>0</v>
      </c>
      <c r="CZ32" s="182">
        <v>0</v>
      </c>
      <c r="DA32" s="182">
        <v>0</v>
      </c>
      <c r="DB32" s="183">
        <v>0</v>
      </c>
      <c r="DC32" s="184">
        <v>0</v>
      </c>
      <c r="DD32" s="184">
        <v>0</v>
      </c>
      <c r="DE32" s="184">
        <v>0</v>
      </c>
      <c r="DF32" s="182">
        <v>0</v>
      </c>
      <c r="DG32" s="185">
        <v>0</v>
      </c>
      <c r="DH32" s="187">
        <v>0</v>
      </c>
      <c r="DI32" s="188">
        <v>0</v>
      </c>
      <c r="DJ32" s="182">
        <v>0</v>
      </c>
      <c r="DK32" s="182">
        <v>0</v>
      </c>
      <c r="DL32" s="183">
        <v>0</v>
      </c>
      <c r="DM32" s="184">
        <v>0</v>
      </c>
      <c r="DN32" s="184">
        <v>0</v>
      </c>
      <c r="DO32" s="184">
        <v>0</v>
      </c>
      <c r="DP32" s="182">
        <v>0</v>
      </c>
      <c r="DQ32" s="185">
        <v>0</v>
      </c>
      <c r="DR32" s="187">
        <v>0</v>
      </c>
      <c r="DS32" s="188">
        <v>0</v>
      </c>
      <c r="DT32" s="182">
        <v>0</v>
      </c>
      <c r="DU32" s="182">
        <v>0</v>
      </c>
      <c r="DV32" s="183">
        <v>2</v>
      </c>
      <c r="DW32" s="184">
        <v>13</v>
      </c>
      <c r="DX32" s="184">
        <v>24</v>
      </c>
      <c r="DY32" s="184">
        <v>42</v>
      </c>
      <c r="DZ32" s="182">
        <v>27</v>
      </c>
      <c r="EA32" s="185">
        <v>108</v>
      </c>
      <c r="EB32" s="187">
        <v>108</v>
      </c>
      <c r="EC32" s="32"/>
    </row>
    <row r="33" spans="2:133" ht="21" customHeight="1" x14ac:dyDescent="0.2">
      <c r="B33" s="472" t="s">
        <v>30</v>
      </c>
      <c r="C33" s="181">
        <v>0</v>
      </c>
      <c r="D33" s="182">
        <v>0</v>
      </c>
      <c r="E33" s="182">
        <v>0</v>
      </c>
      <c r="F33" s="183">
        <v>1</v>
      </c>
      <c r="G33" s="184">
        <v>1</v>
      </c>
      <c r="H33" s="184">
        <v>24</v>
      </c>
      <c r="I33" s="184">
        <v>33</v>
      </c>
      <c r="J33" s="182">
        <v>16</v>
      </c>
      <c r="K33" s="185">
        <v>75</v>
      </c>
      <c r="L33" s="186">
        <v>75</v>
      </c>
      <c r="M33" s="181">
        <v>0</v>
      </c>
      <c r="N33" s="182">
        <v>0</v>
      </c>
      <c r="O33" s="185">
        <v>0</v>
      </c>
      <c r="P33" s="183">
        <v>1</v>
      </c>
      <c r="Q33" s="184">
        <v>1</v>
      </c>
      <c r="R33" s="184">
        <v>24</v>
      </c>
      <c r="S33" s="184">
        <v>33</v>
      </c>
      <c r="T33" s="182">
        <v>16</v>
      </c>
      <c r="U33" s="185">
        <v>75</v>
      </c>
      <c r="V33" s="187">
        <v>75</v>
      </c>
      <c r="W33" s="188">
        <v>0</v>
      </c>
      <c r="X33" s="182">
        <v>0</v>
      </c>
      <c r="Y33" s="185">
        <v>0</v>
      </c>
      <c r="Z33" s="188">
        <v>0</v>
      </c>
      <c r="AA33" s="184">
        <v>0</v>
      </c>
      <c r="AB33" s="184">
        <v>0</v>
      </c>
      <c r="AC33" s="184">
        <v>0</v>
      </c>
      <c r="AD33" s="182">
        <v>0</v>
      </c>
      <c r="AE33" s="185">
        <v>0</v>
      </c>
      <c r="AF33" s="189">
        <v>0</v>
      </c>
      <c r="AG33" s="188">
        <v>0</v>
      </c>
      <c r="AH33" s="182">
        <v>0</v>
      </c>
      <c r="AI33" s="185">
        <v>0</v>
      </c>
      <c r="AJ33" s="188">
        <v>12</v>
      </c>
      <c r="AK33" s="184">
        <v>2</v>
      </c>
      <c r="AL33" s="184">
        <v>13</v>
      </c>
      <c r="AM33" s="184">
        <v>15</v>
      </c>
      <c r="AN33" s="182">
        <v>6</v>
      </c>
      <c r="AO33" s="185">
        <v>48</v>
      </c>
      <c r="AP33" s="189">
        <v>48</v>
      </c>
      <c r="AQ33" s="188">
        <v>0</v>
      </c>
      <c r="AR33" s="182">
        <v>0</v>
      </c>
      <c r="AS33" s="185">
        <v>0</v>
      </c>
      <c r="AT33" s="183">
        <v>12</v>
      </c>
      <c r="AU33" s="184">
        <v>2</v>
      </c>
      <c r="AV33" s="184">
        <v>12</v>
      </c>
      <c r="AW33" s="184">
        <v>15</v>
      </c>
      <c r="AX33" s="182">
        <v>6</v>
      </c>
      <c r="AY33" s="185">
        <v>47</v>
      </c>
      <c r="AZ33" s="186">
        <v>47</v>
      </c>
      <c r="BA33" s="181">
        <v>0</v>
      </c>
      <c r="BB33" s="182">
        <v>0</v>
      </c>
      <c r="BC33" s="182">
        <v>0</v>
      </c>
      <c r="BD33" s="183">
        <v>0</v>
      </c>
      <c r="BE33" s="184">
        <v>0</v>
      </c>
      <c r="BF33" s="184">
        <v>1</v>
      </c>
      <c r="BG33" s="184">
        <v>0</v>
      </c>
      <c r="BH33" s="182">
        <v>0</v>
      </c>
      <c r="BI33" s="185">
        <v>1</v>
      </c>
      <c r="BJ33" s="187">
        <v>1</v>
      </c>
      <c r="BK33" s="188">
        <v>0</v>
      </c>
      <c r="BL33" s="182">
        <v>0</v>
      </c>
      <c r="BM33" s="182">
        <v>0</v>
      </c>
      <c r="BN33" s="183">
        <v>0</v>
      </c>
      <c r="BO33" s="184">
        <v>0</v>
      </c>
      <c r="BP33" s="184">
        <v>0</v>
      </c>
      <c r="BQ33" s="184">
        <v>0</v>
      </c>
      <c r="BR33" s="182">
        <v>0</v>
      </c>
      <c r="BS33" s="185">
        <v>0</v>
      </c>
      <c r="BT33" s="186">
        <v>0</v>
      </c>
      <c r="BU33" s="181">
        <v>0</v>
      </c>
      <c r="BV33" s="182">
        <v>0</v>
      </c>
      <c r="BW33" s="182">
        <v>0</v>
      </c>
      <c r="BX33" s="183">
        <v>0</v>
      </c>
      <c r="BY33" s="184">
        <v>0</v>
      </c>
      <c r="BZ33" s="184">
        <v>0</v>
      </c>
      <c r="CA33" s="184">
        <v>0</v>
      </c>
      <c r="CB33" s="182">
        <v>0</v>
      </c>
      <c r="CC33" s="185">
        <v>0</v>
      </c>
      <c r="CD33" s="187">
        <v>0</v>
      </c>
      <c r="CE33" s="188">
        <v>0</v>
      </c>
      <c r="CF33" s="182">
        <v>0</v>
      </c>
      <c r="CG33" s="182">
        <v>0</v>
      </c>
      <c r="CH33" s="183">
        <v>0</v>
      </c>
      <c r="CI33" s="184">
        <v>0</v>
      </c>
      <c r="CJ33" s="184">
        <v>0</v>
      </c>
      <c r="CK33" s="184">
        <v>0</v>
      </c>
      <c r="CL33" s="182">
        <v>0</v>
      </c>
      <c r="CM33" s="185">
        <v>0</v>
      </c>
      <c r="CN33" s="187">
        <v>0</v>
      </c>
      <c r="CO33" s="188">
        <v>0</v>
      </c>
      <c r="CP33" s="182">
        <v>0</v>
      </c>
      <c r="CQ33" s="182">
        <v>0</v>
      </c>
      <c r="CR33" s="183">
        <v>0</v>
      </c>
      <c r="CS33" s="184">
        <v>0</v>
      </c>
      <c r="CT33" s="184">
        <v>0</v>
      </c>
      <c r="CU33" s="184">
        <v>2</v>
      </c>
      <c r="CV33" s="182">
        <v>2</v>
      </c>
      <c r="CW33" s="185">
        <v>4</v>
      </c>
      <c r="CX33" s="186">
        <v>4</v>
      </c>
      <c r="CY33" s="181">
        <v>0</v>
      </c>
      <c r="CZ33" s="182">
        <v>0</v>
      </c>
      <c r="DA33" s="182">
        <v>0</v>
      </c>
      <c r="DB33" s="183">
        <v>0</v>
      </c>
      <c r="DC33" s="184">
        <v>0</v>
      </c>
      <c r="DD33" s="184">
        <v>0</v>
      </c>
      <c r="DE33" s="184">
        <v>2</v>
      </c>
      <c r="DF33" s="182">
        <v>1</v>
      </c>
      <c r="DG33" s="185">
        <v>3</v>
      </c>
      <c r="DH33" s="187">
        <v>3</v>
      </c>
      <c r="DI33" s="188">
        <v>0</v>
      </c>
      <c r="DJ33" s="182">
        <v>0</v>
      </c>
      <c r="DK33" s="182">
        <v>0</v>
      </c>
      <c r="DL33" s="183">
        <v>0</v>
      </c>
      <c r="DM33" s="184">
        <v>0</v>
      </c>
      <c r="DN33" s="184">
        <v>0</v>
      </c>
      <c r="DO33" s="184">
        <v>0</v>
      </c>
      <c r="DP33" s="182">
        <v>1</v>
      </c>
      <c r="DQ33" s="185">
        <v>1</v>
      </c>
      <c r="DR33" s="187">
        <v>1</v>
      </c>
      <c r="DS33" s="188">
        <v>0</v>
      </c>
      <c r="DT33" s="182">
        <v>0</v>
      </c>
      <c r="DU33" s="182">
        <v>0</v>
      </c>
      <c r="DV33" s="183">
        <v>13</v>
      </c>
      <c r="DW33" s="184">
        <v>3</v>
      </c>
      <c r="DX33" s="184">
        <v>37</v>
      </c>
      <c r="DY33" s="184">
        <v>50</v>
      </c>
      <c r="DZ33" s="182">
        <v>24</v>
      </c>
      <c r="EA33" s="185">
        <v>127</v>
      </c>
      <c r="EB33" s="187">
        <v>127</v>
      </c>
      <c r="EC33" s="32"/>
    </row>
    <row r="34" spans="2:133" ht="21" customHeight="1" x14ac:dyDescent="0.2">
      <c r="B34" s="472" t="s">
        <v>31</v>
      </c>
      <c r="C34" s="181">
        <v>0</v>
      </c>
      <c r="D34" s="182">
        <v>0</v>
      </c>
      <c r="E34" s="182">
        <v>0</v>
      </c>
      <c r="F34" s="183">
        <v>1</v>
      </c>
      <c r="G34" s="184">
        <v>2</v>
      </c>
      <c r="H34" s="184">
        <v>30</v>
      </c>
      <c r="I34" s="184">
        <v>31</v>
      </c>
      <c r="J34" s="182">
        <v>24</v>
      </c>
      <c r="K34" s="185">
        <v>88</v>
      </c>
      <c r="L34" s="186">
        <v>88</v>
      </c>
      <c r="M34" s="181">
        <v>0</v>
      </c>
      <c r="N34" s="182">
        <v>0</v>
      </c>
      <c r="O34" s="185">
        <v>0</v>
      </c>
      <c r="P34" s="183">
        <v>1</v>
      </c>
      <c r="Q34" s="184">
        <v>2</v>
      </c>
      <c r="R34" s="184">
        <v>30</v>
      </c>
      <c r="S34" s="184">
        <v>31</v>
      </c>
      <c r="T34" s="182">
        <v>24</v>
      </c>
      <c r="U34" s="185">
        <v>88</v>
      </c>
      <c r="V34" s="187">
        <v>88</v>
      </c>
      <c r="W34" s="188">
        <v>0</v>
      </c>
      <c r="X34" s="182">
        <v>0</v>
      </c>
      <c r="Y34" s="185">
        <v>0</v>
      </c>
      <c r="Z34" s="188">
        <v>0</v>
      </c>
      <c r="AA34" s="184">
        <v>0</v>
      </c>
      <c r="AB34" s="184">
        <v>0</v>
      </c>
      <c r="AC34" s="184">
        <v>0</v>
      </c>
      <c r="AD34" s="182">
        <v>0</v>
      </c>
      <c r="AE34" s="185">
        <v>0</v>
      </c>
      <c r="AF34" s="189">
        <v>0</v>
      </c>
      <c r="AG34" s="188">
        <v>0</v>
      </c>
      <c r="AH34" s="182">
        <v>0</v>
      </c>
      <c r="AI34" s="185">
        <v>0</v>
      </c>
      <c r="AJ34" s="188">
        <v>2</v>
      </c>
      <c r="AK34" s="184">
        <v>11</v>
      </c>
      <c r="AL34" s="184">
        <v>8</v>
      </c>
      <c r="AM34" s="184">
        <v>11</v>
      </c>
      <c r="AN34" s="182">
        <v>5</v>
      </c>
      <c r="AO34" s="185">
        <v>37</v>
      </c>
      <c r="AP34" s="189">
        <v>37</v>
      </c>
      <c r="AQ34" s="188">
        <v>0</v>
      </c>
      <c r="AR34" s="182">
        <v>0</v>
      </c>
      <c r="AS34" s="185">
        <v>0</v>
      </c>
      <c r="AT34" s="183">
        <v>2</v>
      </c>
      <c r="AU34" s="184">
        <v>11</v>
      </c>
      <c r="AV34" s="184">
        <v>8</v>
      </c>
      <c r="AW34" s="184">
        <v>11</v>
      </c>
      <c r="AX34" s="182">
        <v>5</v>
      </c>
      <c r="AY34" s="185">
        <v>37</v>
      </c>
      <c r="AZ34" s="186">
        <v>37</v>
      </c>
      <c r="BA34" s="181">
        <v>0</v>
      </c>
      <c r="BB34" s="182">
        <v>0</v>
      </c>
      <c r="BC34" s="182">
        <v>0</v>
      </c>
      <c r="BD34" s="183">
        <v>0</v>
      </c>
      <c r="BE34" s="184">
        <v>0</v>
      </c>
      <c r="BF34" s="184">
        <v>0</v>
      </c>
      <c r="BG34" s="184">
        <v>0</v>
      </c>
      <c r="BH34" s="182">
        <v>0</v>
      </c>
      <c r="BI34" s="185">
        <v>0</v>
      </c>
      <c r="BJ34" s="187">
        <v>0</v>
      </c>
      <c r="BK34" s="188">
        <v>0</v>
      </c>
      <c r="BL34" s="182">
        <v>0</v>
      </c>
      <c r="BM34" s="182">
        <v>0</v>
      </c>
      <c r="BN34" s="183">
        <v>0</v>
      </c>
      <c r="BO34" s="184">
        <v>0</v>
      </c>
      <c r="BP34" s="184">
        <v>0</v>
      </c>
      <c r="BQ34" s="184">
        <v>0</v>
      </c>
      <c r="BR34" s="182">
        <v>0</v>
      </c>
      <c r="BS34" s="185">
        <v>0</v>
      </c>
      <c r="BT34" s="186">
        <v>0</v>
      </c>
      <c r="BU34" s="181">
        <v>0</v>
      </c>
      <c r="BV34" s="182">
        <v>0</v>
      </c>
      <c r="BW34" s="182">
        <v>0</v>
      </c>
      <c r="BX34" s="183">
        <v>0</v>
      </c>
      <c r="BY34" s="184">
        <v>0</v>
      </c>
      <c r="BZ34" s="184">
        <v>0</v>
      </c>
      <c r="CA34" s="184">
        <v>0</v>
      </c>
      <c r="CB34" s="182">
        <v>0</v>
      </c>
      <c r="CC34" s="185">
        <v>0</v>
      </c>
      <c r="CD34" s="187">
        <v>0</v>
      </c>
      <c r="CE34" s="188">
        <v>0</v>
      </c>
      <c r="CF34" s="182">
        <v>0</v>
      </c>
      <c r="CG34" s="182">
        <v>0</v>
      </c>
      <c r="CH34" s="183">
        <v>0</v>
      </c>
      <c r="CI34" s="184">
        <v>0</v>
      </c>
      <c r="CJ34" s="184">
        <v>0</v>
      </c>
      <c r="CK34" s="184">
        <v>0</v>
      </c>
      <c r="CL34" s="182">
        <v>0</v>
      </c>
      <c r="CM34" s="185">
        <v>0</v>
      </c>
      <c r="CN34" s="187">
        <v>0</v>
      </c>
      <c r="CO34" s="188">
        <v>0</v>
      </c>
      <c r="CP34" s="182">
        <v>0</v>
      </c>
      <c r="CQ34" s="182">
        <v>0</v>
      </c>
      <c r="CR34" s="183">
        <v>0</v>
      </c>
      <c r="CS34" s="184">
        <v>1</v>
      </c>
      <c r="CT34" s="184">
        <v>0</v>
      </c>
      <c r="CU34" s="184">
        <v>2</v>
      </c>
      <c r="CV34" s="182">
        <v>1</v>
      </c>
      <c r="CW34" s="185">
        <v>4</v>
      </c>
      <c r="CX34" s="186">
        <v>4</v>
      </c>
      <c r="CY34" s="181">
        <v>0</v>
      </c>
      <c r="CZ34" s="182">
        <v>0</v>
      </c>
      <c r="DA34" s="182">
        <v>0</v>
      </c>
      <c r="DB34" s="183">
        <v>0</v>
      </c>
      <c r="DC34" s="184">
        <v>1</v>
      </c>
      <c r="DD34" s="184">
        <v>0</v>
      </c>
      <c r="DE34" s="184">
        <v>2</v>
      </c>
      <c r="DF34" s="182">
        <v>1</v>
      </c>
      <c r="DG34" s="185">
        <v>4</v>
      </c>
      <c r="DH34" s="187">
        <v>4</v>
      </c>
      <c r="DI34" s="188">
        <v>0</v>
      </c>
      <c r="DJ34" s="182">
        <v>0</v>
      </c>
      <c r="DK34" s="182">
        <v>0</v>
      </c>
      <c r="DL34" s="183">
        <v>0</v>
      </c>
      <c r="DM34" s="184">
        <v>0</v>
      </c>
      <c r="DN34" s="184">
        <v>0</v>
      </c>
      <c r="DO34" s="184">
        <v>0</v>
      </c>
      <c r="DP34" s="182">
        <v>0</v>
      </c>
      <c r="DQ34" s="185">
        <v>0</v>
      </c>
      <c r="DR34" s="187">
        <v>0</v>
      </c>
      <c r="DS34" s="188">
        <v>0</v>
      </c>
      <c r="DT34" s="182">
        <v>0</v>
      </c>
      <c r="DU34" s="182">
        <v>0</v>
      </c>
      <c r="DV34" s="183">
        <v>3</v>
      </c>
      <c r="DW34" s="184">
        <v>14</v>
      </c>
      <c r="DX34" s="184">
        <v>38</v>
      </c>
      <c r="DY34" s="184">
        <v>44</v>
      </c>
      <c r="DZ34" s="182">
        <v>30</v>
      </c>
      <c r="EA34" s="185">
        <v>129</v>
      </c>
      <c r="EB34" s="187">
        <v>129</v>
      </c>
      <c r="EC34" s="32"/>
    </row>
    <row r="35" spans="2:133" ht="21" customHeight="1" x14ac:dyDescent="0.2">
      <c r="B35" s="472" t="s">
        <v>32</v>
      </c>
      <c r="C35" s="181">
        <v>0</v>
      </c>
      <c r="D35" s="182">
        <v>0</v>
      </c>
      <c r="E35" s="182">
        <v>0</v>
      </c>
      <c r="F35" s="183">
        <v>2</v>
      </c>
      <c r="G35" s="184">
        <v>0</v>
      </c>
      <c r="H35" s="184">
        <v>13</v>
      </c>
      <c r="I35" s="184">
        <v>25</v>
      </c>
      <c r="J35" s="182">
        <v>18</v>
      </c>
      <c r="K35" s="185">
        <v>58</v>
      </c>
      <c r="L35" s="186">
        <v>58</v>
      </c>
      <c r="M35" s="181">
        <v>0</v>
      </c>
      <c r="N35" s="182">
        <v>0</v>
      </c>
      <c r="O35" s="185">
        <v>0</v>
      </c>
      <c r="P35" s="183">
        <v>2</v>
      </c>
      <c r="Q35" s="184">
        <v>0</v>
      </c>
      <c r="R35" s="184">
        <v>13</v>
      </c>
      <c r="S35" s="184">
        <v>25</v>
      </c>
      <c r="T35" s="182">
        <v>17</v>
      </c>
      <c r="U35" s="185">
        <v>57</v>
      </c>
      <c r="V35" s="187">
        <v>57</v>
      </c>
      <c r="W35" s="188">
        <v>0</v>
      </c>
      <c r="X35" s="182">
        <v>0</v>
      </c>
      <c r="Y35" s="185">
        <v>0</v>
      </c>
      <c r="Z35" s="188">
        <v>0</v>
      </c>
      <c r="AA35" s="184">
        <v>0</v>
      </c>
      <c r="AB35" s="184">
        <v>0</v>
      </c>
      <c r="AC35" s="184">
        <v>0</v>
      </c>
      <c r="AD35" s="182">
        <v>1</v>
      </c>
      <c r="AE35" s="185">
        <v>1</v>
      </c>
      <c r="AF35" s="189">
        <v>1</v>
      </c>
      <c r="AG35" s="188">
        <v>0</v>
      </c>
      <c r="AH35" s="182">
        <v>0</v>
      </c>
      <c r="AI35" s="185">
        <v>0</v>
      </c>
      <c r="AJ35" s="188">
        <v>4</v>
      </c>
      <c r="AK35" s="184">
        <v>7</v>
      </c>
      <c r="AL35" s="184">
        <v>14</v>
      </c>
      <c r="AM35" s="184">
        <v>17</v>
      </c>
      <c r="AN35" s="182">
        <v>5</v>
      </c>
      <c r="AO35" s="185">
        <v>47</v>
      </c>
      <c r="AP35" s="189">
        <v>47</v>
      </c>
      <c r="AQ35" s="188">
        <v>0</v>
      </c>
      <c r="AR35" s="182">
        <v>0</v>
      </c>
      <c r="AS35" s="185">
        <v>0</v>
      </c>
      <c r="AT35" s="183">
        <v>4</v>
      </c>
      <c r="AU35" s="184">
        <v>7</v>
      </c>
      <c r="AV35" s="184">
        <v>14</v>
      </c>
      <c r="AW35" s="184">
        <v>17</v>
      </c>
      <c r="AX35" s="182">
        <v>5</v>
      </c>
      <c r="AY35" s="185">
        <v>47</v>
      </c>
      <c r="AZ35" s="186">
        <v>47</v>
      </c>
      <c r="BA35" s="181">
        <v>0</v>
      </c>
      <c r="BB35" s="182">
        <v>0</v>
      </c>
      <c r="BC35" s="182">
        <v>0</v>
      </c>
      <c r="BD35" s="183">
        <v>0</v>
      </c>
      <c r="BE35" s="184">
        <v>0</v>
      </c>
      <c r="BF35" s="184">
        <v>0</v>
      </c>
      <c r="BG35" s="184">
        <v>0</v>
      </c>
      <c r="BH35" s="182">
        <v>0</v>
      </c>
      <c r="BI35" s="185">
        <v>0</v>
      </c>
      <c r="BJ35" s="187">
        <v>0</v>
      </c>
      <c r="BK35" s="188">
        <v>0</v>
      </c>
      <c r="BL35" s="182">
        <v>0</v>
      </c>
      <c r="BM35" s="182">
        <v>0</v>
      </c>
      <c r="BN35" s="183">
        <v>0</v>
      </c>
      <c r="BO35" s="184">
        <v>0</v>
      </c>
      <c r="BP35" s="184">
        <v>0</v>
      </c>
      <c r="BQ35" s="184">
        <v>0</v>
      </c>
      <c r="BR35" s="182">
        <v>0</v>
      </c>
      <c r="BS35" s="185">
        <v>0</v>
      </c>
      <c r="BT35" s="186">
        <v>0</v>
      </c>
      <c r="BU35" s="181">
        <v>0</v>
      </c>
      <c r="BV35" s="182">
        <v>0</v>
      </c>
      <c r="BW35" s="182">
        <v>0</v>
      </c>
      <c r="BX35" s="183">
        <v>0</v>
      </c>
      <c r="BY35" s="184">
        <v>0</v>
      </c>
      <c r="BZ35" s="184">
        <v>0</v>
      </c>
      <c r="CA35" s="184">
        <v>0</v>
      </c>
      <c r="CB35" s="182">
        <v>0</v>
      </c>
      <c r="CC35" s="185">
        <v>0</v>
      </c>
      <c r="CD35" s="187">
        <v>0</v>
      </c>
      <c r="CE35" s="188">
        <v>0</v>
      </c>
      <c r="CF35" s="182">
        <v>0</v>
      </c>
      <c r="CG35" s="182">
        <v>0</v>
      </c>
      <c r="CH35" s="183">
        <v>0</v>
      </c>
      <c r="CI35" s="184">
        <v>0</v>
      </c>
      <c r="CJ35" s="184">
        <v>0</v>
      </c>
      <c r="CK35" s="184">
        <v>0</v>
      </c>
      <c r="CL35" s="182">
        <v>0</v>
      </c>
      <c r="CM35" s="185">
        <v>0</v>
      </c>
      <c r="CN35" s="187">
        <v>0</v>
      </c>
      <c r="CO35" s="188">
        <v>0</v>
      </c>
      <c r="CP35" s="182">
        <v>0</v>
      </c>
      <c r="CQ35" s="182">
        <v>0</v>
      </c>
      <c r="CR35" s="183">
        <v>0</v>
      </c>
      <c r="CS35" s="184">
        <v>2</v>
      </c>
      <c r="CT35" s="184">
        <v>2</v>
      </c>
      <c r="CU35" s="184">
        <v>0</v>
      </c>
      <c r="CV35" s="182">
        <v>1</v>
      </c>
      <c r="CW35" s="185">
        <v>5</v>
      </c>
      <c r="CX35" s="186">
        <v>5</v>
      </c>
      <c r="CY35" s="181">
        <v>0</v>
      </c>
      <c r="CZ35" s="182">
        <v>0</v>
      </c>
      <c r="DA35" s="182">
        <v>0</v>
      </c>
      <c r="DB35" s="183">
        <v>0</v>
      </c>
      <c r="DC35" s="184">
        <v>2</v>
      </c>
      <c r="DD35" s="184">
        <v>2</v>
      </c>
      <c r="DE35" s="184">
        <v>0</v>
      </c>
      <c r="DF35" s="182">
        <v>1</v>
      </c>
      <c r="DG35" s="185">
        <v>5</v>
      </c>
      <c r="DH35" s="187">
        <v>5</v>
      </c>
      <c r="DI35" s="188">
        <v>0</v>
      </c>
      <c r="DJ35" s="182">
        <v>0</v>
      </c>
      <c r="DK35" s="182">
        <v>0</v>
      </c>
      <c r="DL35" s="183">
        <v>0</v>
      </c>
      <c r="DM35" s="184">
        <v>0</v>
      </c>
      <c r="DN35" s="184">
        <v>0</v>
      </c>
      <c r="DO35" s="184">
        <v>0</v>
      </c>
      <c r="DP35" s="182">
        <v>0</v>
      </c>
      <c r="DQ35" s="185">
        <v>0</v>
      </c>
      <c r="DR35" s="187">
        <v>0</v>
      </c>
      <c r="DS35" s="188">
        <v>0</v>
      </c>
      <c r="DT35" s="182">
        <v>0</v>
      </c>
      <c r="DU35" s="182">
        <v>0</v>
      </c>
      <c r="DV35" s="183">
        <v>6</v>
      </c>
      <c r="DW35" s="184">
        <v>9</v>
      </c>
      <c r="DX35" s="184">
        <v>29</v>
      </c>
      <c r="DY35" s="184">
        <v>42</v>
      </c>
      <c r="DZ35" s="182">
        <v>24</v>
      </c>
      <c r="EA35" s="185">
        <v>110</v>
      </c>
      <c r="EB35" s="187">
        <v>110</v>
      </c>
      <c r="EC35" s="32"/>
    </row>
    <row r="36" spans="2:133" ht="21" customHeight="1" x14ac:dyDescent="0.2">
      <c r="B36" s="472" t="s">
        <v>33</v>
      </c>
      <c r="C36" s="181">
        <v>0</v>
      </c>
      <c r="D36" s="182">
        <v>0</v>
      </c>
      <c r="E36" s="182">
        <v>0</v>
      </c>
      <c r="F36" s="183">
        <v>0</v>
      </c>
      <c r="G36" s="184">
        <v>6</v>
      </c>
      <c r="H36" s="184">
        <v>22</v>
      </c>
      <c r="I36" s="184">
        <v>31</v>
      </c>
      <c r="J36" s="182">
        <v>21</v>
      </c>
      <c r="K36" s="185">
        <v>80</v>
      </c>
      <c r="L36" s="186">
        <v>80</v>
      </c>
      <c r="M36" s="181">
        <v>0</v>
      </c>
      <c r="N36" s="182">
        <v>0</v>
      </c>
      <c r="O36" s="185">
        <v>0</v>
      </c>
      <c r="P36" s="183">
        <v>0</v>
      </c>
      <c r="Q36" s="184">
        <v>6</v>
      </c>
      <c r="R36" s="184">
        <v>22</v>
      </c>
      <c r="S36" s="184">
        <v>31</v>
      </c>
      <c r="T36" s="182">
        <v>21</v>
      </c>
      <c r="U36" s="185">
        <v>80</v>
      </c>
      <c r="V36" s="187">
        <v>80</v>
      </c>
      <c r="W36" s="188">
        <v>0</v>
      </c>
      <c r="X36" s="182">
        <v>0</v>
      </c>
      <c r="Y36" s="185">
        <v>0</v>
      </c>
      <c r="Z36" s="188">
        <v>0</v>
      </c>
      <c r="AA36" s="184">
        <v>0</v>
      </c>
      <c r="AB36" s="184">
        <v>0</v>
      </c>
      <c r="AC36" s="184">
        <v>0</v>
      </c>
      <c r="AD36" s="182">
        <v>0</v>
      </c>
      <c r="AE36" s="185">
        <v>0</v>
      </c>
      <c r="AF36" s="189">
        <v>0</v>
      </c>
      <c r="AG36" s="188">
        <v>0</v>
      </c>
      <c r="AH36" s="182">
        <v>0</v>
      </c>
      <c r="AI36" s="185">
        <v>0</v>
      </c>
      <c r="AJ36" s="188">
        <v>7</v>
      </c>
      <c r="AK36" s="184">
        <v>8</v>
      </c>
      <c r="AL36" s="184">
        <v>11</v>
      </c>
      <c r="AM36" s="184">
        <v>20</v>
      </c>
      <c r="AN36" s="182">
        <v>5</v>
      </c>
      <c r="AO36" s="185">
        <v>51</v>
      </c>
      <c r="AP36" s="189">
        <v>51</v>
      </c>
      <c r="AQ36" s="188">
        <v>0</v>
      </c>
      <c r="AR36" s="182">
        <v>0</v>
      </c>
      <c r="AS36" s="185">
        <v>0</v>
      </c>
      <c r="AT36" s="183">
        <v>7</v>
      </c>
      <c r="AU36" s="184">
        <v>8</v>
      </c>
      <c r="AV36" s="184">
        <v>11</v>
      </c>
      <c r="AW36" s="184">
        <v>20</v>
      </c>
      <c r="AX36" s="182">
        <v>5</v>
      </c>
      <c r="AY36" s="185">
        <v>51</v>
      </c>
      <c r="AZ36" s="186">
        <v>51</v>
      </c>
      <c r="BA36" s="181">
        <v>0</v>
      </c>
      <c r="BB36" s="182">
        <v>0</v>
      </c>
      <c r="BC36" s="182">
        <v>0</v>
      </c>
      <c r="BD36" s="183">
        <v>0</v>
      </c>
      <c r="BE36" s="184">
        <v>0</v>
      </c>
      <c r="BF36" s="184">
        <v>0</v>
      </c>
      <c r="BG36" s="184">
        <v>0</v>
      </c>
      <c r="BH36" s="182">
        <v>0</v>
      </c>
      <c r="BI36" s="185">
        <v>0</v>
      </c>
      <c r="BJ36" s="187">
        <v>0</v>
      </c>
      <c r="BK36" s="188">
        <v>0</v>
      </c>
      <c r="BL36" s="182">
        <v>0</v>
      </c>
      <c r="BM36" s="182">
        <v>0</v>
      </c>
      <c r="BN36" s="183">
        <v>0</v>
      </c>
      <c r="BO36" s="184">
        <v>0</v>
      </c>
      <c r="BP36" s="184">
        <v>0</v>
      </c>
      <c r="BQ36" s="184">
        <v>0</v>
      </c>
      <c r="BR36" s="182">
        <v>0</v>
      </c>
      <c r="BS36" s="185">
        <v>0</v>
      </c>
      <c r="BT36" s="186">
        <v>0</v>
      </c>
      <c r="BU36" s="181">
        <v>0</v>
      </c>
      <c r="BV36" s="182">
        <v>0</v>
      </c>
      <c r="BW36" s="182">
        <v>0</v>
      </c>
      <c r="BX36" s="183">
        <v>0</v>
      </c>
      <c r="BY36" s="184">
        <v>0</v>
      </c>
      <c r="BZ36" s="184">
        <v>0</v>
      </c>
      <c r="CA36" s="184">
        <v>0</v>
      </c>
      <c r="CB36" s="182">
        <v>0</v>
      </c>
      <c r="CC36" s="185">
        <v>0</v>
      </c>
      <c r="CD36" s="187">
        <v>0</v>
      </c>
      <c r="CE36" s="188">
        <v>0</v>
      </c>
      <c r="CF36" s="182">
        <v>0</v>
      </c>
      <c r="CG36" s="182">
        <v>0</v>
      </c>
      <c r="CH36" s="183">
        <v>0</v>
      </c>
      <c r="CI36" s="184">
        <v>0</v>
      </c>
      <c r="CJ36" s="184">
        <v>0</v>
      </c>
      <c r="CK36" s="184">
        <v>0</v>
      </c>
      <c r="CL36" s="182">
        <v>0</v>
      </c>
      <c r="CM36" s="185">
        <v>0</v>
      </c>
      <c r="CN36" s="187">
        <v>0</v>
      </c>
      <c r="CO36" s="188">
        <v>0</v>
      </c>
      <c r="CP36" s="182">
        <v>0</v>
      </c>
      <c r="CQ36" s="182">
        <v>0</v>
      </c>
      <c r="CR36" s="183">
        <v>3</v>
      </c>
      <c r="CS36" s="184">
        <v>5</v>
      </c>
      <c r="CT36" s="184">
        <v>6</v>
      </c>
      <c r="CU36" s="184">
        <v>9</v>
      </c>
      <c r="CV36" s="182">
        <v>13</v>
      </c>
      <c r="CW36" s="185">
        <v>36</v>
      </c>
      <c r="CX36" s="186">
        <v>36</v>
      </c>
      <c r="CY36" s="181">
        <v>0</v>
      </c>
      <c r="CZ36" s="182">
        <v>0</v>
      </c>
      <c r="DA36" s="182">
        <v>0</v>
      </c>
      <c r="DB36" s="183">
        <v>3</v>
      </c>
      <c r="DC36" s="184">
        <v>5</v>
      </c>
      <c r="DD36" s="184">
        <v>6</v>
      </c>
      <c r="DE36" s="184">
        <v>9</v>
      </c>
      <c r="DF36" s="182">
        <v>13</v>
      </c>
      <c r="DG36" s="185">
        <v>36</v>
      </c>
      <c r="DH36" s="187">
        <v>36</v>
      </c>
      <c r="DI36" s="188">
        <v>0</v>
      </c>
      <c r="DJ36" s="182">
        <v>0</v>
      </c>
      <c r="DK36" s="182">
        <v>0</v>
      </c>
      <c r="DL36" s="183">
        <v>0</v>
      </c>
      <c r="DM36" s="184">
        <v>0</v>
      </c>
      <c r="DN36" s="184">
        <v>0</v>
      </c>
      <c r="DO36" s="184">
        <v>0</v>
      </c>
      <c r="DP36" s="182">
        <v>0</v>
      </c>
      <c r="DQ36" s="185">
        <v>0</v>
      </c>
      <c r="DR36" s="187">
        <v>0</v>
      </c>
      <c r="DS36" s="188">
        <v>0</v>
      </c>
      <c r="DT36" s="182">
        <v>0</v>
      </c>
      <c r="DU36" s="182">
        <v>0</v>
      </c>
      <c r="DV36" s="183">
        <v>10</v>
      </c>
      <c r="DW36" s="184">
        <v>19</v>
      </c>
      <c r="DX36" s="184">
        <v>39</v>
      </c>
      <c r="DY36" s="184">
        <v>60</v>
      </c>
      <c r="DZ36" s="182">
        <v>39</v>
      </c>
      <c r="EA36" s="185">
        <v>167</v>
      </c>
      <c r="EB36" s="187">
        <v>167</v>
      </c>
      <c r="EC36" s="32"/>
    </row>
    <row r="37" spans="2:133" ht="21" customHeight="1" x14ac:dyDescent="0.2">
      <c r="B37" s="472" t="s">
        <v>34</v>
      </c>
      <c r="C37" s="181">
        <v>0</v>
      </c>
      <c r="D37" s="182">
        <v>0</v>
      </c>
      <c r="E37" s="182">
        <v>0</v>
      </c>
      <c r="F37" s="183">
        <v>0</v>
      </c>
      <c r="G37" s="184">
        <v>0</v>
      </c>
      <c r="H37" s="184">
        <v>9</v>
      </c>
      <c r="I37" s="184">
        <v>20</v>
      </c>
      <c r="J37" s="182">
        <v>14</v>
      </c>
      <c r="K37" s="185">
        <v>43</v>
      </c>
      <c r="L37" s="186">
        <v>43</v>
      </c>
      <c r="M37" s="181">
        <v>0</v>
      </c>
      <c r="N37" s="182">
        <v>0</v>
      </c>
      <c r="O37" s="185">
        <v>0</v>
      </c>
      <c r="P37" s="183">
        <v>0</v>
      </c>
      <c r="Q37" s="184">
        <v>0</v>
      </c>
      <c r="R37" s="184">
        <v>9</v>
      </c>
      <c r="S37" s="184">
        <v>20</v>
      </c>
      <c r="T37" s="182">
        <v>14</v>
      </c>
      <c r="U37" s="185">
        <v>43</v>
      </c>
      <c r="V37" s="187">
        <v>43</v>
      </c>
      <c r="W37" s="188">
        <v>0</v>
      </c>
      <c r="X37" s="182">
        <v>0</v>
      </c>
      <c r="Y37" s="185">
        <v>0</v>
      </c>
      <c r="Z37" s="188">
        <v>0</v>
      </c>
      <c r="AA37" s="184">
        <v>0</v>
      </c>
      <c r="AB37" s="184">
        <v>0</v>
      </c>
      <c r="AC37" s="184">
        <v>0</v>
      </c>
      <c r="AD37" s="182">
        <v>0</v>
      </c>
      <c r="AE37" s="185">
        <v>0</v>
      </c>
      <c r="AF37" s="189">
        <v>0</v>
      </c>
      <c r="AG37" s="188">
        <v>0</v>
      </c>
      <c r="AH37" s="182">
        <v>0</v>
      </c>
      <c r="AI37" s="185">
        <v>0</v>
      </c>
      <c r="AJ37" s="188">
        <v>4</v>
      </c>
      <c r="AK37" s="184">
        <v>13</v>
      </c>
      <c r="AL37" s="184">
        <v>7</v>
      </c>
      <c r="AM37" s="184">
        <v>9</v>
      </c>
      <c r="AN37" s="182">
        <v>4</v>
      </c>
      <c r="AO37" s="185">
        <v>37</v>
      </c>
      <c r="AP37" s="189">
        <v>37</v>
      </c>
      <c r="AQ37" s="188">
        <v>0</v>
      </c>
      <c r="AR37" s="182">
        <v>0</v>
      </c>
      <c r="AS37" s="185">
        <v>0</v>
      </c>
      <c r="AT37" s="183">
        <v>4</v>
      </c>
      <c r="AU37" s="184">
        <v>12</v>
      </c>
      <c r="AV37" s="184">
        <v>7</v>
      </c>
      <c r="AW37" s="184">
        <v>9</v>
      </c>
      <c r="AX37" s="182">
        <v>4</v>
      </c>
      <c r="AY37" s="185">
        <v>36</v>
      </c>
      <c r="AZ37" s="186">
        <v>36</v>
      </c>
      <c r="BA37" s="181">
        <v>0</v>
      </c>
      <c r="BB37" s="182">
        <v>0</v>
      </c>
      <c r="BC37" s="182">
        <v>0</v>
      </c>
      <c r="BD37" s="183">
        <v>0</v>
      </c>
      <c r="BE37" s="184">
        <v>1</v>
      </c>
      <c r="BF37" s="184">
        <v>0</v>
      </c>
      <c r="BG37" s="184">
        <v>0</v>
      </c>
      <c r="BH37" s="182">
        <v>0</v>
      </c>
      <c r="BI37" s="185">
        <v>1</v>
      </c>
      <c r="BJ37" s="187">
        <v>1</v>
      </c>
      <c r="BK37" s="188">
        <v>0</v>
      </c>
      <c r="BL37" s="182">
        <v>0</v>
      </c>
      <c r="BM37" s="182">
        <v>0</v>
      </c>
      <c r="BN37" s="183">
        <v>0</v>
      </c>
      <c r="BO37" s="184">
        <v>0</v>
      </c>
      <c r="BP37" s="184">
        <v>0</v>
      </c>
      <c r="BQ37" s="184">
        <v>0</v>
      </c>
      <c r="BR37" s="182">
        <v>0</v>
      </c>
      <c r="BS37" s="185">
        <v>0</v>
      </c>
      <c r="BT37" s="186">
        <v>0</v>
      </c>
      <c r="BU37" s="181">
        <v>0</v>
      </c>
      <c r="BV37" s="182">
        <v>0</v>
      </c>
      <c r="BW37" s="182">
        <v>0</v>
      </c>
      <c r="BX37" s="183">
        <v>0</v>
      </c>
      <c r="BY37" s="184">
        <v>0</v>
      </c>
      <c r="BZ37" s="184">
        <v>0</v>
      </c>
      <c r="CA37" s="184">
        <v>0</v>
      </c>
      <c r="CB37" s="182">
        <v>0</v>
      </c>
      <c r="CC37" s="185">
        <v>0</v>
      </c>
      <c r="CD37" s="187">
        <v>0</v>
      </c>
      <c r="CE37" s="188">
        <v>0</v>
      </c>
      <c r="CF37" s="182">
        <v>0</v>
      </c>
      <c r="CG37" s="182">
        <v>0</v>
      </c>
      <c r="CH37" s="183">
        <v>0</v>
      </c>
      <c r="CI37" s="184">
        <v>0</v>
      </c>
      <c r="CJ37" s="184">
        <v>0</v>
      </c>
      <c r="CK37" s="184">
        <v>0</v>
      </c>
      <c r="CL37" s="182">
        <v>0</v>
      </c>
      <c r="CM37" s="185">
        <v>0</v>
      </c>
      <c r="CN37" s="187">
        <v>0</v>
      </c>
      <c r="CO37" s="188">
        <v>0</v>
      </c>
      <c r="CP37" s="182">
        <v>0</v>
      </c>
      <c r="CQ37" s="182">
        <v>0</v>
      </c>
      <c r="CR37" s="183">
        <v>0</v>
      </c>
      <c r="CS37" s="184">
        <v>0</v>
      </c>
      <c r="CT37" s="184">
        <v>0</v>
      </c>
      <c r="CU37" s="184">
        <v>4</v>
      </c>
      <c r="CV37" s="182">
        <v>3</v>
      </c>
      <c r="CW37" s="185">
        <v>7</v>
      </c>
      <c r="CX37" s="186">
        <v>7</v>
      </c>
      <c r="CY37" s="181">
        <v>0</v>
      </c>
      <c r="CZ37" s="182">
        <v>0</v>
      </c>
      <c r="DA37" s="182">
        <v>0</v>
      </c>
      <c r="DB37" s="183">
        <v>0</v>
      </c>
      <c r="DC37" s="184">
        <v>0</v>
      </c>
      <c r="DD37" s="184">
        <v>0</v>
      </c>
      <c r="DE37" s="184">
        <v>2</v>
      </c>
      <c r="DF37" s="182">
        <v>2</v>
      </c>
      <c r="DG37" s="185">
        <v>4</v>
      </c>
      <c r="DH37" s="187">
        <v>4</v>
      </c>
      <c r="DI37" s="188">
        <v>0</v>
      </c>
      <c r="DJ37" s="182">
        <v>0</v>
      </c>
      <c r="DK37" s="182">
        <v>0</v>
      </c>
      <c r="DL37" s="183">
        <v>0</v>
      </c>
      <c r="DM37" s="184">
        <v>0</v>
      </c>
      <c r="DN37" s="184">
        <v>0</v>
      </c>
      <c r="DO37" s="184">
        <v>2</v>
      </c>
      <c r="DP37" s="182">
        <v>1</v>
      </c>
      <c r="DQ37" s="185">
        <v>3</v>
      </c>
      <c r="DR37" s="187">
        <v>3</v>
      </c>
      <c r="DS37" s="188">
        <v>0</v>
      </c>
      <c r="DT37" s="182">
        <v>0</v>
      </c>
      <c r="DU37" s="182">
        <v>0</v>
      </c>
      <c r="DV37" s="183">
        <v>4</v>
      </c>
      <c r="DW37" s="184">
        <v>13</v>
      </c>
      <c r="DX37" s="184">
        <v>16</v>
      </c>
      <c r="DY37" s="184">
        <v>31</v>
      </c>
      <c r="DZ37" s="182">
        <v>20</v>
      </c>
      <c r="EA37" s="185">
        <v>84</v>
      </c>
      <c r="EB37" s="187">
        <v>84</v>
      </c>
      <c r="EC37" s="32"/>
    </row>
    <row r="38" spans="2:133" ht="21" customHeight="1" x14ac:dyDescent="0.2">
      <c r="B38" s="472" t="s">
        <v>35</v>
      </c>
      <c r="C38" s="181">
        <v>0</v>
      </c>
      <c r="D38" s="182">
        <v>0</v>
      </c>
      <c r="E38" s="182">
        <v>0</v>
      </c>
      <c r="F38" s="183">
        <v>1</v>
      </c>
      <c r="G38" s="184">
        <v>2</v>
      </c>
      <c r="H38" s="184">
        <v>25</v>
      </c>
      <c r="I38" s="184">
        <v>49</v>
      </c>
      <c r="J38" s="182">
        <v>31</v>
      </c>
      <c r="K38" s="185">
        <v>108</v>
      </c>
      <c r="L38" s="186">
        <v>108</v>
      </c>
      <c r="M38" s="181">
        <v>0</v>
      </c>
      <c r="N38" s="182">
        <v>0</v>
      </c>
      <c r="O38" s="185">
        <v>0</v>
      </c>
      <c r="P38" s="183">
        <v>1</v>
      </c>
      <c r="Q38" s="184">
        <v>2</v>
      </c>
      <c r="R38" s="184">
        <v>25</v>
      </c>
      <c r="S38" s="184">
        <v>49</v>
      </c>
      <c r="T38" s="182">
        <v>31</v>
      </c>
      <c r="U38" s="185">
        <v>108</v>
      </c>
      <c r="V38" s="187">
        <v>108</v>
      </c>
      <c r="W38" s="188">
        <v>0</v>
      </c>
      <c r="X38" s="182">
        <v>0</v>
      </c>
      <c r="Y38" s="185">
        <v>0</v>
      </c>
      <c r="Z38" s="188">
        <v>0</v>
      </c>
      <c r="AA38" s="184">
        <v>0</v>
      </c>
      <c r="AB38" s="184">
        <v>0</v>
      </c>
      <c r="AC38" s="184">
        <v>0</v>
      </c>
      <c r="AD38" s="182">
        <v>0</v>
      </c>
      <c r="AE38" s="185">
        <v>0</v>
      </c>
      <c r="AF38" s="189">
        <v>0</v>
      </c>
      <c r="AG38" s="188">
        <v>0</v>
      </c>
      <c r="AH38" s="182">
        <v>0</v>
      </c>
      <c r="AI38" s="185">
        <v>0</v>
      </c>
      <c r="AJ38" s="188">
        <v>21</v>
      </c>
      <c r="AK38" s="184">
        <v>26</v>
      </c>
      <c r="AL38" s="184">
        <v>31</v>
      </c>
      <c r="AM38" s="184">
        <v>7</v>
      </c>
      <c r="AN38" s="182">
        <v>12</v>
      </c>
      <c r="AO38" s="185">
        <v>97</v>
      </c>
      <c r="AP38" s="189">
        <v>97</v>
      </c>
      <c r="AQ38" s="188">
        <v>0</v>
      </c>
      <c r="AR38" s="182">
        <v>0</v>
      </c>
      <c r="AS38" s="185">
        <v>0</v>
      </c>
      <c r="AT38" s="183">
        <v>21</v>
      </c>
      <c r="AU38" s="184">
        <v>26</v>
      </c>
      <c r="AV38" s="184">
        <v>31</v>
      </c>
      <c r="AW38" s="184">
        <v>7</v>
      </c>
      <c r="AX38" s="182">
        <v>12</v>
      </c>
      <c r="AY38" s="185">
        <v>97</v>
      </c>
      <c r="AZ38" s="186">
        <v>97</v>
      </c>
      <c r="BA38" s="181">
        <v>0</v>
      </c>
      <c r="BB38" s="182">
        <v>0</v>
      </c>
      <c r="BC38" s="182">
        <v>0</v>
      </c>
      <c r="BD38" s="183">
        <v>0</v>
      </c>
      <c r="BE38" s="184">
        <v>0</v>
      </c>
      <c r="BF38" s="184">
        <v>0</v>
      </c>
      <c r="BG38" s="184">
        <v>0</v>
      </c>
      <c r="BH38" s="182">
        <v>0</v>
      </c>
      <c r="BI38" s="185">
        <v>0</v>
      </c>
      <c r="BJ38" s="187">
        <v>0</v>
      </c>
      <c r="BK38" s="188">
        <v>0</v>
      </c>
      <c r="BL38" s="182">
        <v>0</v>
      </c>
      <c r="BM38" s="182">
        <v>0</v>
      </c>
      <c r="BN38" s="183">
        <v>0</v>
      </c>
      <c r="BO38" s="184">
        <v>0</v>
      </c>
      <c r="BP38" s="184">
        <v>0</v>
      </c>
      <c r="BQ38" s="184">
        <v>0</v>
      </c>
      <c r="BR38" s="182">
        <v>0</v>
      </c>
      <c r="BS38" s="185">
        <v>0</v>
      </c>
      <c r="BT38" s="186">
        <v>0</v>
      </c>
      <c r="BU38" s="181">
        <v>0</v>
      </c>
      <c r="BV38" s="182">
        <v>0</v>
      </c>
      <c r="BW38" s="182">
        <v>0</v>
      </c>
      <c r="BX38" s="183">
        <v>0</v>
      </c>
      <c r="BY38" s="184">
        <v>0</v>
      </c>
      <c r="BZ38" s="184">
        <v>0</v>
      </c>
      <c r="CA38" s="184">
        <v>0</v>
      </c>
      <c r="CB38" s="182">
        <v>0</v>
      </c>
      <c r="CC38" s="185">
        <v>0</v>
      </c>
      <c r="CD38" s="187">
        <v>0</v>
      </c>
      <c r="CE38" s="188">
        <v>0</v>
      </c>
      <c r="CF38" s="182">
        <v>0</v>
      </c>
      <c r="CG38" s="182">
        <v>0</v>
      </c>
      <c r="CH38" s="183">
        <v>0</v>
      </c>
      <c r="CI38" s="184">
        <v>0</v>
      </c>
      <c r="CJ38" s="184">
        <v>0</v>
      </c>
      <c r="CK38" s="184">
        <v>0</v>
      </c>
      <c r="CL38" s="182">
        <v>0</v>
      </c>
      <c r="CM38" s="185">
        <v>0</v>
      </c>
      <c r="CN38" s="187">
        <v>0</v>
      </c>
      <c r="CO38" s="188">
        <v>0</v>
      </c>
      <c r="CP38" s="182">
        <v>0</v>
      </c>
      <c r="CQ38" s="182">
        <v>0</v>
      </c>
      <c r="CR38" s="183">
        <v>4</v>
      </c>
      <c r="CS38" s="184">
        <v>1</v>
      </c>
      <c r="CT38" s="184">
        <v>5</v>
      </c>
      <c r="CU38" s="184">
        <v>6</v>
      </c>
      <c r="CV38" s="182">
        <v>7</v>
      </c>
      <c r="CW38" s="185">
        <v>23</v>
      </c>
      <c r="CX38" s="186">
        <v>23</v>
      </c>
      <c r="CY38" s="181">
        <v>0</v>
      </c>
      <c r="CZ38" s="182">
        <v>0</v>
      </c>
      <c r="DA38" s="182">
        <v>0</v>
      </c>
      <c r="DB38" s="183">
        <v>3</v>
      </c>
      <c r="DC38" s="184">
        <v>1</v>
      </c>
      <c r="DD38" s="184">
        <v>5</v>
      </c>
      <c r="DE38" s="184">
        <v>6</v>
      </c>
      <c r="DF38" s="182">
        <v>7</v>
      </c>
      <c r="DG38" s="185">
        <v>22</v>
      </c>
      <c r="DH38" s="187">
        <v>22</v>
      </c>
      <c r="DI38" s="188">
        <v>0</v>
      </c>
      <c r="DJ38" s="182">
        <v>0</v>
      </c>
      <c r="DK38" s="182">
        <v>0</v>
      </c>
      <c r="DL38" s="183">
        <v>1</v>
      </c>
      <c r="DM38" s="184">
        <v>0</v>
      </c>
      <c r="DN38" s="184">
        <v>0</v>
      </c>
      <c r="DO38" s="184">
        <v>0</v>
      </c>
      <c r="DP38" s="182">
        <v>0</v>
      </c>
      <c r="DQ38" s="185">
        <v>1</v>
      </c>
      <c r="DR38" s="187">
        <v>1</v>
      </c>
      <c r="DS38" s="188">
        <v>0</v>
      </c>
      <c r="DT38" s="182">
        <v>0</v>
      </c>
      <c r="DU38" s="182">
        <v>0</v>
      </c>
      <c r="DV38" s="183">
        <v>26</v>
      </c>
      <c r="DW38" s="184">
        <v>29</v>
      </c>
      <c r="DX38" s="184">
        <v>61</v>
      </c>
      <c r="DY38" s="184">
        <v>62</v>
      </c>
      <c r="DZ38" s="182">
        <v>50</v>
      </c>
      <c r="EA38" s="185">
        <v>228</v>
      </c>
      <c r="EB38" s="187">
        <v>228</v>
      </c>
      <c r="EC38" s="32"/>
    </row>
    <row r="39" spans="2:133" ht="21" customHeight="1" x14ac:dyDescent="0.2">
      <c r="B39" s="472" t="s">
        <v>36</v>
      </c>
      <c r="C39" s="181">
        <v>0</v>
      </c>
      <c r="D39" s="182">
        <v>0</v>
      </c>
      <c r="E39" s="182">
        <v>0</v>
      </c>
      <c r="F39" s="183">
        <v>0</v>
      </c>
      <c r="G39" s="184">
        <v>3</v>
      </c>
      <c r="H39" s="184">
        <v>58</v>
      </c>
      <c r="I39" s="184">
        <v>77</v>
      </c>
      <c r="J39" s="182">
        <v>73</v>
      </c>
      <c r="K39" s="185">
        <v>211</v>
      </c>
      <c r="L39" s="186">
        <v>211</v>
      </c>
      <c r="M39" s="181">
        <v>0</v>
      </c>
      <c r="N39" s="182">
        <v>0</v>
      </c>
      <c r="O39" s="185">
        <v>0</v>
      </c>
      <c r="P39" s="183">
        <v>0</v>
      </c>
      <c r="Q39" s="184">
        <v>3</v>
      </c>
      <c r="R39" s="184">
        <v>57</v>
      </c>
      <c r="S39" s="184">
        <v>74</v>
      </c>
      <c r="T39" s="182">
        <v>73</v>
      </c>
      <c r="U39" s="185">
        <v>207</v>
      </c>
      <c r="V39" s="187">
        <v>207</v>
      </c>
      <c r="W39" s="188">
        <v>0</v>
      </c>
      <c r="X39" s="182">
        <v>0</v>
      </c>
      <c r="Y39" s="185">
        <v>0</v>
      </c>
      <c r="Z39" s="188">
        <v>0</v>
      </c>
      <c r="AA39" s="184">
        <v>0</v>
      </c>
      <c r="AB39" s="184">
        <v>1</v>
      </c>
      <c r="AC39" s="184">
        <v>3</v>
      </c>
      <c r="AD39" s="182">
        <v>0</v>
      </c>
      <c r="AE39" s="185">
        <v>4</v>
      </c>
      <c r="AF39" s="189">
        <v>4</v>
      </c>
      <c r="AG39" s="188">
        <v>0</v>
      </c>
      <c r="AH39" s="182">
        <v>0</v>
      </c>
      <c r="AI39" s="185">
        <v>0</v>
      </c>
      <c r="AJ39" s="188">
        <v>17</v>
      </c>
      <c r="AK39" s="184">
        <v>20</v>
      </c>
      <c r="AL39" s="184">
        <v>41</v>
      </c>
      <c r="AM39" s="184">
        <v>54</v>
      </c>
      <c r="AN39" s="182">
        <v>23</v>
      </c>
      <c r="AO39" s="185">
        <v>155</v>
      </c>
      <c r="AP39" s="189">
        <v>155</v>
      </c>
      <c r="AQ39" s="188">
        <v>0</v>
      </c>
      <c r="AR39" s="182">
        <v>0</v>
      </c>
      <c r="AS39" s="185">
        <v>0</v>
      </c>
      <c r="AT39" s="183">
        <v>17</v>
      </c>
      <c r="AU39" s="184">
        <v>20</v>
      </c>
      <c r="AV39" s="184">
        <v>40</v>
      </c>
      <c r="AW39" s="184">
        <v>52</v>
      </c>
      <c r="AX39" s="182">
        <v>23</v>
      </c>
      <c r="AY39" s="185">
        <v>152</v>
      </c>
      <c r="AZ39" s="186">
        <v>152</v>
      </c>
      <c r="BA39" s="181">
        <v>0</v>
      </c>
      <c r="BB39" s="182">
        <v>0</v>
      </c>
      <c r="BC39" s="182">
        <v>0</v>
      </c>
      <c r="BD39" s="183">
        <v>0</v>
      </c>
      <c r="BE39" s="184">
        <v>0</v>
      </c>
      <c r="BF39" s="184">
        <v>1</v>
      </c>
      <c r="BG39" s="184">
        <v>2</v>
      </c>
      <c r="BH39" s="182">
        <v>0</v>
      </c>
      <c r="BI39" s="185">
        <v>3</v>
      </c>
      <c r="BJ39" s="187">
        <v>3</v>
      </c>
      <c r="BK39" s="188">
        <v>0</v>
      </c>
      <c r="BL39" s="182">
        <v>0</v>
      </c>
      <c r="BM39" s="182">
        <v>0</v>
      </c>
      <c r="BN39" s="183">
        <v>0</v>
      </c>
      <c r="BO39" s="184">
        <v>0</v>
      </c>
      <c r="BP39" s="184">
        <v>0</v>
      </c>
      <c r="BQ39" s="184">
        <v>2</v>
      </c>
      <c r="BR39" s="182">
        <v>1</v>
      </c>
      <c r="BS39" s="185">
        <v>3</v>
      </c>
      <c r="BT39" s="186">
        <v>3</v>
      </c>
      <c r="BU39" s="181">
        <v>0</v>
      </c>
      <c r="BV39" s="182">
        <v>0</v>
      </c>
      <c r="BW39" s="182">
        <v>0</v>
      </c>
      <c r="BX39" s="183">
        <v>0</v>
      </c>
      <c r="BY39" s="184">
        <v>0</v>
      </c>
      <c r="BZ39" s="184">
        <v>0</v>
      </c>
      <c r="CA39" s="184">
        <v>2</v>
      </c>
      <c r="CB39" s="182">
        <v>1</v>
      </c>
      <c r="CC39" s="185">
        <v>3</v>
      </c>
      <c r="CD39" s="187">
        <v>3</v>
      </c>
      <c r="CE39" s="188">
        <v>0</v>
      </c>
      <c r="CF39" s="182">
        <v>0</v>
      </c>
      <c r="CG39" s="182">
        <v>0</v>
      </c>
      <c r="CH39" s="183">
        <v>0</v>
      </c>
      <c r="CI39" s="184">
        <v>0</v>
      </c>
      <c r="CJ39" s="184">
        <v>0</v>
      </c>
      <c r="CK39" s="184">
        <v>0</v>
      </c>
      <c r="CL39" s="182">
        <v>0</v>
      </c>
      <c r="CM39" s="185">
        <v>0</v>
      </c>
      <c r="CN39" s="187">
        <v>0</v>
      </c>
      <c r="CO39" s="188">
        <v>0</v>
      </c>
      <c r="CP39" s="182">
        <v>0</v>
      </c>
      <c r="CQ39" s="182">
        <v>0</v>
      </c>
      <c r="CR39" s="183">
        <v>0</v>
      </c>
      <c r="CS39" s="184">
        <v>0</v>
      </c>
      <c r="CT39" s="184">
        <v>0</v>
      </c>
      <c r="CU39" s="184">
        <v>5</v>
      </c>
      <c r="CV39" s="182">
        <v>2</v>
      </c>
      <c r="CW39" s="185">
        <v>7</v>
      </c>
      <c r="CX39" s="186">
        <v>7</v>
      </c>
      <c r="CY39" s="181">
        <v>0</v>
      </c>
      <c r="CZ39" s="182">
        <v>0</v>
      </c>
      <c r="DA39" s="182">
        <v>0</v>
      </c>
      <c r="DB39" s="183">
        <v>0</v>
      </c>
      <c r="DC39" s="184">
        <v>0</v>
      </c>
      <c r="DD39" s="184">
        <v>0</v>
      </c>
      <c r="DE39" s="184">
        <v>4</v>
      </c>
      <c r="DF39" s="182">
        <v>2</v>
      </c>
      <c r="DG39" s="185">
        <v>6</v>
      </c>
      <c r="DH39" s="187">
        <v>6</v>
      </c>
      <c r="DI39" s="188">
        <v>0</v>
      </c>
      <c r="DJ39" s="182">
        <v>0</v>
      </c>
      <c r="DK39" s="182">
        <v>0</v>
      </c>
      <c r="DL39" s="183">
        <v>0</v>
      </c>
      <c r="DM39" s="184">
        <v>0</v>
      </c>
      <c r="DN39" s="184">
        <v>0</v>
      </c>
      <c r="DO39" s="184">
        <v>1</v>
      </c>
      <c r="DP39" s="182">
        <v>0</v>
      </c>
      <c r="DQ39" s="185">
        <v>1</v>
      </c>
      <c r="DR39" s="187">
        <v>1</v>
      </c>
      <c r="DS39" s="188">
        <v>0</v>
      </c>
      <c r="DT39" s="182">
        <v>0</v>
      </c>
      <c r="DU39" s="182">
        <v>0</v>
      </c>
      <c r="DV39" s="183">
        <v>17</v>
      </c>
      <c r="DW39" s="184">
        <v>23</v>
      </c>
      <c r="DX39" s="184">
        <v>98</v>
      </c>
      <c r="DY39" s="184">
        <v>138</v>
      </c>
      <c r="DZ39" s="182">
        <v>99</v>
      </c>
      <c r="EA39" s="185">
        <v>375</v>
      </c>
      <c r="EB39" s="187">
        <v>375</v>
      </c>
      <c r="EC39" s="32"/>
    </row>
    <row r="40" spans="2:133" ht="21" customHeight="1" thickBot="1" x14ac:dyDescent="0.25">
      <c r="B40" s="473" t="s">
        <v>37</v>
      </c>
      <c r="C40" s="190">
        <v>0</v>
      </c>
      <c r="D40" s="191">
        <v>0</v>
      </c>
      <c r="E40" s="191">
        <v>0</v>
      </c>
      <c r="F40" s="192">
        <v>0</v>
      </c>
      <c r="G40" s="193">
        <v>0</v>
      </c>
      <c r="H40" s="193">
        <v>9</v>
      </c>
      <c r="I40" s="193">
        <v>8</v>
      </c>
      <c r="J40" s="191">
        <v>5</v>
      </c>
      <c r="K40" s="194">
        <v>22</v>
      </c>
      <c r="L40" s="195">
        <v>22</v>
      </c>
      <c r="M40" s="190">
        <v>0</v>
      </c>
      <c r="N40" s="191">
        <v>0</v>
      </c>
      <c r="O40" s="194">
        <v>0</v>
      </c>
      <c r="P40" s="192">
        <v>0</v>
      </c>
      <c r="Q40" s="193">
        <v>0</v>
      </c>
      <c r="R40" s="193">
        <v>9</v>
      </c>
      <c r="S40" s="193">
        <v>8</v>
      </c>
      <c r="T40" s="191">
        <v>5</v>
      </c>
      <c r="U40" s="194">
        <v>22</v>
      </c>
      <c r="V40" s="196">
        <v>22</v>
      </c>
      <c r="W40" s="197">
        <v>0</v>
      </c>
      <c r="X40" s="191">
        <v>0</v>
      </c>
      <c r="Y40" s="194">
        <v>0</v>
      </c>
      <c r="Z40" s="197">
        <v>0</v>
      </c>
      <c r="AA40" s="193">
        <v>0</v>
      </c>
      <c r="AB40" s="193">
        <v>0</v>
      </c>
      <c r="AC40" s="193">
        <v>0</v>
      </c>
      <c r="AD40" s="191">
        <v>0</v>
      </c>
      <c r="AE40" s="194">
        <v>0</v>
      </c>
      <c r="AF40" s="198">
        <v>0</v>
      </c>
      <c r="AG40" s="197">
        <v>0</v>
      </c>
      <c r="AH40" s="191">
        <v>0</v>
      </c>
      <c r="AI40" s="194">
        <v>0</v>
      </c>
      <c r="AJ40" s="197">
        <v>2</v>
      </c>
      <c r="AK40" s="193">
        <v>1</v>
      </c>
      <c r="AL40" s="193">
        <v>8</v>
      </c>
      <c r="AM40" s="193">
        <v>1</v>
      </c>
      <c r="AN40" s="191">
        <v>2</v>
      </c>
      <c r="AO40" s="194">
        <v>14</v>
      </c>
      <c r="AP40" s="198">
        <v>14</v>
      </c>
      <c r="AQ40" s="197">
        <v>0</v>
      </c>
      <c r="AR40" s="191">
        <v>0</v>
      </c>
      <c r="AS40" s="194">
        <v>0</v>
      </c>
      <c r="AT40" s="192">
        <v>2</v>
      </c>
      <c r="AU40" s="193">
        <v>1</v>
      </c>
      <c r="AV40" s="193">
        <v>8</v>
      </c>
      <c r="AW40" s="193">
        <v>1</v>
      </c>
      <c r="AX40" s="191">
        <v>2</v>
      </c>
      <c r="AY40" s="194">
        <v>14</v>
      </c>
      <c r="AZ40" s="195">
        <v>14</v>
      </c>
      <c r="BA40" s="190">
        <v>0</v>
      </c>
      <c r="BB40" s="191">
        <v>0</v>
      </c>
      <c r="BC40" s="191">
        <v>0</v>
      </c>
      <c r="BD40" s="192">
        <v>0</v>
      </c>
      <c r="BE40" s="193">
        <v>0</v>
      </c>
      <c r="BF40" s="193">
        <v>0</v>
      </c>
      <c r="BG40" s="193">
        <v>0</v>
      </c>
      <c r="BH40" s="191">
        <v>0</v>
      </c>
      <c r="BI40" s="194">
        <v>0</v>
      </c>
      <c r="BJ40" s="196">
        <v>0</v>
      </c>
      <c r="BK40" s="197">
        <v>0</v>
      </c>
      <c r="BL40" s="191">
        <v>0</v>
      </c>
      <c r="BM40" s="191">
        <v>0</v>
      </c>
      <c r="BN40" s="192">
        <v>0</v>
      </c>
      <c r="BO40" s="193">
        <v>0</v>
      </c>
      <c r="BP40" s="193">
        <v>0</v>
      </c>
      <c r="BQ40" s="193">
        <v>0</v>
      </c>
      <c r="BR40" s="191">
        <v>0</v>
      </c>
      <c r="BS40" s="194">
        <v>0</v>
      </c>
      <c r="BT40" s="195">
        <v>0</v>
      </c>
      <c r="BU40" s="190">
        <v>0</v>
      </c>
      <c r="BV40" s="191">
        <v>0</v>
      </c>
      <c r="BW40" s="191">
        <v>0</v>
      </c>
      <c r="BX40" s="192">
        <v>0</v>
      </c>
      <c r="BY40" s="193">
        <v>0</v>
      </c>
      <c r="BZ40" s="193">
        <v>0</v>
      </c>
      <c r="CA40" s="193">
        <v>0</v>
      </c>
      <c r="CB40" s="191">
        <v>0</v>
      </c>
      <c r="CC40" s="194">
        <v>0</v>
      </c>
      <c r="CD40" s="196">
        <v>0</v>
      </c>
      <c r="CE40" s="197">
        <v>0</v>
      </c>
      <c r="CF40" s="191">
        <v>0</v>
      </c>
      <c r="CG40" s="191">
        <v>0</v>
      </c>
      <c r="CH40" s="192">
        <v>0</v>
      </c>
      <c r="CI40" s="193">
        <v>0</v>
      </c>
      <c r="CJ40" s="193">
        <v>0</v>
      </c>
      <c r="CK40" s="193">
        <v>0</v>
      </c>
      <c r="CL40" s="191">
        <v>0</v>
      </c>
      <c r="CM40" s="194">
        <v>0</v>
      </c>
      <c r="CN40" s="196">
        <v>0</v>
      </c>
      <c r="CO40" s="197">
        <v>0</v>
      </c>
      <c r="CP40" s="191">
        <v>0</v>
      </c>
      <c r="CQ40" s="191">
        <v>0</v>
      </c>
      <c r="CR40" s="192">
        <v>0</v>
      </c>
      <c r="CS40" s="193">
        <v>0</v>
      </c>
      <c r="CT40" s="193">
        <v>0</v>
      </c>
      <c r="CU40" s="193">
        <v>0</v>
      </c>
      <c r="CV40" s="191">
        <v>0</v>
      </c>
      <c r="CW40" s="194">
        <v>0</v>
      </c>
      <c r="CX40" s="195">
        <v>0</v>
      </c>
      <c r="CY40" s="190">
        <v>0</v>
      </c>
      <c r="CZ40" s="191">
        <v>0</v>
      </c>
      <c r="DA40" s="191">
        <v>0</v>
      </c>
      <c r="DB40" s="192">
        <v>0</v>
      </c>
      <c r="DC40" s="193">
        <v>0</v>
      </c>
      <c r="DD40" s="193">
        <v>0</v>
      </c>
      <c r="DE40" s="193">
        <v>0</v>
      </c>
      <c r="DF40" s="191">
        <v>0</v>
      </c>
      <c r="DG40" s="194">
        <v>0</v>
      </c>
      <c r="DH40" s="196">
        <v>0</v>
      </c>
      <c r="DI40" s="197">
        <v>0</v>
      </c>
      <c r="DJ40" s="191">
        <v>0</v>
      </c>
      <c r="DK40" s="191">
        <v>0</v>
      </c>
      <c r="DL40" s="192">
        <v>0</v>
      </c>
      <c r="DM40" s="193">
        <v>0</v>
      </c>
      <c r="DN40" s="193">
        <v>0</v>
      </c>
      <c r="DO40" s="193">
        <v>0</v>
      </c>
      <c r="DP40" s="191">
        <v>0</v>
      </c>
      <c r="DQ40" s="194">
        <v>0</v>
      </c>
      <c r="DR40" s="196">
        <v>0</v>
      </c>
      <c r="DS40" s="197">
        <v>0</v>
      </c>
      <c r="DT40" s="191">
        <v>0</v>
      </c>
      <c r="DU40" s="191">
        <v>0</v>
      </c>
      <c r="DV40" s="192">
        <v>2</v>
      </c>
      <c r="DW40" s="193">
        <v>1</v>
      </c>
      <c r="DX40" s="193">
        <v>17</v>
      </c>
      <c r="DY40" s="193">
        <v>9</v>
      </c>
      <c r="DZ40" s="191">
        <v>7</v>
      </c>
      <c r="EA40" s="194">
        <v>36</v>
      </c>
      <c r="EB40" s="196">
        <v>36</v>
      </c>
      <c r="EC40" s="32"/>
    </row>
    <row r="41" spans="2:133" x14ac:dyDescent="0.2">
      <c r="C41" s="33"/>
      <c r="D41" s="33"/>
      <c r="E41" s="33"/>
      <c r="F41" s="33"/>
      <c r="G41" s="33"/>
      <c r="H41" s="33"/>
      <c r="I41" s="33"/>
      <c r="J41" s="33"/>
      <c r="K41" s="33"/>
      <c r="L41" s="33"/>
      <c r="M41" s="33"/>
      <c r="N41" s="33"/>
      <c r="O41" s="33"/>
      <c r="P41" s="33"/>
      <c r="Q41" s="33"/>
      <c r="R41" s="33"/>
      <c r="S41" s="33"/>
      <c r="T41" s="33"/>
      <c r="U41" s="33"/>
      <c r="V41" s="33"/>
      <c r="W41" s="33"/>
      <c r="X41" s="33"/>
      <c r="Y41" s="33"/>
      <c r="Z41" s="33"/>
      <c r="AA41" s="33"/>
      <c r="AB41" s="33"/>
      <c r="AC41" s="33"/>
      <c r="AD41" s="33"/>
      <c r="AE41" s="33"/>
      <c r="AF41" s="33"/>
      <c r="AG41" s="32"/>
      <c r="AH41" s="32"/>
      <c r="AI41" s="32"/>
      <c r="AJ41" s="32"/>
      <c r="AK41" s="32"/>
      <c r="AL41" s="32"/>
      <c r="AM41" s="32"/>
      <c r="AN41" s="32"/>
      <c r="AO41" s="32"/>
      <c r="AP41" s="32"/>
      <c r="AQ41" s="32"/>
      <c r="AR41" s="32"/>
      <c r="AS41" s="32"/>
      <c r="AT41" s="32"/>
      <c r="AU41" s="32"/>
      <c r="AV41" s="32"/>
      <c r="AW41" s="32"/>
      <c r="AX41" s="32"/>
      <c r="AY41" s="32"/>
      <c r="AZ41" s="32"/>
      <c r="BA41" s="32"/>
      <c r="BB41" s="32"/>
      <c r="BC41" s="32"/>
      <c r="BD41" s="32"/>
      <c r="BE41" s="32"/>
      <c r="BF41" s="32"/>
      <c r="BG41" s="32"/>
      <c r="BH41" s="32"/>
      <c r="BI41" s="32"/>
      <c r="BJ41" s="32"/>
      <c r="BK41" s="32"/>
      <c r="BL41" s="32"/>
      <c r="BM41" s="32"/>
      <c r="BN41" s="32"/>
      <c r="BO41" s="32"/>
      <c r="BP41" s="32"/>
      <c r="BQ41" s="32"/>
      <c r="BR41" s="32"/>
      <c r="BS41" s="32"/>
      <c r="BT41" s="32"/>
      <c r="BU41" s="32"/>
      <c r="BV41" s="32"/>
      <c r="BW41" s="32"/>
      <c r="BX41" s="32"/>
      <c r="BY41" s="32"/>
      <c r="BZ41" s="32"/>
      <c r="CA41" s="32"/>
      <c r="CB41" s="32"/>
      <c r="CC41" s="32"/>
      <c r="CD41" s="32"/>
      <c r="CE41" s="32"/>
      <c r="CF41" s="32"/>
      <c r="CG41" s="32"/>
      <c r="CH41" s="32"/>
      <c r="CI41" s="32"/>
      <c r="CJ41" s="32"/>
      <c r="CK41" s="32"/>
      <c r="CL41" s="32"/>
      <c r="CM41" s="32"/>
      <c r="CN41" s="32"/>
      <c r="CO41" s="32"/>
      <c r="CP41" s="32"/>
      <c r="CQ41" s="32"/>
      <c r="CR41" s="32"/>
      <c r="CS41" s="32"/>
      <c r="CT41" s="32"/>
      <c r="CU41" s="32"/>
      <c r="CV41" s="32"/>
      <c r="CW41" s="32"/>
      <c r="CX41" s="32"/>
      <c r="CY41" s="32"/>
      <c r="CZ41" s="32"/>
      <c r="DA41" s="32"/>
      <c r="DB41" s="32"/>
      <c r="DC41" s="32"/>
      <c r="DD41" s="32"/>
      <c r="DE41" s="32"/>
      <c r="DF41" s="32"/>
      <c r="DG41" s="32"/>
      <c r="DH41" s="32"/>
      <c r="DI41" s="32"/>
      <c r="DJ41" s="32"/>
      <c r="DK41" s="32"/>
      <c r="DL41" s="32"/>
      <c r="DM41" s="32"/>
      <c r="DN41" s="32"/>
      <c r="DO41" s="32"/>
      <c r="DP41" s="32"/>
      <c r="DQ41" s="32"/>
      <c r="DR41" s="32"/>
      <c r="DS41" s="32"/>
      <c r="DT41" s="32"/>
      <c r="DU41" s="32"/>
      <c r="DV41" s="32"/>
      <c r="DW41" s="32"/>
      <c r="DX41" s="32"/>
      <c r="DY41" s="32"/>
      <c r="DZ41" s="32"/>
      <c r="EA41" s="32"/>
      <c r="EB41" s="32"/>
      <c r="EC41" s="32"/>
    </row>
    <row r="42" spans="2:133" x14ac:dyDescent="0.2">
      <c r="C42" s="33"/>
      <c r="D42" s="33"/>
      <c r="E42" s="33"/>
      <c r="F42" s="33"/>
      <c r="G42" s="33"/>
      <c r="H42" s="33"/>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2"/>
      <c r="AH42" s="32"/>
      <c r="AI42" s="32"/>
      <c r="AJ42" s="32"/>
      <c r="AK42" s="32"/>
      <c r="AL42" s="32"/>
      <c r="AM42" s="32"/>
      <c r="AN42" s="32"/>
      <c r="AO42" s="32"/>
      <c r="AP42" s="32"/>
      <c r="AQ42" s="32"/>
      <c r="AR42" s="32"/>
      <c r="AS42" s="32"/>
      <c r="AT42" s="32"/>
      <c r="AU42" s="32"/>
      <c r="AV42" s="32"/>
      <c r="AW42" s="32"/>
      <c r="AX42" s="32"/>
      <c r="AY42" s="32"/>
      <c r="AZ42" s="32"/>
      <c r="BA42" s="32"/>
      <c r="BB42" s="32"/>
      <c r="BC42" s="32"/>
      <c r="BD42" s="32"/>
      <c r="BE42" s="32"/>
      <c r="BF42" s="32"/>
      <c r="BG42" s="32"/>
      <c r="BH42" s="32"/>
      <c r="BI42" s="32"/>
      <c r="BJ42" s="32"/>
      <c r="BK42" s="32"/>
      <c r="BL42" s="32"/>
      <c r="BM42" s="32"/>
      <c r="BN42" s="32"/>
      <c r="BO42" s="32"/>
      <c r="BP42" s="32"/>
      <c r="BQ42" s="32"/>
      <c r="BR42" s="32"/>
      <c r="BS42" s="32"/>
      <c r="BT42" s="32"/>
      <c r="BU42" s="32"/>
      <c r="BV42" s="32"/>
      <c r="BW42" s="32"/>
      <c r="BX42" s="32"/>
      <c r="BY42" s="32"/>
      <c r="BZ42" s="32"/>
      <c r="CA42" s="32"/>
      <c r="CB42" s="32"/>
      <c r="CC42" s="32"/>
      <c r="CD42" s="32"/>
      <c r="CE42" s="32"/>
      <c r="CF42" s="32"/>
      <c r="CG42" s="32"/>
      <c r="CH42" s="32"/>
      <c r="CI42" s="32"/>
      <c r="CJ42" s="32"/>
      <c r="CK42" s="32"/>
      <c r="CL42" s="32"/>
      <c r="CM42" s="32"/>
      <c r="CN42" s="32"/>
      <c r="CO42" s="32"/>
      <c r="CP42" s="32"/>
      <c r="CQ42" s="32"/>
      <c r="CR42" s="32"/>
      <c r="CS42" s="32"/>
      <c r="CT42" s="32"/>
      <c r="CU42" s="32"/>
      <c r="CV42" s="32"/>
      <c r="CW42" s="32"/>
      <c r="CX42" s="32"/>
      <c r="CY42" s="32"/>
      <c r="CZ42" s="32"/>
      <c r="DA42" s="32"/>
      <c r="DB42" s="32"/>
      <c r="DC42" s="32"/>
      <c r="DD42" s="32"/>
      <c r="DE42" s="32"/>
      <c r="DF42" s="32"/>
      <c r="DG42" s="32"/>
      <c r="DH42" s="32"/>
      <c r="DI42" s="32"/>
      <c r="DJ42" s="32"/>
      <c r="DK42" s="32"/>
      <c r="DL42" s="32"/>
      <c r="DM42" s="32"/>
      <c r="DN42" s="32"/>
      <c r="DO42" s="32"/>
      <c r="DP42" s="32"/>
      <c r="DQ42" s="32"/>
      <c r="DR42" s="32"/>
      <c r="DS42" s="32"/>
      <c r="DT42" s="32"/>
      <c r="DU42" s="32"/>
      <c r="DV42" s="32"/>
      <c r="DW42" s="32"/>
      <c r="DX42" s="32"/>
      <c r="DY42" s="32"/>
      <c r="DZ42" s="32"/>
      <c r="EA42" s="32"/>
      <c r="EB42" s="32"/>
      <c r="EC42" s="32"/>
    </row>
    <row r="43" spans="2:133" x14ac:dyDescent="0.2">
      <c r="C43" s="33"/>
      <c r="D43" s="33"/>
      <c r="E43" s="33"/>
      <c r="F43" s="33"/>
      <c r="G43" s="33"/>
      <c r="H43" s="33"/>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2"/>
      <c r="AH43" s="32"/>
      <c r="AI43" s="32"/>
      <c r="AJ43" s="32"/>
      <c r="AK43" s="32"/>
      <c r="AL43" s="32"/>
      <c r="AM43" s="32"/>
      <c r="AN43" s="32"/>
      <c r="AO43" s="32"/>
      <c r="AP43" s="32"/>
      <c r="AQ43" s="32"/>
      <c r="AR43" s="32"/>
      <c r="AS43" s="32"/>
      <c r="AT43" s="32"/>
      <c r="AU43" s="32"/>
      <c r="AV43" s="32"/>
      <c r="AW43" s="32"/>
      <c r="AX43" s="32"/>
      <c r="AY43" s="32"/>
      <c r="AZ43" s="32"/>
      <c r="BA43" s="32"/>
      <c r="BB43" s="32"/>
      <c r="BC43" s="32"/>
      <c r="BD43" s="32"/>
      <c r="BE43" s="32"/>
      <c r="BF43" s="32"/>
      <c r="BG43" s="32"/>
      <c r="BH43" s="32"/>
      <c r="BI43" s="32"/>
      <c r="BJ43" s="32"/>
      <c r="BK43" s="32"/>
      <c r="BL43" s="32"/>
      <c r="BM43" s="32"/>
      <c r="BN43" s="32"/>
      <c r="BO43" s="32"/>
      <c r="BP43" s="32"/>
      <c r="BQ43" s="32"/>
      <c r="BR43" s="32"/>
      <c r="BS43" s="32"/>
      <c r="BT43" s="32"/>
      <c r="BU43" s="32"/>
      <c r="BV43" s="32"/>
      <c r="BW43" s="32"/>
      <c r="BX43" s="32"/>
      <c r="BY43" s="32"/>
      <c r="BZ43" s="32"/>
      <c r="CA43" s="32"/>
      <c r="CB43" s="32"/>
      <c r="CC43" s="32"/>
      <c r="CD43" s="32"/>
      <c r="CE43" s="32"/>
      <c r="CF43" s="32"/>
      <c r="CG43" s="32"/>
      <c r="CH43" s="32"/>
      <c r="CI43" s="32"/>
      <c r="CJ43" s="32"/>
      <c r="CK43" s="32"/>
      <c r="CL43" s="32"/>
      <c r="CM43" s="32"/>
      <c r="CN43" s="32"/>
      <c r="CO43" s="32"/>
      <c r="CP43" s="32"/>
      <c r="CQ43" s="32"/>
      <c r="CR43" s="32"/>
      <c r="CS43" s="32"/>
      <c r="CT43" s="32"/>
      <c r="CU43" s="32"/>
      <c r="CV43" s="32"/>
      <c r="CW43" s="32"/>
      <c r="CX43" s="32"/>
      <c r="CY43" s="32"/>
      <c r="CZ43" s="32"/>
      <c r="DA43" s="32"/>
      <c r="DB43" s="32"/>
      <c r="DC43" s="32"/>
      <c r="DD43" s="32"/>
      <c r="DE43" s="32"/>
      <c r="DF43" s="32"/>
      <c r="DG43" s="32"/>
      <c r="DH43" s="32"/>
      <c r="DI43" s="32"/>
      <c r="DJ43" s="32"/>
      <c r="DK43" s="32"/>
      <c r="DL43" s="32"/>
      <c r="DM43" s="32"/>
      <c r="DN43" s="32"/>
      <c r="DO43" s="32"/>
      <c r="DP43" s="32"/>
      <c r="DQ43" s="32"/>
      <c r="DR43" s="32"/>
      <c r="DS43" s="32"/>
      <c r="DT43" s="32"/>
      <c r="DU43" s="32"/>
      <c r="DV43" s="32"/>
      <c r="DW43" s="32"/>
      <c r="DX43" s="32"/>
      <c r="DY43" s="32"/>
      <c r="DZ43" s="32"/>
      <c r="EA43" s="32"/>
      <c r="EB43" s="32"/>
      <c r="EC43" s="32"/>
    </row>
    <row r="44" spans="2:133" x14ac:dyDescent="0.2">
      <c r="C44" s="33"/>
      <c r="D44" s="33"/>
      <c r="E44" s="33"/>
      <c r="F44" s="33"/>
      <c r="G44" s="33"/>
      <c r="H44" s="33"/>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2"/>
      <c r="AH44" s="32"/>
      <c r="AI44" s="32"/>
      <c r="AJ44" s="32"/>
      <c r="AK44" s="32"/>
      <c r="AL44" s="32"/>
      <c r="AM44" s="32"/>
      <c r="AN44" s="32"/>
      <c r="AO44" s="32"/>
      <c r="AP44" s="32"/>
      <c r="AQ44" s="32"/>
      <c r="AR44" s="32"/>
      <c r="AS44" s="32"/>
      <c r="AT44" s="32"/>
      <c r="AU44" s="32"/>
      <c r="AV44" s="32"/>
      <c r="AW44" s="32"/>
      <c r="AX44" s="32"/>
      <c r="AY44" s="32"/>
      <c r="AZ44" s="32"/>
      <c r="BA44" s="32"/>
      <c r="BB44" s="32"/>
      <c r="BC44" s="32"/>
      <c r="BD44" s="32"/>
      <c r="BE44" s="32"/>
      <c r="BF44" s="32"/>
      <c r="BG44" s="32"/>
      <c r="BH44" s="32"/>
      <c r="BI44" s="32"/>
      <c r="BJ44" s="32"/>
      <c r="BK44" s="32"/>
      <c r="BL44" s="32"/>
      <c r="BM44" s="32"/>
      <c r="BN44" s="32"/>
      <c r="BO44" s="32"/>
      <c r="BP44" s="32"/>
      <c r="BQ44" s="32"/>
      <c r="BR44" s="32"/>
      <c r="BS44" s="32"/>
      <c r="BT44" s="32"/>
      <c r="BU44" s="32"/>
      <c r="BV44" s="32"/>
      <c r="BW44" s="32"/>
      <c r="BX44" s="32"/>
      <c r="BY44" s="32"/>
      <c r="BZ44" s="32"/>
      <c r="CA44" s="32"/>
      <c r="CB44" s="32"/>
      <c r="CC44" s="32"/>
      <c r="CD44" s="32"/>
      <c r="CE44" s="32"/>
      <c r="CF44" s="32"/>
      <c r="CG44" s="32"/>
      <c r="CH44" s="32"/>
      <c r="CI44" s="32"/>
      <c r="CJ44" s="32"/>
      <c r="CK44" s="32"/>
      <c r="CL44" s="32"/>
      <c r="CM44" s="32"/>
      <c r="CN44" s="32"/>
      <c r="CO44" s="32"/>
      <c r="CP44" s="32"/>
      <c r="CQ44" s="32"/>
      <c r="CR44" s="32"/>
      <c r="CS44" s="32"/>
      <c r="CT44" s="32"/>
      <c r="CU44" s="32"/>
      <c r="CV44" s="32"/>
      <c r="CW44" s="32"/>
      <c r="CX44" s="32"/>
      <c r="CY44" s="32"/>
      <c r="CZ44" s="32"/>
      <c r="DA44" s="32"/>
      <c r="DB44" s="32"/>
      <c r="DC44" s="32"/>
      <c r="DD44" s="32"/>
      <c r="DE44" s="32"/>
      <c r="DF44" s="32"/>
      <c r="DG44" s="32"/>
      <c r="DH44" s="32"/>
      <c r="DI44" s="32"/>
      <c r="DJ44" s="32"/>
      <c r="DK44" s="32"/>
      <c r="DL44" s="32"/>
      <c r="DM44" s="32"/>
      <c r="DN44" s="32"/>
      <c r="DO44" s="32"/>
      <c r="DP44" s="32"/>
      <c r="DQ44" s="32"/>
      <c r="DR44" s="32"/>
      <c r="DS44" s="32"/>
      <c r="DT44" s="32"/>
      <c r="DU44" s="32"/>
      <c r="DV44" s="32"/>
      <c r="DW44" s="32"/>
      <c r="DX44" s="32"/>
      <c r="DY44" s="32"/>
      <c r="DZ44" s="32"/>
      <c r="EA44" s="32"/>
      <c r="EB44" s="32"/>
      <c r="EC44" s="32"/>
    </row>
    <row r="45" spans="2:133" x14ac:dyDescent="0.2">
      <c r="C45" s="33"/>
      <c r="D45" s="33"/>
      <c r="E45" s="33"/>
      <c r="F45" s="33"/>
      <c r="G45" s="33"/>
      <c r="H45" s="33"/>
      <c r="I45" s="33"/>
      <c r="J45" s="33"/>
      <c r="K45" s="33"/>
      <c r="L45" s="33"/>
      <c r="M45" s="33"/>
      <c r="N45" s="33"/>
      <c r="O45" s="33"/>
      <c r="P45" s="33"/>
      <c r="Q45" s="33"/>
      <c r="R45" s="33"/>
      <c r="S45" s="33"/>
      <c r="T45" s="33"/>
      <c r="U45" s="33"/>
      <c r="V45" s="33"/>
      <c r="W45" s="33"/>
      <c r="X45" s="33"/>
      <c r="Y45" s="33"/>
      <c r="Z45" s="33"/>
      <c r="AA45" s="33"/>
      <c r="AB45" s="33"/>
      <c r="AC45" s="33"/>
      <c r="AD45" s="33"/>
      <c r="AE45" s="33"/>
      <c r="AF45" s="33"/>
      <c r="AG45" s="32"/>
      <c r="AH45" s="32"/>
      <c r="AI45" s="32"/>
      <c r="AJ45" s="32"/>
      <c r="AK45" s="32"/>
      <c r="AL45" s="32"/>
      <c r="AM45" s="32"/>
      <c r="AN45" s="32"/>
      <c r="AO45" s="32"/>
      <c r="AP45" s="32"/>
      <c r="AQ45" s="32"/>
      <c r="AR45" s="32"/>
      <c r="AS45" s="32"/>
      <c r="AT45" s="32"/>
      <c r="AU45" s="32"/>
      <c r="AV45" s="32"/>
      <c r="AW45" s="32"/>
      <c r="AX45" s="32"/>
      <c r="AY45" s="32"/>
      <c r="AZ45" s="32"/>
      <c r="BA45" s="32"/>
      <c r="BB45" s="32"/>
      <c r="BC45" s="32"/>
      <c r="BD45" s="32"/>
      <c r="BE45" s="32"/>
      <c r="BF45" s="32"/>
      <c r="BG45" s="32"/>
      <c r="BH45" s="32"/>
      <c r="BI45" s="32"/>
      <c r="BJ45" s="32"/>
      <c r="BK45" s="32"/>
      <c r="BL45" s="32"/>
      <c r="BM45" s="32"/>
      <c r="BN45" s="32"/>
      <c r="BO45" s="32"/>
      <c r="BP45" s="32"/>
      <c r="BQ45" s="32"/>
      <c r="BR45" s="32"/>
      <c r="BS45" s="32"/>
      <c r="BT45" s="32"/>
      <c r="BU45" s="32"/>
      <c r="BV45" s="32"/>
      <c r="BW45" s="32"/>
      <c r="BX45" s="32"/>
      <c r="BY45" s="32"/>
      <c r="BZ45" s="32"/>
      <c r="CA45" s="32"/>
      <c r="CB45" s="32"/>
      <c r="CC45" s="32"/>
      <c r="CD45" s="32"/>
      <c r="CE45" s="32"/>
      <c r="CF45" s="32"/>
      <c r="CG45" s="32"/>
      <c r="CH45" s="32"/>
      <c r="CI45" s="32"/>
      <c r="CJ45" s="32"/>
      <c r="CK45" s="32"/>
      <c r="CL45" s="32"/>
      <c r="CM45" s="32"/>
      <c r="CN45" s="32"/>
      <c r="CO45" s="32"/>
      <c r="CP45" s="32"/>
      <c r="CQ45" s="32"/>
      <c r="CR45" s="32"/>
      <c r="CS45" s="32"/>
      <c r="CT45" s="32"/>
      <c r="CU45" s="32"/>
      <c r="CV45" s="32"/>
      <c r="CW45" s="32"/>
      <c r="CX45" s="32"/>
      <c r="CY45" s="32"/>
      <c r="CZ45" s="32"/>
      <c r="DA45" s="32"/>
      <c r="DB45" s="32"/>
      <c r="DC45" s="32"/>
      <c r="DD45" s="32"/>
      <c r="DE45" s="32"/>
      <c r="DF45" s="32"/>
      <c r="DG45" s="32"/>
      <c r="DH45" s="32"/>
      <c r="DI45" s="32"/>
      <c r="DJ45" s="32"/>
      <c r="DK45" s="32"/>
      <c r="DL45" s="32"/>
      <c r="DM45" s="32"/>
      <c r="DN45" s="32"/>
      <c r="DO45" s="32"/>
      <c r="DP45" s="32"/>
      <c r="DQ45" s="32"/>
      <c r="DR45" s="32"/>
      <c r="DS45" s="32"/>
      <c r="DT45" s="32"/>
      <c r="DU45" s="32"/>
      <c r="DV45" s="32"/>
      <c r="DW45" s="32"/>
      <c r="DX45" s="32"/>
      <c r="DY45" s="32"/>
      <c r="DZ45" s="32"/>
      <c r="EA45" s="32"/>
      <c r="EB45" s="32"/>
      <c r="EC45" s="32"/>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5" width="7.88671875" style="38" customWidth="1"/>
    <col min="6" max="6" width="8.109375" style="38" customWidth="1"/>
    <col min="7"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102" width="9" style="38"/>
    <col min="103" max="148" width="9" style="39"/>
    <col min="149" max="149" width="7.77734375" style="39" customWidth="1"/>
    <col min="150" max="159" width="9" style="39"/>
    <col min="160" max="160" width="8.109375" style="39" customWidth="1"/>
    <col min="161" max="16384" width="9" style="39"/>
  </cols>
  <sheetData>
    <row r="1" spans="2:299" ht="24" customHeight="1" x14ac:dyDescent="0.2">
      <c r="B1" s="10" t="s">
        <v>121</v>
      </c>
      <c r="F1" s="501">
        <f>第１表!F2</f>
        <v>5</v>
      </c>
      <c r="G1" s="501"/>
      <c r="H1" s="235">
        <f>第１表!G2</f>
        <v>10</v>
      </c>
      <c r="I1" s="500">
        <f>H1</f>
        <v>10</v>
      </c>
      <c r="J1" s="500"/>
    </row>
    <row r="2" spans="2:299" ht="24" customHeight="1" thickBot="1" x14ac:dyDescent="0.25">
      <c r="B2" s="15" t="s">
        <v>129</v>
      </c>
    </row>
    <row r="3" spans="2:299" ht="21" customHeight="1" thickBot="1" x14ac:dyDescent="0.25">
      <c r="B3" s="487" t="s">
        <v>38</v>
      </c>
      <c r="C3" s="482" t="s">
        <v>96</v>
      </c>
      <c r="D3" s="482"/>
      <c r="E3" s="482"/>
      <c r="F3" s="482"/>
      <c r="G3" s="482"/>
      <c r="H3" s="482"/>
      <c r="I3" s="482"/>
      <c r="J3" s="482"/>
      <c r="K3" s="482"/>
      <c r="L3" s="482"/>
      <c r="M3" s="482"/>
      <c r="N3" s="482"/>
      <c r="O3" s="482"/>
      <c r="P3" s="482"/>
      <c r="Q3" s="482"/>
      <c r="R3" s="482"/>
      <c r="S3" s="482"/>
      <c r="T3" s="482"/>
      <c r="U3" s="482"/>
      <c r="V3" s="482"/>
      <c r="W3" s="482"/>
      <c r="X3" s="482"/>
      <c r="Y3" s="482"/>
      <c r="Z3" s="482"/>
      <c r="AA3" s="482"/>
      <c r="AB3" s="482"/>
      <c r="AC3" s="482"/>
      <c r="AD3" s="482"/>
      <c r="AE3" s="482"/>
      <c r="AF3" s="482"/>
      <c r="AG3" s="482"/>
      <c r="AH3" s="482"/>
      <c r="AI3" s="482"/>
      <c r="AJ3" s="482"/>
      <c r="AK3" s="482"/>
      <c r="AL3" s="482"/>
      <c r="AM3" s="482"/>
      <c r="AN3" s="482"/>
      <c r="AO3" s="482"/>
      <c r="AP3" s="482"/>
      <c r="AQ3" s="482"/>
      <c r="AR3" s="482"/>
      <c r="AS3" s="482"/>
      <c r="AT3" s="482"/>
      <c r="AU3" s="482"/>
      <c r="AV3" s="482"/>
      <c r="AW3" s="482"/>
      <c r="AX3" s="482"/>
      <c r="AY3" s="482"/>
      <c r="AZ3" s="482"/>
      <c r="BA3" s="482"/>
      <c r="BB3" s="482"/>
      <c r="BC3" s="482"/>
      <c r="BD3" s="482"/>
      <c r="BE3" s="482"/>
      <c r="BF3" s="482"/>
      <c r="BG3" s="482"/>
      <c r="BH3" s="482"/>
      <c r="BI3" s="482"/>
      <c r="BJ3" s="482"/>
      <c r="BK3" s="482"/>
      <c r="BL3" s="482"/>
      <c r="BM3" s="482"/>
      <c r="BN3" s="482"/>
      <c r="BO3" s="482"/>
      <c r="BP3" s="482"/>
      <c r="BQ3" s="482"/>
      <c r="BR3" s="482"/>
      <c r="BS3" s="482"/>
      <c r="BT3" s="482"/>
      <c r="BU3" s="482"/>
      <c r="BV3" s="482"/>
      <c r="BW3" s="482"/>
      <c r="BX3" s="482"/>
      <c r="BY3" s="482"/>
      <c r="BZ3" s="482"/>
      <c r="CA3" s="482"/>
      <c r="CB3" s="482"/>
      <c r="CC3" s="482"/>
      <c r="CD3" s="482"/>
      <c r="CE3" s="482"/>
      <c r="CF3" s="482"/>
      <c r="CG3" s="482"/>
      <c r="CH3" s="482"/>
      <c r="CI3" s="482"/>
      <c r="CJ3" s="482"/>
      <c r="CK3" s="482"/>
      <c r="CL3" s="482"/>
      <c r="CM3" s="482"/>
      <c r="CN3" s="482"/>
      <c r="CO3" s="482"/>
      <c r="CP3" s="482"/>
      <c r="CQ3" s="482"/>
      <c r="CR3" s="482"/>
      <c r="CS3" s="482"/>
      <c r="CT3" s="482"/>
      <c r="CU3" s="482"/>
      <c r="CV3" s="482"/>
      <c r="CW3" s="483"/>
      <c r="CX3" s="482" t="s">
        <v>103</v>
      </c>
      <c r="CY3" s="482"/>
      <c r="CZ3" s="482"/>
      <c r="DA3" s="482"/>
      <c r="DB3" s="482"/>
      <c r="DC3" s="482"/>
      <c r="DD3" s="482"/>
      <c r="DE3" s="482"/>
      <c r="DF3" s="482"/>
      <c r="DG3" s="482"/>
      <c r="DH3" s="482"/>
      <c r="DI3" s="482"/>
      <c r="DJ3" s="482"/>
      <c r="DK3" s="482"/>
      <c r="DL3" s="482"/>
      <c r="DM3" s="482"/>
      <c r="DN3" s="482"/>
      <c r="DO3" s="482"/>
      <c r="DP3" s="482"/>
      <c r="DQ3" s="482"/>
      <c r="DR3" s="482"/>
      <c r="DS3" s="482"/>
      <c r="DT3" s="482"/>
      <c r="DU3" s="482"/>
      <c r="DV3" s="482"/>
      <c r="DW3" s="482"/>
      <c r="DX3" s="482"/>
      <c r="DY3" s="482"/>
      <c r="DZ3" s="482"/>
      <c r="EA3" s="482"/>
      <c r="EB3" s="482"/>
      <c r="EC3" s="482"/>
      <c r="ED3" s="482"/>
      <c r="EE3" s="482"/>
      <c r="EF3" s="482"/>
      <c r="EG3" s="482"/>
      <c r="EH3" s="482"/>
      <c r="EI3" s="482"/>
      <c r="EJ3" s="482"/>
      <c r="EK3" s="482"/>
      <c r="EL3" s="482"/>
      <c r="EM3" s="482"/>
      <c r="EN3" s="482"/>
      <c r="EO3" s="482"/>
      <c r="EP3" s="482"/>
      <c r="EQ3" s="482"/>
      <c r="ER3" s="482"/>
      <c r="ES3" s="482"/>
      <c r="ET3" s="482"/>
      <c r="EU3" s="482"/>
      <c r="EV3" s="482"/>
      <c r="EW3" s="482"/>
      <c r="EX3" s="482"/>
      <c r="EY3" s="482"/>
      <c r="EZ3" s="482"/>
      <c r="FA3" s="482"/>
      <c r="FB3" s="482"/>
      <c r="FC3" s="482"/>
      <c r="FD3" s="482"/>
      <c r="FE3" s="482"/>
      <c r="FF3" s="482"/>
      <c r="FG3" s="482"/>
      <c r="FH3" s="482"/>
      <c r="FI3" s="482"/>
      <c r="FJ3" s="482"/>
      <c r="FK3" s="482"/>
      <c r="FL3" s="482"/>
      <c r="FM3" s="482"/>
      <c r="FN3" s="482"/>
      <c r="FO3" s="482"/>
      <c r="FP3" s="482"/>
      <c r="FQ3" s="482"/>
      <c r="FR3" s="482"/>
      <c r="FS3" s="482"/>
      <c r="FT3" s="482"/>
      <c r="FU3" s="482"/>
      <c r="FV3" s="482"/>
      <c r="FW3" s="482"/>
      <c r="FX3" s="482"/>
      <c r="FY3" s="482"/>
      <c r="FZ3" s="482"/>
      <c r="GA3" s="482"/>
      <c r="GB3" s="482"/>
      <c r="GC3" s="482"/>
      <c r="GD3" s="482"/>
      <c r="GE3" s="482"/>
      <c r="GF3" s="482"/>
      <c r="GG3" s="482"/>
      <c r="GH3" s="482"/>
      <c r="GI3" s="482"/>
      <c r="GJ3" s="482"/>
      <c r="GK3" s="482"/>
      <c r="GL3" s="482"/>
      <c r="GM3" s="482"/>
      <c r="GN3" s="482"/>
      <c r="GO3" s="482"/>
      <c r="GP3" s="482"/>
      <c r="GQ3" s="482"/>
      <c r="GR3" s="483"/>
      <c r="GS3" s="482" t="s">
        <v>104</v>
      </c>
      <c r="GT3" s="482"/>
      <c r="GU3" s="482"/>
      <c r="GV3" s="482"/>
      <c r="GW3" s="482"/>
      <c r="GX3" s="482"/>
      <c r="GY3" s="482"/>
      <c r="GZ3" s="482"/>
      <c r="HA3" s="482"/>
      <c r="HB3" s="482"/>
      <c r="HC3" s="482"/>
      <c r="HD3" s="482"/>
      <c r="HE3" s="482"/>
      <c r="HF3" s="482"/>
      <c r="HG3" s="482"/>
      <c r="HH3" s="482"/>
      <c r="HI3" s="482"/>
      <c r="HJ3" s="482"/>
      <c r="HK3" s="482"/>
      <c r="HL3" s="482"/>
      <c r="HM3" s="482"/>
      <c r="HN3" s="482"/>
      <c r="HO3" s="482"/>
      <c r="HP3" s="482"/>
      <c r="HQ3" s="482"/>
      <c r="HR3" s="482"/>
      <c r="HS3" s="482"/>
      <c r="HT3" s="482"/>
      <c r="HU3" s="482"/>
      <c r="HV3" s="482"/>
      <c r="HW3" s="482"/>
      <c r="HX3" s="482"/>
      <c r="HY3" s="482"/>
      <c r="HZ3" s="482"/>
      <c r="IA3" s="482"/>
      <c r="IB3" s="482"/>
      <c r="IC3" s="482"/>
      <c r="ID3" s="482"/>
      <c r="IE3" s="482"/>
      <c r="IF3" s="482"/>
      <c r="IG3" s="482"/>
      <c r="IH3" s="482"/>
      <c r="II3" s="482"/>
      <c r="IJ3" s="482"/>
      <c r="IK3" s="482"/>
      <c r="IL3" s="482"/>
      <c r="IM3" s="482"/>
      <c r="IN3" s="482"/>
      <c r="IO3" s="482"/>
      <c r="IP3" s="482"/>
      <c r="IQ3" s="482"/>
      <c r="IR3" s="482"/>
      <c r="IS3" s="482"/>
      <c r="IT3" s="482"/>
      <c r="IU3" s="482"/>
      <c r="IV3" s="482"/>
      <c r="IW3" s="482"/>
      <c r="IX3" s="482"/>
      <c r="IY3" s="482"/>
      <c r="IZ3" s="482"/>
      <c r="JA3" s="482"/>
      <c r="JB3" s="482"/>
      <c r="JC3" s="482"/>
      <c r="JD3" s="482"/>
      <c r="JE3" s="482"/>
      <c r="JF3" s="482"/>
      <c r="JG3" s="482"/>
      <c r="JH3" s="482"/>
      <c r="JI3" s="482"/>
      <c r="JJ3" s="482"/>
      <c r="JK3" s="482"/>
      <c r="JL3" s="482"/>
      <c r="JM3" s="482"/>
      <c r="JN3" s="482"/>
      <c r="JO3" s="482"/>
      <c r="JP3" s="482"/>
      <c r="JQ3" s="482"/>
      <c r="JR3" s="482"/>
      <c r="JS3" s="482"/>
      <c r="JT3" s="482"/>
      <c r="JU3" s="482"/>
      <c r="JV3" s="482"/>
      <c r="JW3" s="482"/>
      <c r="JX3" s="482"/>
      <c r="JY3" s="482"/>
      <c r="JZ3" s="482"/>
      <c r="KA3" s="482"/>
      <c r="KB3" s="482"/>
      <c r="KC3" s="482"/>
      <c r="KD3" s="482"/>
      <c r="KE3" s="482"/>
      <c r="KF3" s="482"/>
      <c r="KG3" s="482"/>
      <c r="KH3" s="482"/>
      <c r="KI3" s="482"/>
      <c r="KJ3" s="482"/>
      <c r="KK3" s="482"/>
      <c r="KL3" s="482"/>
      <c r="KM3" s="483"/>
    </row>
    <row r="4" spans="2:299" ht="21" customHeight="1" thickBot="1" x14ac:dyDescent="0.25">
      <c r="B4" s="499"/>
      <c r="C4" s="484" t="s">
        <v>39</v>
      </c>
      <c r="D4" s="485"/>
      <c r="E4" s="485"/>
      <c r="F4" s="485"/>
      <c r="G4" s="485"/>
      <c r="H4" s="485"/>
      <c r="I4" s="485"/>
      <c r="J4" s="485"/>
      <c r="K4" s="485"/>
      <c r="L4" s="485"/>
      <c r="M4" s="485"/>
      <c r="N4" s="485"/>
      <c r="O4" s="485"/>
      <c r="P4" s="485"/>
      <c r="Q4" s="485"/>
      <c r="R4" s="485"/>
      <c r="S4" s="485"/>
      <c r="T4" s="485"/>
      <c r="U4" s="485"/>
      <c r="V4" s="485"/>
      <c r="W4" s="485"/>
      <c r="X4" s="485"/>
      <c r="Y4" s="485"/>
      <c r="Z4" s="485"/>
      <c r="AA4" s="485"/>
      <c r="AB4" s="485"/>
      <c r="AC4" s="485"/>
      <c r="AD4" s="485"/>
      <c r="AE4" s="485"/>
      <c r="AF4" s="485"/>
      <c r="AG4" s="485"/>
      <c r="AH4" s="485"/>
      <c r="AI4" s="485"/>
      <c r="AJ4" s="485"/>
      <c r="AK4" s="485"/>
      <c r="AL4" s="485"/>
      <c r="AM4" s="485"/>
      <c r="AN4" s="485"/>
      <c r="AO4" s="485"/>
      <c r="AP4" s="485"/>
      <c r="AQ4" s="485"/>
      <c r="AR4" s="485"/>
      <c r="AS4" s="485"/>
      <c r="AT4" s="485"/>
      <c r="AU4" s="485"/>
      <c r="AV4" s="485"/>
      <c r="AW4" s="485"/>
      <c r="AX4" s="485"/>
      <c r="AY4" s="485"/>
      <c r="AZ4" s="485"/>
      <c r="BA4" s="485"/>
      <c r="BB4" s="485"/>
      <c r="BC4" s="485"/>
      <c r="BD4" s="485"/>
      <c r="BE4" s="485"/>
      <c r="BF4" s="485"/>
      <c r="BG4" s="485"/>
      <c r="BH4" s="485"/>
      <c r="BI4" s="485"/>
      <c r="BJ4" s="485"/>
      <c r="BK4" s="485"/>
      <c r="BL4" s="485"/>
      <c r="BM4" s="485"/>
      <c r="BN4" s="485"/>
      <c r="BO4" s="485"/>
      <c r="BP4" s="485"/>
      <c r="BQ4" s="485"/>
      <c r="BR4" s="485"/>
      <c r="BS4" s="485"/>
      <c r="BT4" s="485"/>
      <c r="BU4" s="485"/>
      <c r="BV4" s="485"/>
      <c r="BW4" s="485"/>
      <c r="BX4" s="485"/>
      <c r="BY4" s="485"/>
      <c r="BZ4" s="485"/>
      <c r="CA4" s="486"/>
      <c r="CB4" s="487" t="s">
        <v>40</v>
      </c>
      <c r="CC4" s="488"/>
      <c r="CD4" s="488"/>
      <c r="CE4" s="488"/>
      <c r="CF4" s="488"/>
      <c r="CG4" s="488"/>
      <c r="CH4" s="488"/>
      <c r="CI4" s="488"/>
      <c r="CJ4" s="488"/>
      <c r="CK4" s="488"/>
      <c r="CL4" s="489"/>
      <c r="CM4" s="487" t="s">
        <v>41</v>
      </c>
      <c r="CN4" s="488"/>
      <c r="CO4" s="488"/>
      <c r="CP4" s="488"/>
      <c r="CQ4" s="488"/>
      <c r="CR4" s="488"/>
      <c r="CS4" s="488"/>
      <c r="CT4" s="488"/>
      <c r="CU4" s="488"/>
      <c r="CV4" s="488"/>
      <c r="CW4" s="489"/>
      <c r="CX4" s="484" t="s">
        <v>39</v>
      </c>
      <c r="CY4" s="485"/>
      <c r="CZ4" s="485"/>
      <c r="DA4" s="485"/>
      <c r="DB4" s="485"/>
      <c r="DC4" s="485"/>
      <c r="DD4" s="485"/>
      <c r="DE4" s="485"/>
      <c r="DF4" s="485"/>
      <c r="DG4" s="485"/>
      <c r="DH4" s="485"/>
      <c r="DI4" s="485"/>
      <c r="DJ4" s="485"/>
      <c r="DK4" s="485"/>
      <c r="DL4" s="485"/>
      <c r="DM4" s="485"/>
      <c r="DN4" s="485"/>
      <c r="DO4" s="485"/>
      <c r="DP4" s="485"/>
      <c r="DQ4" s="485"/>
      <c r="DR4" s="485"/>
      <c r="DS4" s="485"/>
      <c r="DT4" s="485"/>
      <c r="DU4" s="485"/>
      <c r="DV4" s="485"/>
      <c r="DW4" s="485"/>
      <c r="DX4" s="485"/>
      <c r="DY4" s="485"/>
      <c r="DZ4" s="485"/>
      <c r="EA4" s="485"/>
      <c r="EB4" s="485"/>
      <c r="EC4" s="485"/>
      <c r="ED4" s="485"/>
      <c r="EE4" s="485"/>
      <c r="EF4" s="485"/>
      <c r="EG4" s="485"/>
      <c r="EH4" s="485"/>
      <c r="EI4" s="485"/>
      <c r="EJ4" s="485"/>
      <c r="EK4" s="485"/>
      <c r="EL4" s="485"/>
      <c r="EM4" s="485"/>
      <c r="EN4" s="485"/>
      <c r="EO4" s="485"/>
      <c r="EP4" s="485"/>
      <c r="EQ4" s="485"/>
      <c r="ER4" s="485"/>
      <c r="ES4" s="485"/>
      <c r="ET4" s="485"/>
      <c r="EU4" s="485"/>
      <c r="EV4" s="485"/>
      <c r="EW4" s="485"/>
      <c r="EX4" s="485"/>
      <c r="EY4" s="485"/>
      <c r="EZ4" s="485"/>
      <c r="FA4" s="485"/>
      <c r="FB4" s="485"/>
      <c r="FC4" s="485"/>
      <c r="FD4" s="485"/>
      <c r="FE4" s="485"/>
      <c r="FF4" s="485"/>
      <c r="FG4" s="485"/>
      <c r="FH4" s="485"/>
      <c r="FI4" s="485"/>
      <c r="FJ4" s="485"/>
      <c r="FK4" s="485"/>
      <c r="FL4" s="485"/>
      <c r="FM4" s="485"/>
      <c r="FN4" s="485"/>
      <c r="FO4" s="485"/>
      <c r="FP4" s="485"/>
      <c r="FQ4" s="485"/>
      <c r="FR4" s="485"/>
      <c r="FS4" s="485"/>
      <c r="FT4" s="485"/>
      <c r="FU4" s="485"/>
      <c r="FV4" s="486"/>
      <c r="FW4" s="487" t="s">
        <v>40</v>
      </c>
      <c r="FX4" s="488"/>
      <c r="FY4" s="488"/>
      <c r="FZ4" s="488"/>
      <c r="GA4" s="488"/>
      <c r="GB4" s="488"/>
      <c r="GC4" s="488"/>
      <c r="GD4" s="488"/>
      <c r="GE4" s="488"/>
      <c r="GF4" s="488"/>
      <c r="GG4" s="489"/>
      <c r="GH4" s="487" t="s">
        <v>41</v>
      </c>
      <c r="GI4" s="488"/>
      <c r="GJ4" s="488"/>
      <c r="GK4" s="488"/>
      <c r="GL4" s="488"/>
      <c r="GM4" s="488"/>
      <c r="GN4" s="488"/>
      <c r="GO4" s="488"/>
      <c r="GP4" s="488"/>
      <c r="GQ4" s="488"/>
      <c r="GR4" s="489"/>
      <c r="GS4" s="484" t="s">
        <v>39</v>
      </c>
      <c r="GT4" s="485"/>
      <c r="GU4" s="485"/>
      <c r="GV4" s="485"/>
      <c r="GW4" s="485"/>
      <c r="GX4" s="485"/>
      <c r="GY4" s="485"/>
      <c r="GZ4" s="485"/>
      <c r="HA4" s="485"/>
      <c r="HB4" s="485"/>
      <c r="HC4" s="485"/>
      <c r="HD4" s="485"/>
      <c r="HE4" s="485"/>
      <c r="HF4" s="485"/>
      <c r="HG4" s="485"/>
      <c r="HH4" s="485"/>
      <c r="HI4" s="485"/>
      <c r="HJ4" s="485"/>
      <c r="HK4" s="485"/>
      <c r="HL4" s="485"/>
      <c r="HM4" s="485"/>
      <c r="HN4" s="485"/>
      <c r="HO4" s="485"/>
      <c r="HP4" s="485"/>
      <c r="HQ4" s="485"/>
      <c r="HR4" s="485"/>
      <c r="HS4" s="485"/>
      <c r="HT4" s="485"/>
      <c r="HU4" s="485"/>
      <c r="HV4" s="485"/>
      <c r="HW4" s="485"/>
      <c r="HX4" s="485"/>
      <c r="HY4" s="485"/>
      <c r="HZ4" s="485"/>
      <c r="IA4" s="485"/>
      <c r="IB4" s="485"/>
      <c r="IC4" s="485"/>
      <c r="ID4" s="485"/>
      <c r="IE4" s="485"/>
      <c r="IF4" s="485"/>
      <c r="IG4" s="485"/>
      <c r="IH4" s="485"/>
      <c r="II4" s="485"/>
      <c r="IJ4" s="485"/>
      <c r="IK4" s="485"/>
      <c r="IL4" s="485"/>
      <c r="IM4" s="485"/>
      <c r="IN4" s="485"/>
      <c r="IO4" s="485"/>
      <c r="IP4" s="485"/>
      <c r="IQ4" s="485"/>
      <c r="IR4" s="485"/>
      <c r="IS4" s="485"/>
      <c r="IT4" s="485"/>
      <c r="IU4" s="485"/>
      <c r="IV4" s="485"/>
      <c r="IW4" s="485"/>
      <c r="IX4" s="485"/>
      <c r="IY4" s="485"/>
      <c r="IZ4" s="485"/>
      <c r="JA4" s="485"/>
      <c r="JB4" s="485"/>
      <c r="JC4" s="485"/>
      <c r="JD4" s="485"/>
      <c r="JE4" s="485"/>
      <c r="JF4" s="485"/>
      <c r="JG4" s="485"/>
      <c r="JH4" s="485"/>
      <c r="JI4" s="485"/>
      <c r="JJ4" s="485"/>
      <c r="JK4" s="485"/>
      <c r="JL4" s="485"/>
      <c r="JM4" s="485"/>
      <c r="JN4" s="485"/>
      <c r="JO4" s="485"/>
      <c r="JP4" s="485"/>
      <c r="JQ4" s="486"/>
      <c r="JR4" s="487" t="s">
        <v>40</v>
      </c>
      <c r="JS4" s="488"/>
      <c r="JT4" s="488"/>
      <c r="JU4" s="488"/>
      <c r="JV4" s="488"/>
      <c r="JW4" s="488"/>
      <c r="JX4" s="488"/>
      <c r="JY4" s="488"/>
      <c r="JZ4" s="488"/>
      <c r="KA4" s="488"/>
      <c r="KB4" s="489"/>
      <c r="KC4" s="487" t="s">
        <v>41</v>
      </c>
      <c r="KD4" s="488"/>
      <c r="KE4" s="488"/>
      <c r="KF4" s="488"/>
      <c r="KG4" s="488"/>
      <c r="KH4" s="488"/>
      <c r="KI4" s="488"/>
      <c r="KJ4" s="488"/>
      <c r="KK4" s="488"/>
      <c r="KL4" s="488"/>
      <c r="KM4" s="489"/>
    </row>
    <row r="5" spans="2:299" ht="21" customHeight="1" thickBot="1" x14ac:dyDescent="0.25">
      <c r="B5" s="493"/>
      <c r="C5" s="493"/>
      <c r="D5" s="494"/>
      <c r="E5" s="494"/>
      <c r="F5" s="494"/>
      <c r="G5" s="494"/>
      <c r="H5" s="494"/>
      <c r="I5" s="494"/>
      <c r="J5" s="494"/>
      <c r="K5" s="494"/>
      <c r="L5" s="494"/>
      <c r="M5" s="495"/>
      <c r="N5" s="496" t="s">
        <v>97</v>
      </c>
      <c r="O5" s="497"/>
      <c r="P5" s="497"/>
      <c r="Q5" s="497"/>
      <c r="R5" s="497"/>
      <c r="S5" s="497"/>
      <c r="T5" s="497"/>
      <c r="U5" s="497"/>
      <c r="V5" s="497"/>
      <c r="W5" s="497"/>
      <c r="X5" s="498"/>
      <c r="Y5" s="496" t="s">
        <v>98</v>
      </c>
      <c r="Z5" s="497"/>
      <c r="AA5" s="497"/>
      <c r="AB5" s="497"/>
      <c r="AC5" s="497"/>
      <c r="AD5" s="497"/>
      <c r="AE5" s="497"/>
      <c r="AF5" s="497"/>
      <c r="AG5" s="497"/>
      <c r="AH5" s="497"/>
      <c r="AI5" s="498"/>
      <c r="AJ5" s="496" t="s">
        <v>99</v>
      </c>
      <c r="AK5" s="497"/>
      <c r="AL5" s="497"/>
      <c r="AM5" s="497"/>
      <c r="AN5" s="497"/>
      <c r="AO5" s="497"/>
      <c r="AP5" s="497"/>
      <c r="AQ5" s="497"/>
      <c r="AR5" s="497"/>
      <c r="AS5" s="497"/>
      <c r="AT5" s="498"/>
      <c r="AU5" s="496" t="s">
        <v>100</v>
      </c>
      <c r="AV5" s="497"/>
      <c r="AW5" s="497"/>
      <c r="AX5" s="497"/>
      <c r="AY5" s="497"/>
      <c r="AZ5" s="497"/>
      <c r="BA5" s="497"/>
      <c r="BB5" s="497"/>
      <c r="BC5" s="497"/>
      <c r="BD5" s="497"/>
      <c r="BE5" s="498"/>
      <c r="BF5" s="496" t="s">
        <v>101</v>
      </c>
      <c r="BG5" s="497"/>
      <c r="BH5" s="497"/>
      <c r="BI5" s="497"/>
      <c r="BJ5" s="497"/>
      <c r="BK5" s="497"/>
      <c r="BL5" s="497"/>
      <c r="BM5" s="497"/>
      <c r="BN5" s="497"/>
      <c r="BO5" s="497"/>
      <c r="BP5" s="498"/>
      <c r="BQ5" s="496" t="s">
        <v>102</v>
      </c>
      <c r="BR5" s="497"/>
      <c r="BS5" s="497"/>
      <c r="BT5" s="497"/>
      <c r="BU5" s="497"/>
      <c r="BV5" s="497"/>
      <c r="BW5" s="497"/>
      <c r="BX5" s="497"/>
      <c r="BY5" s="497"/>
      <c r="BZ5" s="497"/>
      <c r="CA5" s="498"/>
      <c r="CB5" s="490"/>
      <c r="CC5" s="491"/>
      <c r="CD5" s="491"/>
      <c r="CE5" s="491"/>
      <c r="CF5" s="491"/>
      <c r="CG5" s="491"/>
      <c r="CH5" s="491"/>
      <c r="CI5" s="491"/>
      <c r="CJ5" s="491"/>
      <c r="CK5" s="491"/>
      <c r="CL5" s="492"/>
      <c r="CM5" s="490"/>
      <c r="CN5" s="491"/>
      <c r="CO5" s="491"/>
      <c r="CP5" s="491"/>
      <c r="CQ5" s="491"/>
      <c r="CR5" s="491"/>
      <c r="CS5" s="491"/>
      <c r="CT5" s="491"/>
      <c r="CU5" s="491"/>
      <c r="CV5" s="491"/>
      <c r="CW5" s="492"/>
      <c r="CX5" s="493"/>
      <c r="CY5" s="494"/>
      <c r="CZ5" s="494"/>
      <c r="DA5" s="494"/>
      <c r="DB5" s="494"/>
      <c r="DC5" s="494"/>
      <c r="DD5" s="494"/>
      <c r="DE5" s="494"/>
      <c r="DF5" s="494"/>
      <c r="DG5" s="494"/>
      <c r="DH5" s="495"/>
      <c r="DI5" s="496" t="s">
        <v>97</v>
      </c>
      <c r="DJ5" s="497"/>
      <c r="DK5" s="497"/>
      <c r="DL5" s="497"/>
      <c r="DM5" s="497"/>
      <c r="DN5" s="497"/>
      <c r="DO5" s="497"/>
      <c r="DP5" s="497"/>
      <c r="DQ5" s="497"/>
      <c r="DR5" s="497"/>
      <c r="DS5" s="498"/>
      <c r="DT5" s="496" t="s">
        <v>98</v>
      </c>
      <c r="DU5" s="497"/>
      <c r="DV5" s="497"/>
      <c r="DW5" s="497"/>
      <c r="DX5" s="497"/>
      <c r="DY5" s="497"/>
      <c r="DZ5" s="497"/>
      <c r="EA5" s="497"/>
      <c r="EB5" s="497"/>
      <c r="EC5" s="497"/>
      <c r="ED5" s="498"/>
      <c r="EE5" s="496" t="s">
        <v>99</v>
      </c>
      <c r="EF5" s="497"/>
      <c r="EG5" s="497"/>
      <c r="EH5" s="497"/>
      <c r="EI5" s="497"/>
      <c r="EJ5" s="497"/>
      <c r="EK5" s="497"/>
      <c r="EL5" s="497"/>
      <c r="EM5" s="497"/>
      <c r="EN5" s="497"/>
      <c r="EO5" s="498"/>
      <c r="EP5" s="496" t="s">
        <v>100</v>
      </c>
      <c r="EQ5" s="497"/>
      <c r="ER5" s="497"/>
      <c r="ES5" s="497"/>
      <c r="ET5" s="497"/>
      <c r="EU5" s="497"/>
      <c r="EV5" s="497"/>
      <c r="EW5" s="497"/>
      <c r="EX5" s="497"/>
      <c r="EY5" s="497"/>
      <c r="EZ5" s="498"/>
      <c r="FA5" s="496" t="s">
        <v>101</v>
      </c>
      <c r="FB5" s="497"/>
      <c r="FC5" s="497"/>
      <c r="FD5" s="497"/>
      <c r="FE5" s="497"/>
      <c r="FF5" s="497"/>
      <c r="FG5" s="497"/>
      <c r="FH5" s="497"/>
      <c r="FI5" s="497"/>
      <c r="FJ5" s="497"/>
      <c r="FK5" s="498"/>
      <c r="FL5" s="496" t="s">
        <v>102</v>
      </c>
      <c r="FM5" s="497"/>
      <c r="FN5" s="497"/>
      <c r="FO5" s="497"/>
      <c r="FP5" s="497"/>
      <c r="FQ5" s="497"/>
      <c r="FR5" s="497"/>
      <c r="FS5" s="497"/>
      <c r="FT5" s="497"/>
      <c r="FU5" s="497"/>
      <c r="FV5" s="498"/>
      <c r="FW5" s="490"/>
      <c r="FX5" s="491"/>
      <c r="FY5" s="491"/>
      <c r="FZ5" s="491"/>
      <c r="GA5" s="491"/>
      <c r="GB5" s="491"/>
      <c r="GC5" s="491"/>
      <c r="GD5" s="491"/>
      <c r="GE5" s="491"/>
      <c r="GF5" s="491"/>
      <c r="GG5" s="492"/>
      <c r="GH5" s="490"/>
      <c r="GI5" s="491"/>
      <c r="GJ5" s="491"/>
      <c r="GK5" s="491"/>
      <c r="GL5" s="491"/>
      <c r="GM5" s="491"/>
      <c r="GN5" s="491"/>
      <c r="GO5" s="491"/>
      <c r="GP5" s="491"/>
      <c r="GQ5" s="491"/>
      <c r="GR5" s="492"/>
      <c r="GS5" s="493"/>
      <c r="GT5" s="494"/>
      <c r="GU5" s="494"/>
      <c r="GV5" s="494"/>
      <c r="GW5" s="494"/>
      <c r="GX5" s="494"/>
      <c r="GY5" s="494"/>
      <c r="GZ5" s="494"/>
      <c r="HA5" s="494"/>
      <c r="HB5" s="494"/>
      <c r="HC5" s="495"/>
      <c r="HD5" s="496" t="s">
        <v>97</v>
      </c>
      <c r="HE5" s="497"/>
      <c r="HF5" s="497"/>
      <c r="HG5" s="497"/>
      <c r="HH5" s="497"/>
      <c r="HI5" s="497"/>
      <c r="HJ5" s="497"/>
      <c r="HK5" s="497"/>
      <c r="HL5" s="497"/>
      <c r="HM5" s="497"/>
      <c r="HN5" s="498"/>
      <c r="HO5" s="496" t="s">
        <v>98</v>
      </c>
      <c r="HP5" s="497"/>
      <c r="HQ5" s="497"/>
      <c r="HR5" s="497"/>
      <c r="HS5" s="497"/>
      <c r="HT5" s="497"/>
      <c r="HU5" s="497"/>
      <c r="HV5" s="497"/>
      <c r="HW5" s="497"/>
      <c r="HX5" s="497"/>
      <c r="HY5" s="498"/>
      <c r="HZ5" s="496" t="s">
        <v>99</v>
      </c>
      <c r="IA5" s="497"/>
      <c r="IB5" s="497"/>
      <c r="IC5" s="497"/>
      <c r="ID5" s="497"/>
      <c r="IE5" s="497"/>
      <c r="IF5" s="497"/>
      <c r="IG5" s="497"/>
      <c r="IH5" s="497"/>
      <c r="II5" s="497"/>
      <c r="IJ5" s="498"/>
      <c r="IK5" s="496" t="s">
        <v>100</v>
      </c>
      <c r="IL5" s="497"/>
      <c r="IM5" s="497"/>
      <c r="IN5" s="497"/>
      <c r="IO5" s="497"/>
      <c r="IP5" s="497"/>
      <c r="IQ5" s="497"/>
      <c r="IR5" s="497"/>
      <c r="IS5" s="497"/>
      <c r="IT5" s="497"/>
      <c r="IU5" s="498"/>
      <c r="IV5" s="496" t="s">
        <v>101</v>
      </c>
      <c r="IW5" s="497"/>
      <c r="IX5" s="497"/>
      <c r="IY5" s="497"/>
      <c r="IZ5" s="497"/>
      <c r="JA5" s="497"/>
      <c r="JB5" s="497"/>
      <c r="JC5" s="497"/>
      <c r="JD5" s="497"/>
      <c r="JE5" s="497"/>
      <c r="JF5" s="498"/>
      <c r="JG5" s="496" t="s">
        <v>102</v>
      </c>
      <c r="JH5" s="497"/>
      <c r="JI5" s="497"/>
      <c r="JJ5" s="497"/>
      <c r="JK5" s="497"/>
      <c r="JL5" s="497"/>
      <c r="JM5" s="497"/>
      <c r="JN5" s="497"/>
      <c r="JO5" s="497"/>
      <c r="JP5" s="497"/>
      <c r="JQ5" s="498"/>
      <c r="JR5" s="490"/>
      <c r="JS5" s="491"/>
      <c r="JT5" s="491"/>
      <c r="JU5" s="491"/>
      <c r="JV5" s="491"/>
      <c r="JW5" s="491"/>
      <c r="JX5" s="491"/>
      <c r="JY5" s="491"/>
      <c r="JZ5" s="491"/>
      <c r="KA5" s="491"/>
      <c r="KB5" s="492"/>
      <c r="KC5" s="490"/>
      <c r="KD5" s="491"/>
      <c r="KE5" s="491"/>
      <c r="KF5" s="491"/>
      <c r="KG5" s="491"/>
      <c r="KH5" s="491"/>
      <c r="KI5" s="491"/>
      <c r="KJ5" s="491"/>
      <c r="KK5" s="491"/>
      <c r="KL5" s="491"/>
      <c r="KM5" s="492"/>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20203</v>
      </c>
      <c r="D7" s="68">
        <v>20880</v>
      </c>
      <c r="E7" s="69">
        <v>41083</v>
      </c>
      <c r="F7" s="227"/>
      <c r="G7" s="68">
        <v>30706</v>
      </c>
      <c r="H7" s="68">
        <v>30548</v>
      </c>
      <c r="I7" s="68">
        <v>20732</v>
      </c>
      <c r="J7" s="68">
        <v>17365</v>
      </c>
      <c r="K7" s="68">
        <v>10603</v>
      </c>
      <c r="L7" s="70">
        <v>109954</v>
      </c>
      <c r="M7" s="71">
        <v>151037</v>
      </c>
      <c r="N7" s="56">
        <v>830</v>
      </c>
      <c r="O7" s="57">
        <v>1035</v>
      </c>
      <c r="P7" s="58">
        <v>1865</v>
      </c>
      <c r="Q7" s="230"/>
      <c r="R7" s="57">
        <v>1322</v>
      </c>
      <c r="S7" s="57">
        <v>1542</v>
      </c>
      <c r="T7" s="57">
        <v>1017</v>
      </c>
      <c r="U7" s="57">
        <v>936</v>
      </c>
      <c r="V7" s="57">
        <v>718</v>
      </c>
      <c r="W7" s="58">
        <v>5535</v>
      </c>
      <c r="X7" s="59">
        <v>7400</v>
      </c>
      <c r="Y7" s="56">
        <v>1904</v>
      </c>
      <c r="Z7" s="57">
        <v>2320</v>
      </c>
      <c r="AA7" s="58">
        <v>4224</v>
      </c>
      <c r="AB7" s="230"/>
      <c r="AC7" s="57">
        <v>2815</v>
      </c>
      <c r="AD7" s="57">
        <v>3379</v>
      </c>
      <c r="AE7" s="57">
        <v>2240</v>
      </c>
      <c r="AF7" s="57">
        <v>1954</v>
      </c>
      <c r="AG7" s="57">
        <v>1464</v>
      </c>
      <c r="AH7" s="58">
        <v>11852</v>
      </c>
      <c r="AI7" s="59">
        <v>16076</v>
      </c>
      <c r="AJ7" s="56">
        <v>3109</v>
      </c>
      <c r="AK7" s="57">
        <v>3482</v>
      </c>
      <c r="AL7" s="58">
        <v>6591</v>
      </c>
      <c r="AM7" s="230"/>
      <c r="AN7" s="57">
        <v>4846</v>
      </c>
      <c r="AO7" s="57">
        <v>4986</v>
      </c>
      <c r="AP7" s="57">
        <v>3440</v>
      </c>
      <c r="AQ7" s="57">
        <v>2868</v>
      </c>
      <c r="AR7" s="57">
        <v>1955</v>
      </c>
      <c r="AS7" s="58">
        <v>18095</v>
      </c>
      <c r="AT7" s="59">
        <v>24686</v>
      </c>
      <c r="AU7" s="56">
        <v>5288</v>
      </c>
      <c r="AV7" s="57">
        <v>5175</v>
      </c>
      <c r="AW7" s="58">
        <v>10463</v>
      </c>
      <c r="AX7" s="230"/>
      <c r="AY7" s="57">
        <v>7824</v>
      </c>
      <c r="AZ7" s="57">
        <v>7376</v>
      </c>
      <c r="BA7" s="57">
        <v>4779</v>
      </c>
      <c r="BB7" s="57">
        <v>3954</v>
      </c>
      <c r="BC7" s="57">
        <v>2412</v>
      </c>
      <c r="BD7" s="58">
        <v>26345</v>
      </c>
      <c r="BE7" s="59">
        <v>36808</v>
      </c>
      <c r="BF7" s="56">
        <v>5778</v>
      </c>
      <c r="BG7" s="57">
        <v>5331</v>
      </c>
      <c r="BH7" s="58">
        <v>11109</v>
      </c>
      <c r="BI7" s="230"/>
      <c r="BJ7" s="57">
        <v>8337</v>
      </c>
      <c r="BK7" s="57">
        <v>7430</v>
      </c>
      <c r="BL7" s="57">
        <v>5058</v>
      </c>
      <c r="BM7" s="57">
        <v>4157</v>
      </c>
      <c r="BN7" s="57">
        <v>2282</v>
      </c>
      <c r="BO7" s="58">
        <v>27264</v>
      </c>
      <c r="BP7" s="59">
        <v>38373</v>
      </c>
      <c r="BQ7" s="56">
        <v>3294</v>
      </c>
      <c r="BR7" s="57">
        <v>3537</v>
      </c>
      <c r="BS7" s="58">
        <v>6831</v>
      </c>
      <c r="BT7" s="230"/>
      <c r="BU7" s="57">
        <v>5562</v>
      </c>
      <c r="BV7" s="57">
        <v>5835</v>
      </c>
      <c r="BW7" s="57">
        <v>4198</v>
      </c>
      <c r="BX7" s="57">
        <v>3496</v>
      </c>
      <c r="BY7" s="57">
        <v>1772</v>
      </c>
      <c r="BZ7" s="58">
        <v>20863</v>
      </c>
      <c r="CA7" s="59">
        <v>27694</v>
      </c>
      <c r="CB7" s="56">
        <v>521</v>
      </c>
      <c r="CC7" s="57">
        <v>804</v>
      </c>
      <c r="CD7" s="58">
        <v>1325</v>
      </c>
      <c r="CE7" s="230"/>
      <c r="CF7" s="57">
        <v>886</v>
      </c>
      <c r="CG7" s="57">
        <v>1363</v>
      </c>
      <c r="CH7" s="57">
        <v>840</v>
      </c>
      <c r="CI7" s="57">
        <v>811</v>
      </c>
      <c r="CJ7" s="57">
        <v>737</v>
      </c>
      <c r="CK7" s="58">
        <v>4637</v>
      </c>
      <c r="CL7" s="59">
        <v>5962</v>
      </c>
      <c r="CM7" s="56">
        <v>20724</v>
      </c>
      <c r="CN7" s="57">
        <v>21684</v>
      </c>
      <c r="CO7" s="58">
        <v>42408</v>
      </c>
      <c r="CP7" s="230"/>
      <c r="CQ7" s="57">
        <v>31592</v>
      </c>
      <c r="CR7" s="57">
        <v>31911</v>
      </c>
      <c r="CS7" s="57">
        <v>21572</v>
      </c>
      <c r="CT7" s="57">
        <v>18176</v>
      </c>
      <c r="CU7" s="57">
        <v>11340</v>
      </c>
      <c r="CV7" s="58">
        <v>114591</v>
      </c>
      <c r="CW7" s="59">
        <v>156999</v>
      </c>
      <c r="CX7" s="112">
        <v>38795</v>
      </c>
      <c r="CY7" s="68">
        <v>45444</v>
      </c>
      <c r="CZ7" s="69">
        <v>84239</v>
      </c>
      <c r="DA7" s="227"/>
      <c r="DB7" s="68">
        <v>56071</v>
      </c>
      <c r="DC7" s="68">
        <v>53240</v>
      </c>
      <c r="DD7" s="68">
        <v>39466</v>
      </c>
      <c r="DE7" s="68">
        <v>38735</v>
      </c>
      <c r="DF7" s="68">
        <v>25823</v>
      </c>
      <c r="DG7" s="70">
        <v>213335</v>
      </c>
      <c r="DH7" s="71">
        <v>297574</v>
      </c>
      <c r="DI7" s="56">
        <v>842</v>
      </c>
      <c r="DJ7" s="57">
        <v>1058</v>
      </c>
      <c r="DK7" s="58">
        <v>1900</v>
      </c>
      <c r="DL7" s="230"/>
      <c r="DM7" s="57">
        <v>973</v>
      </c>
      <c r="DN7" s="57">
        <v>1045</v>
      </c>
      <c r="DO7" s="57">
        <v>692</v>
      </c>
      <c r="DP7" s="57">
        <v>688</v>
      </c>
      <c r="DQ7" s="57">
        <v>597</v>
      </c>
      <c r="DR7" s="58">
        <v>3995</v>
      </c>
      <c r="DS7" s="59">
        <v>5895</v>
      </c>
      <c r="DT7" s="56">
        <v>2577</v>
      </c>
      <c r="DU7" s="57">
        <v>3054</v>
      </c>
      <c r="DV7" s="58">
        <v>5631</v>
      </c>
      <c r="DW7" s="230"/>
      <c r="DX7" s="57">
        <v>2875</v>
      </c>
      <c r="DY7" s="57">
        <v>2860</v>
      </c>
      <c r="DZ7" s="57">
        <v>1791</v>
      </c>
      <c r="EA7" s="57">
        <v>1769</v>
      </c>
      <c r="EB7" s="57">
        <v>1399</v>
      </c>
      <c r="EC7" s="58">
        <v>10694</v>
      </c>
      <c r="ED7" s="59">
        <v>16325</v>
      </c>
      <c r="EE7" s="56">
        <v>5950</v>
      </c>
      <c r="EF7" s="57">
        <v>6738</v>
      </c>
      <c r="EG7" s="58">
        <v>12688</v>
      </c>
      <c r="EH7" s="230"/>
      <c r="EI7" s="57">
        <v>6696</v>
      </c>
      <c r="EJ7" s="57">
        <v>5675</v>
      </c>
      <c r="EK7" s="57">
        <v>3694</v>
      </c>
      <c r="EL7" s="57">
        <v>3335</v>
      </c>
      <c r="EM7" s="57">
        <v>2705</v>
      </c>
      <c r="EN7" s="58">
        <v>22105</v>
      </c>
      <c r="EO7" s="59">
        <v>34793</v>
      </c>
      <c r="EP7" s="56">
        <v>11966</v>
      </c>
      <c r="EQ7" s="57">
        <v>12440</v>
      </c>
      <c r="ER7" s="58">
        <v>24406</v>
      </c>
      <c r="ES7" s="230"/>
      <c r="ET7" s="57">
        <v>13607</v>
      </c>
      <c r="EU7" s="57">
        <v>11283</v>
      </c>
      <c r="EV7" s="57">
        <v>7323</v>
      </c>
      <c r="EW7" s="57">
        <v>6696</v>
      </c>
      <c r="EX7" s="57">
        <v>4541</v>
      </c>
      <c r="EY7" s="58">
        <v>43450</v>
      </c>
      <c r="EZ7" s="59">
        <v>67856</v>
      </c>
      <c r="FA7" s="56">
        <v>11395</v>
      </c>
      <c r="FB7" s="57">
        <v>13359</v>
      </c>
      <c r="FC7" s="58">
        <v>24754</v>
      </c>
      <c r="FD7" s="230"/>
      <c r="FE7" s="57">
        <v>17211</v>
      </c>
      <c r="FF7" s="57">
        <v>15334</v>
      </c>
      <c r="FG7" s="57">
        <v>10855</v>
      </c>
      <c r="FH7" s="57">
        <v>9800</v>
      </c>
      <c r="FI7" s="57">
        <v>6626</v>
      </c>
      <c r="FJ7" s="58">
        <v>59826</v>
      </c>
      <c r="FK7" s="59">
        <v>84580</v>
      </c>
      <c r="FL7" s="56">
        <v>6065</v>
      </c>
      <c r="FM7" s="57">
        <v>8795</v>
      </c>
      <c r="FN7" s="58">
        <v>14860</v>
      </c>
      <c r="FO7" s="230"/>
      <c r="FP7" s="57">
        <v>14709</v>
      </c>
      <c r="FQ7" s="57">
        <v>17043</v>
      </c>
      <c r="FR7" s="57">
        <v>15111</v>
      </c>
      <c r="FS7" s="57">
        <v>16447</v>
      </c>
      <c r="FT7" s="57">
        <v>9955</v>
      </c>
      <c r="FU7" s="58">
        <v>73265</v>
      </c>
      <c r="FV7" s="59">
        <v>88125</v>
      </c>
      <c r="FW7" s="56">
        <v>385</v>
      </c>
      <c r="FX7" s="57">
        <v>707</v>
      </c>
      <c r="FY7" s="58">
        <v>1092</v>
      </c>
      <c r="FZ7" s="230"/>
      <c r="GA7" s="57">
        <v>673</v>
      </c>
      <c r="GB7" s="57">
        <v>1079</v>
      </c>
      <c r="GC7" s="57">
        <v>627</v>
      </c>
      <c r="GD7" s="57">
        <v>594</v>
      </c>
      <c r="GE7" s="57">
        <v>621</v>
      </c>
      <c r="GF7" s="58">
        <v>3594</v>
      </c>
      <c r="GG7" s="59">
        <v>4686</v>
      </c>
      <c r="GH7" s="56">
        <v>39180</v>
      </c>
      <c r="GI7" s="57">
        <v>46151</v>
      </c>
      <c r="GJ7" s="58">
        <v>85331</v>
      </c>
      <c r="GK7" s="230"/>
      <c r="GL7" s="57">
        <v>56744</v>
      </c>
      <c r="GM7" s="57">
        <v>54319</v>
      </c>
      <c r="GN7" s="57">
        <v>40093</v>
      </c>
      <c r="GO7" s="57">
        <v>39329</v>
      </c>
      <c r="GP7" s="57">
        <v>26444</v>
      </c>
      <c r="GQ7" s="58">
        <v>216929</v>
      </c>
      <c r="GR7" s="59">
        <v>302260</v>
      </c>
      <c r="GS7" s="112">
        <v>58998</v>
      </c>
      <c r="GT7" s="68">
        <v>66324</v>
      </c>
      <c r="GU7" s="69">
        <v>125322</v>
      </c>
      <c r="GV7" s="227"/>
      <c r="GW7" s="68">
        <v>86777</v>
      </c>
      <c r="GX7" s="68">
        <v>83788</v>
      </c>
      <c r="GY7" s="68">
        <v>60198</v>
      </c>
      <c r="GZ7" s="68">
        <v>56100</v>
      </c>
      <c r="HA7" s="68">
        <v>36426</v>
      </c>
      <c r="HB7" s="70">
        <v>323289</v>
      </c>
      <c r="HC7" s="71">
        <v>448611</v>
      </c>
      <c r="HD7" s="56">
        <v>1672</v>
      </c>
      <c r="HE7" s="57">
        <v>2093</v>
      </c>
      <c r="HF7" s="58">
        <v>3765</v>
      </c>
      <c r="HG7" s="230"/>
      <c r="HH7" s="57">
        <v>2295</v>
      </c>
      <c r="HI7" s="57">
        <v>2587</v>
      </c>
      <c r="HJ7" s="57">
        <v>1709</v>
      </c>
      <c r="HK7" s="57">
        <v>1624</v>
      </c>
      <c r="HL7" s="57">
        <v>1315</v>
      </c>
      <c r="HM7" s="58">
        <v>9530</v>
      </c>
      <c r="HN7" s="59">
        <v>13295</v>
      </c>
      <c r="HO7" s="56">
        <v>4481</v>
      </c>
      <c r="HP7" s="57">
        <v>5374</v>
      </c>
      <c r="HQ7" s="58">
        <v>9855</v>
      </c>
      <c r="HR7" s="230"/>
      <c r="HS7" s="57">
        <v>5690</v>
      </c>
      <c r="HT7" s="57">
        <v>6239</v>
      </c>
      <c r="HU7" s="57">
        <v>4031</v>
      </c>
      <c r="HV7" s="57">
        <v>3723</v>
      </c>
      <c r="HW7" s="57">
        <v>2863</v>
      </c>
      <c r="HX7" s="58">
        <v>22546</v>
      </c>
      <c r="HY7" s="59">
        <v>32401</v>
      </c>
      <c r="HZ7" s="56">
        <v>9059</v>
      </c>
      <c r="IA7" s="57">
        <v>10220</v>
      </c>
      <c r="IB7" s="58">
        <v>19279</v>
      </c>
      <c r="IC7" s="230"/>
      <c r="ID7" s="57">
        <v>11542</v>
      </c>
      <c r="IE7" s="57">
        <v>10661</v>
      </c>
      <c r="IF7" s="57">
        <v>7134</v>
      </c>
      <c r="IG7" s="57">
        <v>6203</v>
      </c>
      <c r="IH7" s="57">
        <v>4660</v>
      </c>
      <c r="II7" s="58">
        <v>40200</v>
      </c>
      <c r="IJ7" s="59">
        <v>59479</v>
      </c>
      <c r="IK7" s="56">
        <v>17254</v>
      </c>
      <c r="IL7" s="57">
        <v>17615</v>
      </c>
      <c r="IM7" s="58">
        <v>34869</v>
      </c>
      <c r="IN7" s="230"/>
      <c r="IO7" s="57">
        <v>21431</v>
      </c>
      <c r="IP7" s="57">
        <v>18659</v>
      </c>
      <c r="IQ7" s="57">
        <v>12102</v>
      </c>
      <c r="IR7" s="57">
        <v>10650</v>
      </c>
      <c r="IS7" s="57">
        <v>6953</v>
      </c>
      <c r="IT7" s="58">
        <v>69795</v>
      </c>
      <c r="IU7" s="59">
        <v>104664</v>
      </c>
      <c r="IV7" s="56">
        <v>17173</v>
      </c>
      <c r="IW7" s="57">
        <v>18690</v>
      </c>
      <c r="IX7" s="58">
        <v>35863</v>
      </c>
      <c r="IY7" s="230"/>
      <c r="IZ7" s="57">
        <v>25548</v>
      </c>
      <c r="JA7" s="57">
        <v>22764</v>
      </c>
      <c r="JB7" s="57">
        <v>15913</v>
      </c>
      <c r="JC7" s="57">
        <v>13957</v>
      </c>
      <c r="JD7" s="57">
        <v>8908</v>
      </c>
      <c r="JE7" s="58">
        <v>87090</v>
      </c>
      <c r="JF7" s="59">
        <v>122953</v>
      </c>
      <c r="JG7" s="56">
        <v>9359</v>
      </c>
      <c r="JH7" s="57">
        <v>12332</v>
      </c>
      <c r="JI7" s="58">
        <v>21691</v>
      </c>
      <c r="JJ7" s="230"/>
      <c r="JK7" s="57">
        <v>20271</v>
      </c>
      <c r="JL7" s="57">
        <v>22878</v>
      </c>
      <c r="JM7" s="57">
        <v>19309</v>
      </c>
      <c r="JN7" s="57">
        <v>19943</v>
      </c>
      <c r="JO7" s="57">
        <v>11727</v>
      </c>
      <c r="JP7" s="58">
        <v>94128</v>
      </c>
      <c r="JQ7" s="59">
        <v>115819</v>
      </c>
      <c r="JR7" s="56">
        <v>906</v>
      </c>
      <c r="JS7" s="57">
        <v>1511</v>
      </c>
      <c r="JT7" s="58">
        <v>2417</v>
      </c>
      <c r="JU7" s="230"/>
      <c r="JV7" s="57">
        <v>1559</v>
      </c>
      <c r="JW7" s="57">
        <v>2442</v>
      </c>
      <c r="JX7" s="57">
        <v>1467</v>
      </c>
      <c r="JY7" s="57">
        <v>1405</v>
      </c>
      <c r="JZ7" s="57">
        <v>1358</v>
      </c>
      <c r="KA7" s="58">
        <v>8231</v>
      </c>
      <c r="KB7" s="59">
        <v>10648</v>
      </c>
      <c r="KC7" s="56">
        <v>59904</v>
      </c>
      <c r="KD7" s="57">
        <v>67835</v>
      </c>
      <c r="KE7" s="58">
        <v>127739</v>
      </c>
      <c r="KF7" s="230"/>
      <c r="KG7" s="57">
        <v>88336</v>
      </c>
      <c r="KH7" s="57">
        <v>86230</v>
      </c>
      <c r="KI7" s="57">
        <v>61665</v>
      </c>
      <c r="KJ7" s="57">
        <v>57505</v>
      </c>
      <c r="KK7" s="57">
        <v>37784</v>
      </c>
      <c r="KL7" s="58">
        <v>331520</v>
      </c>
      <c r="KM7" s="59">
        <v>459259</v>
      </c>
    </row>
    <row r="8" spans="2:299" ht="21" customHeight="1" x14ac:dyDescent="0.2">
      <c r="B8" s="471" t="s">
        <v>5</v>
      </c>
      <c r="C8" s="293">
        <v>8062</v>
      </c>
      <c r="D8" s="72">
        <v>9837</v>
      </c>
      <c r="E8" s="73">
        <v>17899</v>
      </c>
      <c r="F8" s="228"/>
      <c r="G8" s="72">
        <v>10063</v>
      </c>
      <c r="H8" s="72">
        <v>13569</v>
      </c>
      <c r="I8" s="72">
        <v>8764</v>
      </c>
      <c r="J8" s="72">
        <v>7183</v>
      </c>
      <c r="K8" s="72">
        <v>4358</v>
      </c>
      <c r="L8" s="74">
        <v>43937</v>
      </c>
      <c r="M8" s="75">
        <v>61836</v>
      </c>
      <c r="N8" s="60">
        <v>307</v>
      </c>
      <c r="O8" s="61">
        <v>480</v>
      </c>
      <c r="P8" s="62">
        <v>787</v>
      </c>
      <c r="Q8" s="231"/>
      <c r="R8" s="61">
        <v>414</v>
      </c>
      <c r="S8" s="61">
        <v>685</v>
      </c>
      <c r="T8" s="61">
        <v>447</v>
      </c>
      <c r="U8" s="61">
        <v>382</v>
      </c>
      <c r="V8" s="61">
        <v>299</v>
      </c>
      <c r="W8" s="62">
        <v>2227</v>
      </c>
      <c r="X8" s="63">
        <v>3014</v>
      </c>
      <c r="Y8" s="60">
        <v>746</v>
      </c>
      <c r="Z8" s="61">
        <v>1043</v>
      </c>
      <c r="AA8" s="62">
        <v>1789</v>
      </c>
      <c r="AB8" s="231"/>
      <c r="AC8" s="61">
        <v>826</v>
      </c>
      <c r="AD8" s="61">
        <v>1527</v>
      </c>
      <c r="AE8" s="61">
        <v>968</v>
      </c>
      <c r="AF8" s="61">
        <v>804</v>
      </c>
      <c r="AG8" s="61">
        <v>594</v>
      </c>
      <c r="AH8" s="62">
        <v>4719</v>
      </c>
      <c r="AI8" s="63">
        <v>6508</v>
      </c>
      <c r="AJ8" s="60">
        <v>1197</v>
      </c>
      <c r="AK8" s="61">
        <v>1604</v>
      </c>
      <c r="AL8" s="62">
        <v>2801</v>
      </c>
      <c r="AM8" s="231"/>
      <c r="AN8" s="61">
        <v>1516</v>
      </c>
      <c r="AO8" s="61">
        <v>2181</v>
      </c>
      <c r="AP8" s="61">
        <v>1424</v>
      </c>
      <c r="AQ8" s="61">
        <v>1155</v>
      </c>
      <c r="AR8" s="61">
        <v>803</v>
      </c>
      <c r="AS8" s="62">
        <v>7079</v>
      </c>
      <c r="AT8" s="63">
        <v>9880</v>
      </c>
      <c r="AU8" s="60">
        <v>2044</v>
      </c>
      <c r="AV8" s="61">
        <v>2404</v>
      </c>
      <c r="AW8" s="62">
        <v>4448</v>
      </c>
      <c r="AX8" s="231"/>
      <c r="AY8" s="61">
        <v>2462</v>
      </c>
      <c r="AZ8" s="61">
        <v>3151</v>
      </c>
      <c r="BA8" s="61">
        <v>1909</v>
      </c>
      <c r="BB8" s="61">
        <v>1609</v>
      </c>
      <c r="BC8" s="61">
        <v>973</v>
      </c>
      <c r="BD8" s="62">
        <v>10104</v>
      </c>
      <c r="BE8" s="63">
        <v>14552</v>
      </c>
      <c r="BF8" s="60">
        <v>2418</v>
      </c>
      <c r="BG8" s="61">
        <v>2522</v>
      </c>
      <c r="BH8" s="62">
        <v>4940</v>
      </c>
      <c r="BI8" s="231"/>
      <c r="BJ8" s="61">
        <v>2905</v>
      </c>
      <c r="BK8" s="61">
        <v>3328</v>
      </c>
      <c r="BL8" s="61">
        <v>2176</v>
      </c>
      <c r="BM8" s="61">
        <v>1745</v>
      </c>
      <c r="BN8" s="61">
        <v>911</v>
      </c>
      <c r="BO8" s="62">
        <v>11065</v>
      </c>
      <c r="BP8" s="63">
        <v>16005</v>
      </c>
      <c r="BQ8" s="60">
        <v>1350</v>
      </c>
      <c r="BR8" s="61">
        <v>1784</v>
      </c>
      <c r="BS8" s="62">
        <v>3134</v>
      </c>
      <c r="BT8" s="231"/>
      <c r="BU8" s="61">
        <v>1940</v>
      </c>
      <c r="BV8" s="61">
        <v>2697</v>
      </c>
      <c r="BW8" s="61">
        <v>1840</v>
      </c>
      <c r="BX8" s="61">
        <v>1488</v>
      </c>
      <c r="BY8" s="61">
        <v>778</v>
      </c>
      <c r="BZ8" s="62">
        <v>8743</v>
      </c>
      <c r="CA8" s="63">
        <v>11877</v>
      </c>
      <c r="CB8" s="60">
        <v>183</v>
      </c>
      <c r="CC8" s="61">
        <v>352</v>
      </c>
      <c r="CD8" s="62">
        <v>535</v>
      </c>
      <c r="CE8" s="231"/>
      <c r="CF8" s="61">
        <v>242</v>
      </c>
      <c r="CG8" s="61">
        <v>604</v>
      </c>
      <c r="CH8" s="61">
        <v>378</v>
      </c>
      <c r="CI8" s="61">
        <v>332</v>
      </c>
      <c r="CJ8" s="61">
        <v>334</v>
      </c>
      <c r="CK8" s="62">
        <v>1890</v>
      </c>
      <c r="CL8" s="63">
        <v>2425</v>
      </c>
      <c r="CM8" s="60">
        <v>8245</v>
      </c>
      <c r="CN8" s="61">
        <v>10189</v>
      </c>
      <c r="CO8" s="62">
        <v>18434</v>
      </c>
      <c r="CP8" s="231"/>
      <c r="CQ8" s="61">
        <v>10305</v>
      </c>
      <c r="CR8" s="61">
        <v>14173</v>
      </c>
      <c r="CS8" s="61">
        <v>9142</v>
      </c>
      <c r="CT8" s="61">
        <v>7515</v>
      </c>
      <c r="CU8" s="61">
        <v>4692</v>
      </c>
      <c r="CV8" s="62">
        <v>45827</v>
      </c>
      <c r="CW8" s="63">
        <v>64261</v>
      </c>
      <c r="CX8" s="113">
        <v>15051</v>
      </c>
      <c r="CY8" s="72">
        <v>20330</v>
      </c>
      <c r="CZ8" s="73">
        <v>35381</v>
      </c>
      <c r="DA8" s="228"/>
      <c r="DB8" s="72">
        <v>19323</v>
      </c>
      <c r="DC8" s="72">
        <v>24195</v>
      </c>
      <c r="DD8" s="72">
        <v>16398</v>
      </c>
      <c r="DE8" s="72">
        <v>16048</v>
      </c>
      <c r="DF8" s="72">
        <v>10718</v>
      </c>
      <c r="DG8" s="74">
        <v>86682</v>
      </c>
      <c r="DH8" s="75">
        <v>122063</v>
      </c>
      <c r="DI8" s="60">
        <v>319</v>
      </c>
      <c r="DJ8" s="61">
        <v>466</v>
      </c>
      <c r="DK8" s="62">
        <v>785</v>
      </c>
      <c r="DL8" s="231"/>
      <c r="DM8" s="61">
        <v>278</v>
      </c>
      <c r="DN8" s="61">
        <v>475</v>
      </c>
      <c r="DO8" s="61">
        <v>271</v>
      </c>
      <c r="DP8" s="61">
        <v>296</v>
      </c>
      <c r="DQ8" s="61">
        <v>238</v>
      </c>
      <c r="DR8" s="62">
        <v>1558</v>
      </c>
      <c r="DS8" s="63">
        <v>2343</v>
      </c>
      <c r="DT8" s="60">
        <v>938</v>
      </c>
      <c r="DU8" s="61">
        <v>1351</v>
      </c>
      <c r="DV8" s="62">
        <v>2289</v>
      </c>
      <c r="DW8" s="231"/>
      <c r="DX8" s="61">
        <v>858</v>
      </c>
      <c r="DY8" s="61">
        <v>1252</v>
      </c>
      <c r="DZ8" s="61">
        <v>741</v>
      </c>
      <c r="EA8" s="61">
        <v>723</v>
      </c>
      <c r="EB8" s="61">
        <v>618</v>
      </c>
      <c r="EC8" s="62">
        <v>4192</v>
      </c>
      <c r="ED8" s="63">
        <v>6481</v>
      </c>
      <c r="EE8" s="60">
        <v>2284</v>
      </c>
      <c r="EF8" s="61">
        <v>2951</v>
      </c>
      <c r="EG8" s="62">
        <v>5235</v>
      </c>
      <c r="EH8" s="231"/>
      <c r="EI8" s="61">
        <v>2203</v>
      </c>
      <c r="EJ8" s="61">
        <v>2449</v>
      </c>
      <c r="EK8" s="61">
        <v>1468</v>
      </c>
      <c r="EL8" s="61">
        <v>1291</v>
      </c>
      <c r="EM8" s="61">
        <v>1108</v>
      </c>
      <c r="EN8" s="62">
        <v>8519</v>
      </c>
      <c r="EO8" s="63">
        <v>13754</v>
      </c>
      <c r="EP8" s="60">
        <v>4638</v>
      </c>
      <c r="EQ8" s="61">
        <v>5427</v>
      </c>
      <c r="ER8" s="62">
        <v>10065</v>
      </c>
      <c r="ES8" s="231"/>
      <c r="ET8" s="61">
        <v>4725</v>
      </c>
      <c r="EU8" s="61">
        <v>5108</v>
      </c>
      <c r="EV8" s="61">
        <v>2937</v>
      </c>
      <c r="EW8" s="61">
        <v>2746</v>
      </c>
      <c r="EX8" s="61">
        <v>1792</v>
      </c>
      <c r="EY8" s="62">
        <v>17308</v>
      </c>
      <c r="EZ8" s="63">
        <v>27373</v>
      </c>
      <c r="FA8" s="60">
        <v>4515</v>
      </c>
      <c r="FB8" s="61">
        <v>6136</v>
      </c>
      <c r="FC8" s="62">
        <v>10651</v>
      </c>
      <c r="FD8" s="231"/>
      <c r="FE8" s="61">
        <v>6142</v>
      </c>
      <c r="FF8" s="61">
        <v>7071</v>
      </c>
      <c r="FG8" s="61">
        <v>4583</v>
      </c>
      <c r="FH8" s="61">
        <v>4158</v>
      </c>
      <c r="FI8" s="61">
        <v>2761</v>
      </c>
      <c r="FJ8" s="62">
        <v>24715</v>
      </c>
      <c r="FK8" s="63">
        <v>35366</v>
      </c>
      <c r="FL8" s="60">
        <v>2357</v>
      </c>
      <c r="FM8" s="61">
        <v>3999</v>
      </c>
      <c r="FN8" s="62">
        <v>6356</v>
      </c>
      <c r="FO8" s="231"/>
      <c r="FP8" s="61">
        <v>5117</v>
      </c>
      <c r="FQ8" s="61">
        <v>7840</v>
      </c>
      <c r="FR8" s="61">
        <v>6398</v>
      </c>
      <c r="FS8" s="61">
        <v>6834</v>
      </c>
      <c r="FT8" s="61">
        <v>4201</v>
      </c>
      <c r="FU8" s="62">
        <v>30390</v>
      </c>
      <c r="FV8" s="63">
        <v>36746</v>
      </c>
      <c r="FW8" s="60">
        <v>149</v>
      </c>
      <c r="FX8" s="61">
        <v>296</v>
      </c>
      <c r="FY8" s="62">
        <v>445</v>
      </c>
      <c r="FZ8" s="231"/>
      <c r="GA8" s="61">
        <v>190</v>
      </c>
      <c r="GB8" s="61">
        <v>483</v>
      </c>
      <c r="GC8" s="61">
        <v>263</v>
      </c>
      <c r="GD8" s="61">
        <v>241</v>
      </c>
      <c r="GE8" s="61">
        <v>263</v>
      </c>
      <c r="GF8" s="62">
        <v>1440</v>
      </c>
      <c r="GG8" s="63">
        <v>1885</v>
      </c>
      <c r="GH8" s="60">
        <v>15200</v>
      </c>
      <c r="GI8" s="61">
        <v>20626</v>
      </c>
      <c r="GJ8" s="62">
        <v>35826</v>
      </c>
      <c r="GK8" s="231"/>
      <c r="GL8" s="61">
        <v>19513</v>
      </c>
      <c r="GM8" s="61">
        <v>24678</v>
      </c>
      <c r="GN8" s="61">
        <v>16661</v>
      </c>
      <c r="GO8" s="61">
        <v>16289</v>
      </c>
      <c r="GP8" s="61">
        <v>10981</v>
      </c>
      <c r="GQ8" s="62">
        <v>88122</v>
      </c>
      <c r="GR8" s="63">
        <v>123948</v>
      </c>
      <c r="GS8" s="113">
        <v>23113</v>
      </c>
      <c r="GT8" s="72">
        <v>30167</v>
      </c>
      <c r="GU8" s="73">
        <v>53280</v>
      </c>
      <c r="GV8" s="228"/>
      <c r="GW8" s="72">
        <v>29386</v>
      </c>
      <c r="GX8" s="72">
        <v>37764</v>
      </c>
      <c r="GY8" s="72">
        <v>25162</v>
      </c>
      <c r="GZ8" s="72">
        <v>23231</v>
      </c>
      <c r="HA8" s="72">
        <v>15076</v>
      </c>
      <c r="HB8" s="74">
        <v>130619</v>
      </c>
      <c r="HC8" s="75">
        <v>183899</v>
      </c>
      <c r="HD8" s="60">
        <v>626</v>
      </c>
      <c r="HE8" s="61">
        <v>946</v>
      </c>
      <c r="HF8" s="62">
        <v>1572</v>
      </c>
      <c r="HG8" s="231"/>
      <c r="HH8" s="61">
        <v>692</v>
      </c>
      <c r="HI8" s="61">
        <v>1160</v>
      </c>
      <c r="HJ8" s="61">
        <v>718</v>
      </c>
      <c r="HK8" s="61">
        <v>678</v>
      </c>
      <c r="HL8" s="61">
        <v>537</v>
      </c>
      <c r="HM8" s="62">
        <v>3785</v>
      </c>
      <c r="HN8" s="63">
        <v>5357</v>
      </c>
      <c r="HO8" s="60">
        <v>1684</v>
      </c>
      <c r="HP8" s="61">
        <v>2394</v>
      </c>
      <c r="HQ8" s="62">
        <v>4078</v>
      </c>
      <c r="HR8" s="231"/>
      <c r="HS8" s="61">
        <v>1684</v>
      </c>
      <c r="HT8" s="61">
        <v>2779</v>
      </c>
      <c r="HU8" s="61">
        <v>1709</v>
      </c>
      <c r="HV8" s="61">
        <v>1527</v>
      </c>
      <c r="HW8" s="61">
        <v>1212</v>
      </c>
      <c r="HX8" s="62">
        <v>8911</v>
      </c>
      <c r="HY8" s="63">
        <v>12989</v>
      </c>
      <c r="HZ8" s="60">
        <v>3481</v>
      </c>
      <c r="IA8" s="61">
        <v>4555</v>
      </c>
      <c r="IB8" s="62">
        <v>8036</v>
      </c>
      <c r="IC8" s="231"/>
      <c r="ID8" s="61">
        <v>3719</v>
      </c>
      <c r="IE8" s="61">
        <v>4630</v>
      </c>
      <c r="IF8" s="61">
        <v>2892</v>
      </c>
      <c r="IG8" s="61">
        <v>2446</v>
      </c>
      <c r="IH8" s="61">
        <v>1911</v>
      </c>
      <c r="II8" s="62">
        <v>15598</v>
      </c>
      <c r="IJ8" s="63">
        <v>23634</v>
      </c>
      <c r="IK8" s="60">
        <v>6682</v>
      </c>
      <c r="IL8" s="61">
        <v>7831</v>
      </c>
      <c r="IM8" s="62">
        <v>14513</v>
      </c>
      <c r="IN8" s="231"/>
      <c r="IO8" s="61">
        <v>7187</v>
      </c>
      <c r="IP8" s="61">
        <v>8259</v>
      </c>
      <c r="IQ8" s="61">
        <v>4846</v>
      </c>
      <c r="IR8" s="61">
        <v>4355</v>
      </c>
      <c r="IS8" s="61">
        <v>2765</v>
      </c>
      <c r="IT8" s="62">
        <v>27412</v>
      </c>
      <c r="IU8" s="63">
        <v>41925</v>
      </c>
      <c r="IV8" s="60">
        <v>6933</v>
      </c>
      <c r="IW8" s="61">
        <v>8658</v>
      </c>
      <c r="IX8" s="62">
        <v>15591</v>
      </c>
      <c r="IY8" s="231"/>
      <c r="IZ8" s="61">
        <v>9047</v>
      </c>
      <c r="JA8" s="61">
        <v>10399</v>
      </c>
      <c r="JB8" s="61">
        <v>6759</v>
      </c>
      <c r="JC8" s="61">
        <v>5903</v>
      </c>
      <c r="JD8" s="61">
        <v>3672</v>
      </c>
      <c r="JE8" s="62">
        <v>35780</v>
      </c>
      <c r="JF8" s="63">
        <v>51371</v>
      </c>
      <c r="JG8" s="60">
        <v>3707</v>
      </c>
      <c r="JH8" s="61">
        <v>5783</v>
      </c>
      <c r="JI8" s="62">
        <v>9490</v>
      </c>
      <c r="JJ8" s="231"/>
      <c r="JK8" s="61">
        <v>7057</v>
      </c>
      <c r="JL8" s="61">
        <v>10537</v>
      </c>
      <c r="JM8" s="61">
        <v>8238</v>
      </c>
      <c r="JN8" s="61">
        <v>8322</v>
      </c>
      <c r="JO8" s="61">
        <v>4979</v>
      </c>
      <c r="JP8" s="62">
        <v>39133</v>
      </c>
      <c r="JQ8" s="63">
        <v>48623</v>
      </c>
      <c r="JR8" s="60">
        <v>332</v>
      </c>
      <c r="JS8" s="61">
        <v>648</v>
      </c>
      <c r="JT8" s="62">
        <v>980</v>
      </c>
      <c r="JU8" s="231"/>
      <c r="JV8" s="61">
        <v>432</v>
      </c>
      <c r="JW8" s="61">
        <v>1087</v>
      </c>
      <c r="JX8" s="61">
        <v>641</v>
      </c>
      <c r="JY8" s="61">
        <v>573</v>
      </c>
      <c r="JZ8" s="61">
        <v>597</v>
      </c>
      <c r="KA8" s="62">
        <v>3330</v>
      </c>
      <c r="KB8" s="63">
        <v>4310</v>
      </c>
      <c r="KC8" s="60">
        <v>23445</v>
      </c>
      <c r="KD8" s="61">
        <v>30815</v>
      </c>
      <c r="KE8" s="62">
        <v>54260</v>
      </c>
      <c r="KF8" s="231"/>
      <c r="KG8" s="61">
        <v>29818</v>
      </c>
      <c r="KH8" s="61">
        <v>38851</v>
      </c>
      <c r="KI8" s="61">
        <v>25803</v>
      </c>
      <c r="KJ8" s="61">
        <v>23804</v>
      </c>
      <c r="KK8" s="61">
        <v>15673</v>
      </c>
      <c r="KL8" s="62">
        <v>133949</v>
      </c>
      <c r="KM8" s="63">
        <v>188209</v>
      </c>
    </row>
    <row r="9" spans="2:299" ht="21" customHeight="1" x14ac:dyDescent="0.2">
      <c r="B9" s="472" t="s">
        <v>6</v>
      </c>
      <c r="C9" s="293">
        <v>2662</v>
      </c>
      <c r="D9" s="72">
        <v>2415</v>
      </c>
      <c r="E9" s="73">
        <v>5077</v>
      </c>
      <c r="F9" s="228"/>
      <c r="G9" s="72">
        <v>5034</v>
      </c>
      <c r="H9" s="72">
        <v>4039</v>
      </c>
      <c r="I9" s="72">
        <v>2802</v>
      </c>
      <c r="J9" s="72">
        <v>2430</v>
      </c>
      <c r="K9" s="72">
        <v>1670</v>
      </c>
      <c r="L9" s="74">
        <v>15975</v>
      </c>
      <c r="M9" s="75">
        <v>21052</v>
      </c>
      <c r="N9" s="60">
        <v>156</v>
      </c>
      <c r="O9" s="61">
        <v>145</v>
      </c>
      <c r="P9" s="62">
        <v>301</v>
      </c>
      <c r="Q9" s="231"/>
      <c r="R9" s="61">
        <v>254</v>
      </c>
      <c r="S9" s="61">
        <v>250</v>
      </c>
      <c r="T9" s="61">
        <v>138</v>
      </c>
      <c r="U9" s="61">
        <v>136</v>
      </c>
      <c r="V9" s="61">
        <v>112</v>
      </c>
      <c r="W9" s="62">
        <v>890</v>
      </c>
      <c r="X9" s="63">
        <v>1191</v>
      </c>
      <c r="Y9" s="60">
        <v>287</v>
      </c>
      <c r="Z9" s="61">
        <v>286</v>
      </c>
      <c r="AA9" s="62">
        <v>573</v>
      </c>
      <c r="AB9" s="231"/>
      <c r="AC9" s="61">
        <v>547</v>
      </c>
      <c r="AD9" s="61">
        <v>462</v>
      </c>
      <c r="AE9" s="61">
        <v>324</v>
      </c>
      <c r="AF9" s="61">
        <v>290</v>
      </c>
      <c r="AG9" s="61">
        <v>245</v>
      </c>
      <c r="AH9" s="62">
        <v>1868</v>
      </c>
      <c r="AI9" s="63">
        <v>2441</v>
      </c>
      <c r="AJ9" s="60">
        <v>449</v>
      </c>
      <c r="AK9" s="61">
        <v>409</v>
      </c>
      <c r="AL9" s="62">
        <v>858</v>
      </c>
      <c r="AM9" s="231"/>
      <c r="AN9" s="61">
        <v>821</v>
      </c>
      <c r="AO9" s="61">
        <v>710</v>
      </c>
      <c r="AP9" s="61">
        <v>496</v>
      </c>
      <c r="AQ9" s="61">
        <v>435</v>
      </c>
      <c r="AR9" s="61">
        <v>323</v>
      </c>
      <c r="AS9" s="62">
        <v>2785</v>
      </c>
      <c r="AT9" s="63">
        <v>3643</v>
      </c>
      <c r="AU9" s="60">
        <v>662</v>
      </c>
      <c r="AV9" s="61">
        <v>579</v>
      </c>
      <c r="AW9" s="62">
        <v>1241</v>
      </c>
      <c r="AX9" s="231"/>
      <c r="AY9" s="61">
        <v>1228</v>
      </c>
      <c r="AZ9" s="61">
        <v>949</v>
      </c>
      <c r="BA9" s="61">
        <v>650</v>
      </c>
      <c r="BB9" s="61">
        <v>534</v>
      </c>
      <c r="BC9" s="61">
        <v>362</v>
      </c>
      <c r="BD9" s="62">
        <v>3723</v>
      </c>
      <c r="BE9" s="63">
        <v>4964</v>
      </c>
      <c r="BF9" s="60">
        <v>705</v>
      </c>
      <c r="BG9" s="61">
        <v>565</v>
      </c>
      <c r="BH9" s="62">
        <v>1270</v>
      </c>
      <c r="BI9" s="231"/>
      <c r="BJ9" s="61">
        <v>1272</v>
      </c>
      <c r="BK9" s="61">
        <v>966</v>
      </c>
      <c r="BL9" s="61">
        <v>643</v>
      </c>
      <c r="BM9" s="61">
        <v>541</v>
      </c>
      <c r="BN9" s="61">
        <v>352</v>
      </c>
      <c r="BO9" s="62">
        <v>3774</v>
      </c>
      <c r="BP9" s="63">
        <v>5044</v>
      </c>
      <c r="BQ9" s="60">
        <v>403</v>
      </c>
      <c r="BR9" s="61">
        <v>431</v>
      </c>
      <c r="BS9" s="62">
        <v>834</v>
      </c>
      <c r="BT9" s="231"/>
      <c r="BU9" s="61">
        <v>912</v>
      </c>
      <c r="BV9" s="61">
        <v>702</v>
      </c>
      <c r="BW9" s="61">
        <v>551</v>
      </c>
      <c r="BX9" s="61">
        <v>494</v>
      </c>
      <c r="BY9" s="61">
        <v>276</v>
      </c>
      <c r="BZ9" s="62">
        <v>2935</v>
      </c>
      <c r="CA9" s="63">
        <v>3769</v>
      </c>
      <c r="CB9" s="60">
        <v>81</v>
      </c>
      <c r="CC9" s="61">
        <v>97</v>
      </c>
      <c r="CD9" s="62">
        <v>178</v>
      </c>
      <c r="CE9" s="231"/>
      <c r="CF9" s="61">
        <v>179</v>
      </c>
      <c r="CG9" s="61">
        <v>183</v>
      </c>
      <c r="CH9" s="61">
        <v>106</v>
      </c>
      <c r="CI9" s="61">
        <v>128</v>
      </c>
      <c r="CJ9" s="61">
        <v>116</v>
      </c>
      <c r="CK9" s="62">
        <v>712</v>
      </c>
      <c r="CL9" s="63">
        <v>890</v>
      </c>
      <c r="CM9" s="60">
        <v>2743</v>
      </c>
      <c r="CN9" s="61">
        <v>2512</v>
      </c>
      <c r="CO9" s="62">
        <v>5255</v>
      </c>
      <c r="CP9" s="231"/>
      <c r="CQ9" s="61">
        <v>5213</v>
      </c>
      <c r="CR9" s="61">
        <v>4222</v>
      </c>
      <c r="CS9" s="61">
        <v>2908</v>
      </c>
      <c r="CT9" s="61">
        <v>2558</v>
      </c>
      <c r="CU9" s="61">
        <v>1786</v>
      </c>
      <c r="CV9" s="62">
        <v>16687</v>
      </c>
      <c r="CW9" s="63">
        <v>21942</v>
      </c>
      <c r="CX9" s="113">
        <v>5187</v>
      </c>
      <c r="CY9" s="72">
        <v>5425</v>
      </c>
      <c r="CZ9" s="73">
        <v>10612</v>
      </c>
      <c r="DA9" s="228"/>
      <c r="DB9" s="72">
        <v>8765</v>
      </c>
      <c r="DC9" s="72">
        <v>6759</v>
      </c>
      <c r="DD9" s="72">
        <v>5296</v>
      </c>
      <c r="DE9" s="72">
        <v>5304</v>
      </c>
      <c r="DF9" s="72">
        <v>3722</v>
      </c>
      <c r="DG9" s="74">
        <v>29846</v>
      </c>
      <c r="DH9" s="75">
        <v>40458</v>
      </c>
      <c r="DI9" s="60">
        <v>124</v>
      </c>
      <c r="DJ9" s="61">
        <v>121</v>
      </c>
      <c r="DK9" s="62">
        <v>245</v>
      </c>
      <c r="DL9" s="231"/>
      <c r="DM9" s="61">
        <v>160</v>
      </c>
      <c r="DN9" s="61">
        <v>118</v>
      </c>
      <c r="DO9" s="61">
        <v>105</v>
      </c>
      <c r="DP9" s="61">
        <v>107</v>
      </c>
      <c r="DQ9" s="61">
        <v>85</v>
      </c>
      <c r="DR9" s="62">
        <v>575</v>
      </c>
      <c r="DS9" s="63">
        <v>820</v>
      </c>
      <c r="DT9" s="60">
        <v>354</v>
      </c>
      <c r="DU9" s="61">
        <v>351</v>
      </c>
      <c r="DV9" s="62">
        <v>705</v>
      </c>
      <c r="DW9" s="231"/>
      <c r="DX9" s="61">
        <v>485</v>
      </c>
      <c r="DY9" s="61">
        <v>367</v>
      </c>
      <c r="DZ9" s="61">
        <v>241</v>
      </c>
      <c r="EA9" s="61">
        <v>255</v>
      </c>
      <c r="EB9" s="61">
        <v>183</v>
      </c>
      <c r="EC9" s="62">
        <v>1531</v>
      </c>
      <c r="ED9" s="63">
        <v>2236</v>
      </c>
      <c r="EE9" s="60">
        <v>770</v>
      </c>
      <c r="EF9" s="61">
        <v>804</v>
      </c>
      <c r="EG9" s="62">
        <v>1574</v>
      </c>
      <c r="EH9" s="231"/>
      <c r="EI9" s="61">
        <v>1076</v>
      </c>
      <c r="EJ9" s="61">
        <v>688</v>
      </c>
      <c r="EK9" s="61">
        <v>474</v>
      </c>
      <c r="EL9" s="61">
        <v>467</v>
      </c>
      <c r="EM9" s="61">
        <v>356</v>
      </c>
      <c r="EN9" s="62">
        <v>3061</v>
      </c>
      <c r="EO9" s="63">
        <v>4635</v>
      </c>
      <c r="EP9" s="60">
        <v>1617</v>
      </c>
      <c r="EQ9" s="61">
        <v>1461</v>
      </c>
      <c r="ER9" s="62">
        <v>3078</v>
      </c>
      <c r="ES9" s="231"/>
      <c r="ET9" s="61">
        <v>2057</v>
      </c>
      <c r="EU9" s="61">
        <v>1409</v>
      </c>
      <c r="EV9" s="61">
        <v>962</v>
      </c>
      <c r="EW9" s="61">
        <v>892</v>
      </c>
      <c r="EX9" s="61">
        <v>639</v>
      </c>
      <c r="EY9" s="62">
        <v>5959</v>
      </c>
      <c r="EZ9" s="63">
        <v>9037</v>
      </c>
      <c r="FA9" s="60">
        <v>1513</v>
      </c>
      <c r="FB9" s="61">
        <v>1649</v>
      </c>
      <c r="FC9" s="62">
        <v>3162</v>
      </c>
      <c r="FD9" s="231"/>
      <c r="FE9" s="61">
        <v>2683</v>
      </c>
      <c r="FF9" s="61">
        <v>2002</v>
      </c>
      <c r="FG9" s="61">
        <v>1453</v>
      </c>
      <c r="FH9" s="61">
        <v>1338</v>
      </c>
      <c r="FI9" s="61">
        <v>990</v>
      </c>
      <c r="FJ9" s="62">
        <v>8466</v>
      </c>
      <c r="FK9" s="63">
        <v>11628</v>
      </c>
      <c r="FL9" s="60">
        <v>809</v>
      </c>
      <c r="FM9" s="61">
        <v>1039</v>
      </c>
      <c r="FN9" s="62">
        <v>1848</v>
      </c>
      <c r="FO9" s="231"/>
      <c r="FP9" s="61">
        <v>2304</v>
      </c>
      <c r="FQ9" s="61">
        <v>2175</v>
      </c>
      <c r="FR9" s="61">
        <v>2061</v>
      </c>
      <c r="FS9" s="61">
        <v>2245</v>
      </c>
      <c r="FT9" s="61">
        <v>1469</v>
      </c>
      <c r="FU9" s="62">
        <v>10254</v>
      </c>
      <c r="FV9" s="63">
        <v>12102</v>
      </c>
      <c r="FW9" s="60">
        <v>67</v>
      </c>
      <c r="FX9" s="61">
        <v>91</v>
      </c>
      <c r="FY9" s="62">
        <v>158</v>
      </c>
      <c r="FZ9" s="231"/>
      <c r="GA9" s="61">
        <v>129</v>
      </c>
      <c r="GB9" s="61">
        <v>132</v>
      </c>
      <c r="GC9" s="61">
        <v>101</v>
      </c>
      <c r="GD9" s="61">
        <v>101</v>
      </c>
      <c r="GE9" s="61">
        <v>91</v>
      </c>
      <c r="GF9" s="62">
        <v>554</v>
      </c>
      <c r="GG9" s="63">
        <v>712</v>
      </c>
      <c r="GH9" s="60">
        <v>5254</v>
      </c>
      <c r="GI9" s="61">
        <v>5516</v>
      </c>
      <c r="GJ9" s="62">
        <v>10770</v>
      </c>
      <c r="GK9" s="231"/>
      <c r="GL9" s="61">
        <v>8894</v>
      </c>
      <c r="GM9" s="61">
        <v>6891</v>
      </c>
      <c r="GN9" s="61">
        <v>5397</v>
      </c>
      <c r="GO9" s="61">
        <v>5405</v>
      </c>
      <c r="GP9" s="61">
        <v>3813</v>
      </c>
      <c r="GQ9" s="62">
        <v>30400</v>
      </c>
      <c r="GR9" s="63">
        <v>41170</v>
      </c>
      <c r="GS9" s="113">
        <v>7849</v>
      </c>
      <c r="GT9" s="72">
        <v>7840</v>
      </c>
      <c r="GU9" s="73">
        <v>15689</v>
      </c>
      <c r="GV9" s="228"/>
      <c r="GW9" s="72">
        <v>13799</v>
      </c>
      <c r="GX9" s="72">
        <v>10798</v>
      </c>
      <c r="GY9" s="72">
        <v>8098</v>
      </c>
      <c r="GZ9" s="72">
        <v>7734</v>
      </c>
      <c r="HA9" s="72">
        <v>5392</v>
      </c>
      <c r="HB9" s="74">
        <v>45821</v>
      </c>
      <c r="HC9" s="75">
        <v>61510</v>
      </c>
      <c r="HD9" s="60">
        <v>280</v>
      </c>
      <c r="HE9" s="61">
        <v>266</v>
      </c>
      <c r="HF9" s="62">
        <v>546</v>
      </c>
      <c r="HG9" s="231"/>
      <c r="HH9" s="61">
        <v>414</v>
      </c>
      <c r="HI9" s="61">
        <v>368</v>
      </c>
      <c r="HJ9" s="61">
        <v>243</v>
      </c>
      <c r="HK9" s="61">
        <v>243</v>
      </c>
      <c r="HL9" s="61">
        <v>197</v>
      </c>
      <c r="HM9" s="62">
        <v>1465</v>
      </c>
      <c r="HN9" s="63">
        <v>2011</v>
      </c>
      <c r="HO9" s="60">
        <v>641</v>
      </c>
      <c r="HP9" s="61">
        <v>637</v>
      </c>
      <c r="HQ9" s="62">
        <v>1278</v>
      </c>
      <c r="HR9" s="231"/>
      <c r="HS9" s="61">
        <v>1032</v>
      </c>
      <c r="HT9" s="61">
        <v>829</v>
      </c>
      <c r="HU9" s="61">
        <v>565</v>
      </c>
      <c r="HV9" s="61">
        <v>545</v>
      </c>
      <c r="HW9" s="61">
        <v>428</v>
      </c>
      <c r="HX9" s="62">
        <v>3399</v>
      </c>
      <c r="HY9" s="63">
        <v>4677</v>
      </c>
      <c r="HZ9" s="60">
        <v>1219</v>
      </c>
      <c r="IA9" s="61">
        <v>1213</v>
      </c>
      <c r="IB9" s="62">
        <v>2432</v>
      </c>
      <c r="IC9" s="231"/>
      <c r="ID9" s="61">
        <v>1897</v>
      </c>
      <c r="IE9" s="61">
        <v>1398</v>
      </c>
      <c r="IF9" s="61">
        <v>970</v>
      </c>
      <c r="IG9" s="61">
        <v>902</v>
      </c>
      <c r="IH9" s="61">
        <v>679</v>
      </c>
      <c r="II9" s="62">
        <v>5846</v>
      </c>
      <c r="IJ9" s="63">
        <v>8278</v>
      </c>
      <c r="IK9" s="60">
        <v>2279</v>
      </c>
      <c r="IL9" s="61">
        <v>2040</v>
      </c>
      <c r="IM9" s="62">
        <v>4319</v>
      </c>
      <c r="IN9" s="231"/>
      <c r="IO9" s="61">
        <v>3285</v>
      </c>
      <c r="IP9" s="61">
        <v>2358</v>
      </c>
      <c r="IQ9" s="61">
        <v>1612</v>
      </c>
      <c r="IR9" s="61">
        <v>1426</v>
      </c>
      <c r="IS9" s="61">
        <v>1001</v>
      </c>
      <c r="IT9" s="62">
        <v>9682</v>
      </c>
      <c r="IU9" s="63">
        <v>14001</v>
      </c>
      <c r="IV9" s="60">
        <v>2218</v>
      </c>
      <c r="IW9" s="61">
        <v>2214</v>
      </c>
      <c r="IX9" s="62">
        <v>4432</v>
      </c>
      <c r="IY9" s="231"/>
      <c r="IZ9" s="61">
        <v>3955</v>
      </c>
      <c r="JA9" s="61">
        <v>2968</v>
      </c>
      <c r="JB9" s="61">
        <v>2096</v>
      </c>
      <c r="JC9" s="61">
        <v>1879</v>
      </c>
      <c r="JD9" s="61">
        <v>1342</v>
      </c>
      <c r="JE9" s="62">
        <v>12240</v>
      </c>
      <c r="JF9" s="63">
        <v>16672</v>
      </c>
      <c r="JG9" s="60">
        <v>1212</v>
      </c>
      <c r="JH9" s="61">
        <v>1470</v>
      </c>
      <c r="JI9" s="62">
        <v>2682</v>
      </c>
      <c r="JJ9" s="231"/>
      <c r="JK9" s="61">
        <v>3216</v>
      </c>
      <c r="JL9" s="61">
        <v>2877</v>
      </c>
      <c r="JM9" s="61">
        <v>2612</v>
      </c>
      <c r="JN9" s="61">
        <v>2739</v>
      </c>
      <c r="JO9" s="61">
        <v>1745</v>
      </c>
      <c r="JP9" s="62">
        <v>13189</v>
      </c>
      <c r="JQ9" s="63">
        <v>15871</v>
      </c>
      <c r="JR9" s="60">
        <v>148</v>
      </c>
      <c r="JS9" s="61">
        <v>188</v>
      </c>
      <c r="JT9" s="62">
        <v>336</v>
      </c>
      <c r="JU9" s="231"/>
      <c r="JV9" s="61">
        <v>308</v>
      </c>
      <c r="JW9" s="61">
        <v>315</v>
      </c>
      <c r="JX9" s="61">
        <v>207</v>
      </c>
      <c r="JY9" s="61">
        <v>229</v>
      </c>
      <c r="JZ9" s="61">
        <v>207</v>
      </c>
      <c r="KA9" s="62">
        <v>1266</v>
      </c>
      <c r="KB9" s="63">
        <v>1602</v>
      </c>
      <c r="KC9" s="60">
        <v>7997</v>
      </c>
      <c r="KD9" s="61">
        <v>8028</v>
      </c>
      <c r="KE9" s="62">
        <v>16025</v>
      </c>
      <c r="KF9" s="231"/>
      <c r="KG9" s="61">
        <v>14107</v>
      </c>
      <c r="KH9" s="61">
        <v>11113</v>
      </c>
      <c r="KI9" s="61">
        <v>8305</v>
      </c>
      <c r="KJ9" s="61">
        <v>7963</v>
      </c>
      <c r="KK9" s="61">
        <v>5599</v>
      </c>
      <c r="KL9" s="62">
        <v>47087</v>
      </c>
      <c r="KM9" s="63">
        <v>63112</v>
      </c>
    </row>
    <row r="10" spans="2:299" ht="21" customHeight="1" x14ac:dyDescent="0.2">
      <c r="B10" s="472" t="s">
        <v>14</v>
      </c>
      <c r="C10" s="293">
        <v>1544</v>
      </c>
      <c r="D10" s="72">
        <v>1909</v>
      </c>
      <c r="E10" s="73">
        <v>3453</v>
      </c>
      <c r="F10" s="228"/>
      <c r="G10" s="72">
        <v>2303</v>
      </c>
      <c r="H10" s="72">
        <v>2540</v>
      </c>
      <c r="I10" s="72">
        <v>1853</v>
      </c>
      <c r="J10" s="72">
        <v>1541</v>
      </c>
      <c r="K10" s="72">
        <v>890</v>
      </c>
      <c r="L10" s="74">
        <v>9127</v>
      </c>
      <c r="M10" s="75">
        <v>12580</v>
      </c>
      <c r="N10" s="60">
        <v>66</v>
      </c>
      <c r="O10" s="61">
        <v>94</v>
      </c>
      <c r="P10" s="62">
        <v>160</v>
      </c>
      <c r="Q10" s="231"/>
      <c r="R10" s="61">
        <v>95</v>
      </c>
      <c r="S10" s="61">
        <v>131</v>
      </c>
      <c r="T10" s="61">
        <v>92</v>
      </c>
      <c r="U10" s="61">
        <v>89</v>
      </c>
      <c r="V10" s="61">
        <v>73</v>
      </c>
      <c r="W10" s="62">
        <v>480</v>
      </c>
      <c r="X10" s="63">
        <v>640</v>
      </c>
      <c r="Y10" s="60">
        <v>153</v>
      </c>
      <c r="Z10" s="61">
        <v>251</v>
      </c>
      <c r="AA10" s="62">
        <v>404</v>
      </c>
      <c r="AB10" s="231"/>
      <c r="AC10" s="61">
        <v>197</v>
      </c>
      <c r="AD10" s="61">
        <v>261</v>
      </c>
      <c r="AE10" s="61">
        <v>198</v>
      </c>
      <c r="AF10" s="61">
        <v>173</v>
      </c>
      <c r="AG10" s="61">
        <v>116</v>
      </c>
      <c r="AH10" s="62">
        <v>945</v>
      </c>
      <c r="AI10" s="63">
        <v>1349</v>
      </c>
      <c r="AJ10" s="60">
        <v>253</v>
      </c>
      <c r="AK10" s="61">
        <v>357</v>
      </c>
      <c r="AL10" s="62">
        <v>610</v>
      </c>
      <c r="AM10" s="231"/>
      <c r="AN10" s="61">
        <v>364</v>
      </c>
      <c r="AO10" s="61">
        <v>429</v>
      </c>
      <c r="AP10" s="61">
        <v>300</v>
      </c>
      <c r="AQ10" s="61">
        <v>268</v>
      </c>
      <c r="AR10" s="61">
        <v>166</v>
      </c>
      <c r="AS10" s="62">
        <v>1527</v>
      </c>
      <c r="AT10" s="63">
        <v>2137</v>
      </c>
      <c r="AU10" s="60">
        <v>465</v>
      </c>
      <c r="AV10" s="61">
        <v>532</v>
      </c>
      <c r="AW10" s="62">
        <v>997</v>
      </c>
      <c r="AX10" s="231"/>
      <c r="AY10" s="61">
        <v>658</v>
      </c>
      <c r="AZ10" s="61">
        <v>646</v>
      </c>
      <c r="BA10" s="61">
        <v>455</v>
      </c>
      <c r="BB10" s="61">
        <v>381</v>
      </c>
      <c r="BC10" s="61">
        <v>211</v>
      </c>
      <c r="BD10" s="62">
        <v>2351</v>
      </c>
      <c r="BE10" s="63">
        <v>3348</v>
      </c>
      <c r="BF10" s="60">
        <v>410</v>
      </c>
      <c r="BG10" s="61">
        <v>433</v>
      </c>
      <c r="BH10" s="62">
        <v>843</v>
      </c>
      <c r="BI10" s="231"/>
      <c r="BJ10" s="61">
        <v>623</v>
      </c>
      <c r="BK10" s="61">
        <v>640</v>
      </c>
      <c r="BL10" s="61">
        <v>461</v>
      </c>
      <c r="BM10" s="61">
        <v>374</v>
      </c>
      <c r="BN10" s="61">
        <v>199</v>
      </c>
      <c r="BO10" s="62">
        <v>2297</v>
      </c>
      <c r="BP10" s="63">
        <v>3140</v>
      </c>
      <c r="BQ10" s="60">
        <v>197</v>
      </c>
      <c r="BR10" s="61">
        <v>242</v>
      </c>
      <c r="BS10" s="62">
        <v>439</v>
      </c>
      <c r="BT10" s="231"/>
      <c r="BU10" s="61">
        <v>366</v>
      </c>
      <c r="BV10" s="61">
        <v>433</v>
      </c>
      <c r="BW10" s="61">
        <v>347</v>
      </c>
      <c r="BX10" s="61">
        <v>256</v>
      </c>
      <c r="BY10" s="61">
        <v>125</v>
      </c>
      <c r="BZ10" s="62">
        <v>1527</v>
      </c>
      <c r="CA10" s="63">
        <v>1966</v>
      </c>
      <c r="CB10" s="60">
        <v>40</v>
      </c>
      <c r="CC10" s="61">
        <v>96</v>
      </c>
      <c r="CD10" s="62">
        <v>136</v>
      </c>
      <c r="CE10" s="231"/>
      <c r="CF10" s="61">
        <v>43</v>
      </c>
      <c r="CG10" s="61">
        <v>116</v>
      </c>
      <c r="CH10" s="61">
        <v>74</v>
      </c>
      <c r="CI10" s="61">
        <v>82</v>
      </c>
      <c r="CJ10" s="61">
        <v>53</v>
      </c>
      <c r="CK10" s="62">
        <v>368</v>
      </c>
      <c r="CL10" s="63">
        <v>504</v>
      </c>
      <c r="CM10" s="60">
        <v>1584</v>
      </c>
      <c r="CN10" s="61">
        <v>2005</v>
      </c>
      <c r="CO10" s="62">
        <v>3589</v>
      </c>
      <c r="CP10" s="231"/>
      <c r="CQ10" s="61">
        <v>2346</v>
      </c>
      <c r="CR10" s="61">
        <v>2656</v>
      </c>
      <c r="CS10" s="61">
        <v>1927</v>
      </c>
      <c r="CT10" s="61">
        <v>1623</v>
      </c>
      <c r="CU10" s="61">
        <v>943</v>
      </c>
      <c r="CV10" s="62">
        <v>9495</v>
      </c>
      <c r="CW10" s="63">
        <v>13084</v>
      </c>
      <c r="CX10" s="113">
        <v>2939</v>
      </c>
      <c r="CY10" s="72">
        <v>4120</v>
      </c>
      <c r="CZ10" s="73">
        <v>7059</v>
      </c>
      <c r="DA10" s="228"/>
      <c r="DB10" s="72">
        <v>3847</v>
      </c>
      <c r="DC10" s="72">
        <v>4157</v>
      </c>
      <c r="DD10" s="72">
        <v>3265</v>
      </c>
      <c r="DE10" s="72">
        <v>3109</v>
      </c>
      <c r="DF10" s="72">
        <v>1942</v>
      </c>
      <c r="DG10" s="74">
        <v>16320</v>
      </c>
      <c r="DH10" s="75">
        <v>23379</v>
      </c>
      <c r="DI10" s="60">
        <v>68</v>
      </c>
      <c r="DJ10" s="61">
        <v>92</v>
      </c>
      <c r="DK10" s="62">
        <v>160</v>
      </c>
      <c r="DL10" s="231"/>
      <c r="DM10" s="61">
        <v>58</v>
      </c>
      <c r="DN10" s="61">
        <v>96</v>
      </c>
      <c r="DO10" s="61">
        <v>73</v>
      </c>
      <c r="DP10" s="61">
        <v>51</v>
      </c>
      <c r="DQ10" s="61">
        <v>45</v>
      </c>
      <c r="DR10" s="62">
        <v>323</v>
      </c>
      <c r="DS10" s="63">
        <v>483</v>
      </c>
      <c r="DT10" s="60">
        <v>230</v>
      </c>
      <c r="DU10" s="61">
        <v>340</v>
      </c>
      <c r="DV10" s="62">
        <v>570</v>
      </c>
      <c r="DW10" s="231"/>
      <c r="DX10" s="61">
        <v>200</v>
      </c>
      <c r="DY10" s="61">
        <v>277</v>
      </c>
      <c r="DZ10" s="61">
        <v>165</v>
      </c>
      <c r="EA10" s="61">
        <v>152</v>
      </c>
      <c r="EB10" s="61">
        <v>119</v>
      </c>
      <c r="EC10" s="62">
        <v>913</v>
      </c>
      <c r="ED10" s="63">
        <v>1483</v>
      </c>
      <c r="EE10" s="60">
        <v>542</v>
      </c>
      <c r="EF10" s="61">
        <v>682</v>
      </c>
      <c r="EG10" s="62">
        <v>1224</v>
      </c>
      <c r="EH10" s="231"/>
      <c r="EI10" s="61">
        <v>518</v>
      </c>
      <c r="EJ10" s="61">
        <v>553</v>
      </c>
      <c r="EK10" s="61">
        <v>346</v>
      </c>
      <c r="EL10" s="61">
        <v>336</v>
      </c>
      <c r="EM10" s="61">
        <v>253</v>
      </c>
      <c r="EN10" s="62">
        <v>2006</v>
      </c>
      <c r="EO10" s="63">
        <v>3230</v>
      </c>
      <c r="EP10" s="60">
        <v>930</v>
      </c>
      <c r="EQ10" s="61">
        <v>1246</v>
      </c>
      <c r="ER10" s="62">
        <v>2176</v>
      </c>
      <c r="ES10" s="231"/>
      <c r="ET10" s="61">
        <v>1069</v>
      </c>
      <c r="EU10" s="61">
        <v>959</v>
      </c>
      <c r="EV10" s="61">
        <v>720</v>
      </c>
      <c r="EW10" s="61">
        <v>595</v>
      </c>
      <c r="EX10" s="61">
        <v>378</v>
      </c>
      <c r="EY10" s="62">
        <v>3721</v>
      </c>
      <c r="EZ10" s="63">
        <v>5897</v>
      </c>
      <c r="FA10" s="60">
        <v>805</v>
      </c>
      <c r="FB10" s="61">
        <v>1104</v>
      </c>
      <c r="FC10" s="62">
        <v>1909</v>
      </c>
      <c r="FD10" s="231"/>
      <c r="FE10" s="61">
        <v>1116</v>
      </c>
      <c r="FF10" s="61">
        <v>1147</v>
      </c>
      <c r="FG10" s="61">
        <v>837</v>
      </c>
      <c r="FH10" s="61">
        <v>788</v>
      </c>
      <c r="FI10" s="61">
        <v>502</v>
      </c>
      <c r="FJ10" s="62">
        <v>4390</v>
      </c>
      <c r="FK10" s="63">
        <v>6299</v>
      </c>
      <c r="FL10" s="60">
        <v>364</v>
      </c>
      <c r="FM10" s="61">
        <v>656</v>
      </c>
      <c r="FN10" s="62">
        <v>1020</v>
      </c>
      <c r="FO10" s="231"/>
      <c r="FP10" s="61">
        <v>886</v>
      </c>
      <c r="FQ10" s="61">
        <v>1125</v>
      </c>
      <c r="FR10" s="61">
        <v>1124</v>
      </c>
      <c r="FS10" s="61">
        <v>1187</v>
      </c>
      <c r="FT10" s="61">
        <v>645</v>
      </c>
      <c r="FU10" s="62">
        <v>4967</v>
      </c>
      <c r="FV10" s="63">
        <v>5987</v>
      </c>
      <c r="FW10" s="60">
        <v>22</v>
      </c>
      <c r="FX10" s="61">
        <v>85</v>
      </c>
      <c r="FY10" s="62">
        <v>107</v>
      </c>
      <c r="FZ10" s="231"/>
      <c r="GA10" s="61">
        <v>40</v>
      </c>
      <c r="GB10" s="61">
        <v>93</v>
      </c>
      <c r="GC10" s="61">
        <v>45</v>
      </c>
      <c r="GD10" s="61">
        <v>49</v>
      </c>
      <c r="GE10" s="61">
        <v>58</v>
      </c>
      <c r="GF10" s="62">
        <v>285</v>
      </c>
      <c r="GG10" s="63">
        <v>392</v>
      </c>
      <c r="GH10" s="60">
        <v>2961</v>
      </c>
      <c r="GI10" s="61">
        <v>4205</v>
      </c>
      <c r="GJ10" s="62">
        <v>7166</v>
      </c>
      <c r="GK10" s="231"/>
      <c r="GL10" s="61">
        <v>3887</v>
      </c>
      <c r="GM10" s="61">
        <v>4250</v>
      </c>
      <c r="GN10" s="61">
        <v>3310</v>
      </c>
      <c r="GO10" s="61">
        <v>3158</v>
      </c>
      <c r="GP10" s="61">
        <v>2000</v>
      </c>
      <c r="GQ10" s="62">
        <v>16605</v>
      </c>
      <c r="GR10" s="63">
        <v>23771</v>
      </c>
      <c r="GS10" s="113">
        <v>4483</v>
      </c>
      <c r="GT10" s="72">
        <v>6029</v>
      </c>
      <c r="GU10" s="73">
        <v>10512</v>
      </c>
      <c r="GV10" s="228"/>
      <c r="GW10" s="72">
        <v>6150</v>
      </c>
      <c r="GX10" s="72">
        <v>6697</v>
      </c>
      <c r="GY10" s="72">
        <v>5118</v>
      </c>
      <c r="GZ10" s="72">
        <v>4650</v>
      </c>
      <c r="HA10" s="72">
        <v>2832</v>
      </c>
      <c r="HB10" s="74">
        <v>25447</v>
      </c>
      <c r="HC10" s="75">
        <v>35959</v>
      </c>
      <c r="HD10" s="60">
        <v>134</v>
      </c>
      <c r="HE10" s="61">
        <v>186</v>
      </c>
      <c r="HF10" s="62">
        <v>320</v>
      </c>
      <c r="HG10" s="231"/>
      <c r="HH10" s="61">
        <v>153</v>
      </c>
      <c r="HI10" s="61">
        <v>227</v>
      </c>
      <c r="HJ10" s="61">
        <v>165</v>
      </c>
      <c r="HK10" s="61">
        <v>140</v>
      </c>
      <c r="HL10" s="61">
        <v>118</v>
      </c>
      <c r="HM10" s="62">
        <v>803</v>
      </c>
      <c r="HN10" s="63">
        <v>1123</v>
      </c>
      <c r="HO10" s="60">
        <v>383</v>
      </c>
      <c r="HP10" s="61">
        <v>591</v>
      </c>
      <c r="HQ10" s="62">
        <v>974</v>
      </c>
      <c r="HR10" s="231"/>
      <c r="HS10" s="61">
        <v>397</v>
      </c>
      <c r="HT10" s="61">
        <v>538</v>
      </c>
      <c r="HU10" s="61">
        <v>363</v>
      </c>
      <c r="HV10" s="61">
        <v>325</v>
      </c>
      <c r="HW10" s="61">
        <v>235</v>
      </c>
      <c r="HX10" s="62">
        <v>1858</v>
      </c>
      <c r="HY10" s="63">
        <v>2832</v>
      </c>
      <c r="HZ10" s="60">
        <v>795</v>
      </c>
      <c r="IA10" s="61">
        <v>1039</v>
      </c>
      <c r="IB10" s="62">
        <v>1834</v>
      </c>
      <c r="IC10" s="231"/>
      <c r="ID10" s="61">
        <v>882</v>
      </c>
      <c r="IE10" s="61">
        <v>982</v>
      </c>
      <c r="IF10" s="61">
        <v>646</v>
      </c>
      <c r="IG10" s="61">
        <v>604</v>
      </c>
      <c r="IH10" s="61">
        <v>419</v>
      </c>
      <c r="II10" s="62">
        <v>3533</v>
      </c>
      <c r="IJ10" s="63">
        <v>5367</v>
      </c>
      <c r="IK10" s="60">
        <v>1395</v>
      </c>
      <c r="IL10" s="61">
        <v>1778</v>
      </c>
      <c r="IM10" s="62">
        <v>3173</v>
      </c>
      <c r="IN10" s="231"/>
      <c r="IO10" s="61">
        <v>1727</v>
      </c>
      <c r="IP10" s="61">
        <v>1605</v>
      </c>
      <c r="IQ10" s="61">
        <v>1175</v>
      </c>
      <c r="IR10" s="61">
        <v>976</v>
      </c>
      <c r="IS10" s="61">
        <v>589</v>
      </c>
      <c r="IT10" s="62">
        <v>6072</v>
      </c>
      <c r="IU10" s="63">
        <v>9245</v>
      </c>
      <c r="IV10" s="60">
        <v>1215</v>
      </c>
      <c r="IW10" s="61">
        <v>1537</v>
      </c>
      <c r="IX10" s="62">
        <v>2752</v>
      </c>
      <c r="IY10" s="231"/>
      <c r="IZ10" s="61">
        <v>1739</v>
      </c>
      <c r="JA10" s="61">
        <v>1787</v>
      </c>
      <c r="JB10" s="61">
        <v>1298</v>
      </c>
      <c r="JC10" s="61">
        <v>1162</v>
      </c>
      <c r="JD10" s="61">
        <v>701</v>
      </c>
      <c r="JE10" s="62">
        <v>6687</v>
      </c>
      <c r="JF10" s="63">
        <v>9439</v>
      </c>
      <c r="JG10" s="60">
        <v>561</v>
      </c>
      <c r="JH10" s="61">
        <v>898</v>
      </c>
      <c r="JI10" s="62">
        <v>1459</v>
      </c>
      <c r="JJ10" s="231"/>
      <c r="JK10" s="61">
        <v>1252</v>
      </c>
      <c r="JL10" s="61">
        <v>1558</v>
      </c>
      <c r="JM10" s="61">
        <v>1471</v>
      </c>
      <c r="JN10" s="61">
        <v>1443</v>
      </c>
      <c r="JO10" s="61">
        <v>770</v>
      </c>
      <c r="JP10" s="62">
        <v>6494</v>
      </c>
      <c r="JQ10" s="63">
        <v>7953</v>
      </c>
      <c r="JR10" s="60">
        <v>62</v>
      </c>
      <c r="JS10" s="61">
        <v>181</v>
      </c>
      <c r="JT10" s="62">
        <v>243</v>
      </c>
      <c r="JU10" s="231"/>
      <c r="JV10" s="61">
        <v>83</v>
      </c>
      <c r="JW10" s="61">
        <v>209</v>
      </c>
      <c r="JX10" s="61">
        <v>119</v>
      </c>
      <c r="JY10" s="61">
        <v>131</v>
      </c>
      <c r="JZ10" s="61">
        <v>111</v>
      </c>
      <c r="KA10" s="62">
        <v>653</v>
      </c>
      <c r="KB10" s="63">
        <v>896</v>
      </c>
      <c r="KC10" s="60">
        <v>4545</v>
      </c>
      <c r="KD10" s="61">
        <v>6210</v>
      </c>
      <c r="KE10" s="62">
        <v>10755</v>
      </c>
      <c r="KF10" s="231"/>
      <c r="KG10" s="61">
        <v>6233</v>
      </c>
      <c r="KH10" s="61">
        <v>6906</v>
      </c>
      <c r="KI10" s="61">
        <v>5237</v>
      </c>
      <c r="KJ10" s="61">
        <v>4781</v>
      </c>
      <c r="KK10" s="61">
        <v>2943</v>
      </c>
      <c r="KL10" s="62">
        <v>26100</v>
      </c>
      <c r="KM10" s="63">
        <v>36855</v>
      </c>
    </row>
    <row r="11" spans="2:299" ht="21" customHeight="1" x14ac:dyDescent="0.2">
      <c r="B11" s="472" t="s">
        <v>7</v>
      </c>
      <c r="C11" s="293">
        <v>1015</v>
      </c>
      <c r="D11" s="72">
        <v>751</v>
      </c>
      <c r="E11" s="73">
        <v>1766</v>
      </c>
      <c r="F11" s="228"/>
      <c r="G11" s="72">
        <v>2302</v>
      </c>
      <c r="H11" s="72">
        <v>1528</v>
      </c>
      <c r="I11" s="72">
        <v>945</v>
      </c>
      <c r="J11" s="72">
        <v>821</v>
      </c>
      <c r="K11" s="72">
        <v>462</v>
      </c>
      <c r="L11" s="74">
        <v>6058</v>
      </c>
      <c r="M11" s="75">
        <v>7824</v>
      </c>
      <c r="N11" s="60">
        <v>35</v>
      </c>
      <c r="O11" s="61">
        <v>27</v>
      </c>
      <c r="P11" s="62">
        <v>62</v>
      </c>
      <c r="Q11" s="231"/>
      <c r="R11" s="61">
        <v>99</v>
      </c>
      <c r="S11" s="61">
        <v>64</v>
      </c>
      <c r="T11" s="61">
        <v>36</v>
      </c>
      <c r="U11" s="61">
        <v>46</v>
      </c>
      <c r="V11" s="61">
        <v>27</v>
      </c>
      <c r="W11" s="62">
        <v>272</v>
      </c>
      <c r="X11" s="63">
        <v>334</v>
      </c>
      <c r="Y11" s="60">
        <v>82</v>
      </c>
      <c r="Z11" s="61">
        <v>77</v>
      </c>
      <c r="AA11" s="62">
        <v>159</v>
      </c>
      <c r="AB11" s="231"/>
      <c r="AC11" s="61">
        <v>223</v>
      </c>
      <c r="AD11" s="61">
        <v>170</v>
      </c>
      <c r="AE11" s="61">
        <v>94</v>
      </c>
      <c r="AF11" s="61">
        <v>83</v>
      </c>
      <c r="AG11" s="61">
        <v>71</v>
      </c>
      <c r="AH11" s="62">
        <v>641</v>
      </c>
      <c r="AI11" s="63">
        <v>800</v>
      </c>
      <c r="AJ11" s="60">
        <v>146</v>
      </c>
      <c r="AK11" s="61">
        <v>126</v>
      </c>
      <c r="AL11" s="62">
        <v>272</v>
      </c>
      <c r="AM11" s="231"/>
      <c r="AN11" s="61">
        <v>385</v>
      </c>
      <c r="AO11" s="61">
        <v>237</v>
      </c>
      <c r="AP11" s="61">
        <v>160</v>
      </c>
      <c r="AQ11" s="61">
        <v>123</v>
      </c>
      <c r="AR11" s="61">
        <v>76</v>
      </c>
      <c r="AS11" s="62">
        <v>981</v>
      </c>
      <c r="AT11" s="63">
        <v>1253</v>
      </c>
      <c r="AU11" s="60">
        <v>278</v>
      </c>
      <c r="AV11" s="61">
        <v>170</v>
      </c>
      <c r="AW11" s="62">
        <v>448</v>
      </c>
      <c r="AX11" s="231"/>
      <c r="AY11" s="61">
        <v>570</v>
      </c>
      <c r="AZ11" s="61">
        <v>383</v>
      </c>
      <c r="BA11" s="61">
        <v>241</v>
      </c>
      <c r="BB11" s="61">
        <v>195</v>
      </c>
      <c r="BC11" s="61">
        <v>113</v>
      </c>
      <c r="BD11" s="62">
        <v>1502</v>
      </c>
      <c r="BE11" s="63">
        <v>1950</v>
      </c>
      <c r="BF11" s="60">
        <v>301</v>
      </c>
      <c r="BG11" s="61">
        <v>230</v>
      </c>
      <c r="BH11" s="62">
        <v>531</v>
      </c>
      <c r="BI11" s="231"/>
      <c r="BJ11" s="61">
        <v>615</v>
      </c>
      <c r="BK11" s="61">
        <v>378</v>
      </c>
      <c r="BL11" s="61">
        <v>221</v>
      </c>
      <c r="BM11" s="61">
        <v>212</v>
      </c>
      <c r="BN11" s="61">
        <v>100</v>
      </c>
      <c r="BO11" s="62">
        <v>1526</v>
      </c>
      <c r="BP11" s="63">
        <v>2057</v>
      </c>
      <c r="BQ11" s="60">
        <v>173</v>
      </c>
      <c r="BR11" s="61">
        <v>121</v>
      </c>
      <c r="BS11" s="62">
        <v>294</v>
      </c>
      <c r="BT11" s="231"/>
      <c r="BU11" s="61">
        <v>410</v>
      </c>
      <c r="BV11" s="61">
        <v>296</v>
      </c>
      <c r="BW11" s="61">
        <v>193</v>
      </c>
      <c r="BX11" s="61">
        <v>162</v>
      </c>
      <c r="BY11" s="61">
        <v>75</v>
      </c>
      <c r="BZ11" s="62">
        <v>1136</v>
      </c>
      <c r="CA11" s="63">
        <v>1430</v>
      </c>
      <c r="CB11" s="60">
        <v>18</v>
      </c>
      <c r="CC11" s="61">
        <v>18</v>
      </c>
      <c r="CD11" s="62">
        <v>36</v>
      </c>
      <c r="CE11" s="231"/>
      <c r="CF11" s="61">
        <v>66</v>
      </c>
      <c r="CG11" s="61">
        <v>63</v>
      </c>
      <c r="CH11" s="61">
        <v>31</v>
      </c>
      <c r="CI11" s="61">
        <v>49</v>
      </c>
      <c r="CJ11" s="61">
        <v>28</v>
      </c>
      <c r="CK11" s="62">
        <v>237</v>
      </c>
      <c r="CL11" s="63">
        <v>273</v>
      </c>
      <c r="CM11" s="60">
        <v>1033</v>
      </c>
      <c r="CN11" s="61">
        <v>769</v>
      </c>
      <c r="CO11" s="62">
        <v>1802</v>
      </c>
      <c r="CP11" s="231"/>
      <c r="CQ11" s="61">
        <v>2368</v>
      </c>
      <c r="CR11" s="61">
        <v>1591</v>
      </c>
      <c r="CS11" s="61">
        <v>976</v>
      </c>
      <c r="CT11" s="61">
        <v>870</v>
      </c>
      <c r="CU11" s="61">
        <v>490</v>
      </c>
      <c r="CV11" s="62">
        <v>6295</v>
      </c>
      <c r="CW11" s="63">
        <v>8097</v>
      </c>
      <c r="CX11" s="113">
        <v>1934</v>
      </c>
      <c r="CY11" s="72">
        <v>2036</v>
      </c>
      <c r="CZ11" s="73">
        <v>3970</v>
      </c>
      <c r="DA11" s="228"/>
      <c r="DB11" s="72">
        <v>4347</v>
      </c>
      <c r="DC11" s="72">
        <v>2688</v>
      </c>
      <c r="DD11" s="72">
        <v>2022</v>
      </c>
      <c r="DE11" s="72">
        <v>1981</v>
      </c>
      <c r="DF11" s="72">
        <v>1180</v>
      </c>
      <c r="DG11" s="74">
        <v>12218</v>
      </c>
      <c r="DH11" s="75">
        <v>16188</v>
      </c>
      <c r="DI11" s="60">
        <v>31</v>
      </c>
      <c r="DJ11" s="61">
        <v>43</v>
      </c>
      <c r="DK11" s="62">
        <v>74</v>
      </c>
      <c r="DL11" s="231"/>
      <c r="DM11" s="61">
        <v>87</v>
      </c>
      <c r="DN11" s="61">
        <v>37</v>
      </c>
      <c r="DO11" s="61">
        <v>35</v>
      </c>
      <c r="DP11" s="61">
        <v>34</v>
      </c>
      <c r="DQ11" s="61">
        <v>39</v>
      </c>
      <c r="DR11" s="62">
        <v>232</v>
      </c>
      <c r="DS11" s="63">
        <v>306</v>
      </c>
      <c r="DT11" s="60">
        <v>133</v>
      </c>
      <c r="DU11" s="61">
        <v>113</v>
      </c>
      <c r="DV11" s="62">
        <v>246</v>
      </c>
      <c r="DW11" s="231"/>
      <c r="DX11" s="61">
        <v>242</v>
      </c>
      <c r="DY11" s="61">
        <v>163</v>
      </c>
      <c r="DZ11" s="61">
        <v>87</v>
      </c>
      <c r="EA11" s="61">
        <v>94</v>
      </c>
      <c r="EB11" s="61">
        <v>42</v>
      </c>
      <c r="EC11" s="62">
        <v>628</v>
      </c>
      <c r="ED11" s="63">
        <v>874</v>
      </c>
      <c r="EE11" s="60">
        <v>282</v>
      </c>
      <c r="EF11" s="61">
        <v>308</v>
      </c>
      <c r="EG11" s="62">
        <v>590</v>
      </c>
      <c r="EH11" s="231"/>
      <c r="EI11" s="61">
        <v>548</v>
      </c>
      <c r="EJ11" s="61">
        <v>281</v>
      </c>
      <c r="EK11" s="61">
        <v>210</v>
      </c>
      <c r="EL11" s="61">
        <v>171</v>
      </c>
      <c r="EM11" s="61">
        <v>130</v>
      </c>
      <c r="EN11" s="62">
        <v>1340</v>
      </c>
      <c r="EO11" s="63">
        <v>1930</v>
      </c>
      <c r="EP11" s="60">
        <v>607</v>
      </c>
      <c r="EQ11" s="61">
        <v>551</v>
      </c>
      <c r="ER11" s="62">
        <v>1158</v>
      </c>
      <c r="ES11" s="231"/>
      <c r="ET11" s="61">
        <v>1015</v>
      </c>
      <c r="EU11" s="61">
        <v>560</v>
      </c>
      <c r="EV11" s="61">
        <v>348</v>
      </c>
      <c r="EW11" s="61">
        <v>349</v>
      </c>
      <c r="EX11" s="61">
        <v>222</v>
      </c>
      <c r="EY11" s="62">
        <v>2494</v>
      </c>
      <c r="EZ11" s="63">
        <v>3652</v>
      </c>
      <c r="FA11" s="60">
        <v>560</v>
      </c>
      <c r="FB11" s="61">
        <v>625</v>
      </c>
      <c r="FC11" s="62">
        <v>1185</v>
      </c>
      <c r="FD11" s="231"/>
      <c r="FE11" s="61">
        <v>1288</v>
      </c>
      <c r="FF11" s="61">
        <v>742</v>
      </c>
      <c r="FG11" s="61">
        <v>544</v>
      </c>
      <c r="FH11" s="61">
        <v>507</v>
      </c>
      <c r="FI11" s="61">
        <v>292</v>
      </c>
      <c r="FJ11" s="62">
        <v>3373</v>
      </c>
      <c r="FK11" s="63">
        <v>4558</v>
      </c>
      <c r="FL11" s="60">
        <v>321</v>
      </c>
      <c r="FM11" s="61">
        <v>396</v>
      </c>
      <c r="FN11" s="62">
        <v>717</v>
      </c>
      <c r="FO11" s="231"/>
      <c r="FP11" s="61">
        <v>1167</v>
      </c>
      <c r="FQ11" s="61">
        <v>905</v>
      </c>
      <c r="FR11" s="61">
        <v>798</v>
      </c>
      <c r="FS11" s="61">
        <v>826</v>
      </c>
      <c r="FT11" s="61">
        <v>455</v>
      </c>
      <c r="FU11" s="62">
        <v>4151</v>
      </c>
      <c r="FV11" s="63">
        <v>4868</v>
      </c>
      <c r="FW11" s="60">
        <v>11</v>
      </c>
      <c r="FX11" s="61">
        <v>19</v>
      </c>
      <c r="FY11" s="62">
        <v>30</v>
      </c>
      <c r="FZ11" s="231"/>
      <c r="GA11" s="61">
        <v>74</v>
      </c>
      <c r="GB11" s="61">
        <v>58</v>
      </c>
      <c r="GC11" s="61">
        <v>31</v>
      </c>
      <c r="GD11" s="61">
        <v>25</v>
      </c>
      <c r="GE11" s="61">
        <v>25</v>
      </c>
      <c r="GF11" s="62">
        <v>213</v>
      </c>
      <c r="GG11" s="63">
        <v>243</v>
      </c>
      <c r="GH11" s="60">
        <v>1945</v>
      </c>
      <c r="GI11" s="61">
        <v>2055</v>
      </c>
      <c r="GJ11" s="62">
        <v>4000</v>
      </c>
      <c r="GK11" s="231"/>
      <c r="GL11" s="61">
        <v>4421</v>
      </c>
      <c r="GM11" s="61">
        <v>2746</v>
      </c>
      <c r="GN11" s="61">
        <v>2053</v>
      </c>
      <c r="GO11" s="61">
        <v>2006</v>
      </c>
      <c r="GP11" s="61">
        <v>1205</v>
      </c>
      <c r="GQ11" s="62">
        <v>12431</v>
      </c>
      <c r="GR11" s="63">
        <v>16431</v>
      </c>
      <c r="GS11" s="113">
        <v>2949</v>
      </c>
      <c r="GT11" s="72">
        <v>2787</v>
      </c>
      <c r="GU11" s="73">
        <v>5736</v>
      </c>
      <c r="GV11" s="228"/>
      <c r="GW11" s="72">
        <v>6649</v>
      </c>
      <c r="GX11" s="72">
        <v>4216</v>
      </c>
      <c r="GY11" s="72">
        <v>2967</v>
      </c>
      <c r="GZ11" s="72">
        <v>2802</v>
      </c>
      <c r="HA11" s="72">
        <v>1642</v>
      </c>
      <c r="HB11" s="74">
        <v>18276</v>
      </c>
      <c r="HC11" s="75">
        <v>24012</v>
      </c>
      <c r="HD11" s="60">
        <v>66</v>
      </c>
      <c r="HE11" s="61">
        <v>70</v>
      </c>
      <c r="HF11" s="62">
        <v>136</v>
      </c>
      <c r="HG11" s="231"/>
      <c r="HH11" s="61">
        <v>186</v>
      </c>
      <c r="HI11" s="61">
        <v>101</v>
      </c>
      <c r="HJ11" s="61">
        <v>71</v>
      </c>
      <c r="HK11" s="61">
        <v>80</v>
      </c>
      <c r="HL11" s="61">
        <v>66</v>
      </c>
      <c r="HM11" s="62">
        <v>504</v>
      </c>
      <c r="HN11" s="63">
        <v>640</v>
      </c>
      <c r="HO11" s="60">
        <v>215</v>
      </c>
      <c r="HP11" s="61">
        <v>190</v>
      </c>
      <c r="HQ11" s="62">
        <v>405</v>
      </c>
      <c r="HR11" s="231"/>
      <c r="HS11" s="61">
        <v>465</v>
      </c>
      <c r="HT11" s="61">
        <v>333</v>
      </c>
      <c r="HU11" s="61">
        <v>181</v>
      </c>
      <c r="HV11" s="61">
        <v>177</v>
      </c>
      <c r="HW11" s="61">
        <v>113</v>
      </c>
      <c r="HX11" s="62">
        <v>1269</v>
      </c>
      <c r="HY11" s="63">
        <v>1674</v>
      </c>
      <c r="HZ11" s="60">
        <v>428</v>
      </c>
      <c r="IA11" s="61">
        <v>434</v>
      </c>
      <c r="IB11" s="62">
        <v>862</v>
      </c>
      <c r="IC11" s="231"/>
      <c r="ID11" s="61">
        <v>933</v>
      </c>
      <c r="IE11" s="61">
        <v>518</v>
      </c>
      <c r="IF11" s="61">
        <v>370</v>
      </c>
      <c r="IG11" s="61">
        <v>294</v>
      </c>
      <c r="IH11" s="61">
        <v>206</v>
      </c>
      <c r="II11" s="62">
        <v>2321</v>
      </c>
      <c r="IJ11" s="63">
        <v>3183</v>
      </c>
      <c r="IK11" s="60">
        <v>885</v>
      </c>
      <c r="IL11" s="61">
        <v>721</v>
      </c>
      <c r="IM11" s="62">
        <v>1606</v>
      </c>
      <c r="IN11" s="231"/>
      <c r="IO11" s="61">
        <v>1585</v>
      </c>
      <c r="IP11" s="61">
        <v>943</v>
      </c>
      <c r="IQ11" s="61">
        <v>589</v>
      </c>
      <c r="IR11" s="61">
        <v>544</v>
      </c>
      <c r="IS11" s="61">
        <v>335</v>
      </c>
      <c r="IT11" s="62">
        <v>3996</v>
      </c>
      <c r="IU11" s="63">
        <v>5602</v>
      </c>
      <c r="IV11" s="60">
        <v>861</v>
      </c>
      <c r="IW11" s="61">
        <v>855</v>
      </c>
      <c r="IX11" s="62">
        <v>1716</v>
      </c>
      <c r="IY11" s="231"/>
      <c r="IZ11" s="61">
        <v>1903</v>
      </c>
      <c r="JA11" s="61">
        <v>1120</v>
      </c>
      <c r="JB11" s="61">
        <v>765</v>
      </c>
      <c r="JC11" s="61">
        <v>719</v>
      </c>
      <c r="JD11" s="61">
        <v>392</v>
      </c>
      <c r="JE11" s="62">
        <v>4899</v>
      </c>
      <c r="JF11" s="63">
        <v>6615</v>
      </c>
      <c r="JG11" s="60">
        <v>494</v>
      </c>
      <c r="JH11" s="61">
        <v>517</v>
      </c>
      <c r="JI11" s="62">
        <v>1011</v>
      </c>
      <c r="JJ11" s="231"/>
      <c r="JK11" s="61">
        <v>1577</v>
      </c>
      <c r="JL11" s="61">
        <v>1201</v>
      </c>
      <c r="JM11" s="61">
        <v>991</v>
      </c>
      <c r="JN11" s="61">
        <v>988</v>
      </c>
      <c r="JO11" s="61">
        <v>530</v>
      </c>
      <c r="JP11" s="62">
        <v>5287</v>
      </c>
      <c r="JQ11" s="63">
        <v>6298</v>
      </c>
      <c r="JR11" s="60">
        <v>29</v>
      </c>
      <c r="JS11" s="61">
        <v>37</v>
      </c>
      <c r="JT11" s="62">
        <v>66</v>
      </c>
      <c r="JU11" s="231"/>
      <c r="JV11" s="61">
        <v>140</v>
      </c>
      <c r="JW11" s="61">
        <v>121</v>
      </c>
      <c r="JX11" s="61">
        <v>62</v>
      </c>
      <c r="JY11" s="61">
        <v>74</v>
      </c>
      <c r="JZ11" s="61">
        <v>53</v>
      </c>
      <c r="KA11" s="62">
        <v>450</v>
      </c>
      <c r="KB11" s="63">
        <v>516</v>
      </c>
      <c r="KC11" s="60">
        <v>2978</v>
      </c>
      <c r="KD11" s="61">
        <v>2824</v>
      </c>
      <c r="KE11" s="62">
        <v>5802</v>
      </c>
      <c r="KF11" s="231"/>
      <c r="KG11" s="61">
        <v>6789</v>
      </c>
      <c r="KH11" s="61">
        <v>4337</v>
      </c>
      <c r="KI11" s="61">
        <v>3029</v>
      </c>
      <c r="KJ11" s="61">
        <v>2876</v>
      </c>
      <c r="KK11" s="61">
        <v>1695</v>
      </c>
      <c r="KL11" s="62">
        <v>18726</v>
      </c>
      <c r="KM11" s="63">
        <v>24528</v>
      </c>
    </row>
    <row r="12" spans="2:299" ht="21" customHeight="1" x14ac:dyDescent="0.2">
      <c r="B12" s="472" t="s">
        <v>8</v>
      </c>
      <c r="C12" s="293">
        <v>560</v>
      </c>
      <c r="D12" s="72">
        <v>394</v>
      </c>
      <c r="E12" s="73">
        <v>954</v>
      </c>
      <c r="F12" s="228"/>
      <c r="G12" s="72">
        <v>1000</v>
      </c>
      <c r="H12" s="72">
        <v>880</v>
      </c>
      <c r="I12" s="72">
        <v>638</v>
      </c>
      <c r="J12" s="72">
        <v>505</v>
      </c>
      <c r="K12" s="72">
        <v>289</v>
      </c>
      <c r="L12" s="74">
        <v>3312</v>
      </c>
      <c r="M12" s="75">
        <v>4266</v>
      </c>
      <c r="N12" s="60">
        <v>19</v>
      </c>
      <c r="O12" s="61">
        <v>25</v>
      </c>
      <c r="P12" s="62">
        <v>44</v>
      </c>
      <c r="Q12" s="231"/>
      <c r="R12" s="61">
        <v>49</v>
      </c>
      <c r="S12" s="61">
        <v>42</v>
      </c>
      <c r="T12" s="61">
        <v>28</v>
      </c>
      <c r="U12" s="61">
        <v>28</v>
      </c>
      <c r="V12" s="61">
        <v>20</v>
      </c>
      <c r="W12" s="62">
        <v>167</v>
      </c>
      <c r="X12" s="63">
        <v>211</v>
      </c>
      <c r="Y12" s="60">
        <v>50</v>
      </c>
      <c r="Z12" s="61">
        <v>55</v>
      </c>
      <c r="AA12" s="62">
        <v>105</v>
      </c>
      <c r="AB12" s="231"/>
      <c r="AC12" s="61">
        <v>95</v>
      </c>
      <c r="AD12" s="61">
        <v>99</v>
      </c>
      <c r="AE12" s="61">
        <v>62</v>
      </c>
      <c r="AF12" s="61">
        <v>74</v>
      </c>
      <c r="AG12" s="61">
        <v>46</v>
      </c>
      <c r="AH12" s="62">
        <v>376</v>
      </c>
      <c r="AI12" s="63">
        <v>481</v>
      </c>
      <c r="AJ12" s="60">
        <v>89</v>
      </c>
      <c r="AK12" s="61">
        <v>65</v>
      </c>
      <c r="AL12" s="62">
        <v>154</v>
      </c>
      <c r="AM12" s="231"/>
      <c r="AN12" s="61">
        <v>177</v>
      </c>
      <c r="AO12" s="61">
        <v>141</v>
      </c>
      <c r="AP12" s="61">
        <v>106</v>
      </c>
      <c r="AQ12" s="61">
        <v>80</v>
      </c>
      <c r="AR12" s="61">
        <v>54</v>
      </c>
      <c r="AS12" s="62">
        <v>558</v>
      </c>
      <c r="AT12" s="63">
        <v>712</v>
      </c>
      <c r="AU12" s="60">
        <v>149</v>
      </c>
      <c r="AV12" s="61">
        <v>86</v>
      </c>
      <c r="AW12" s="62">
        <v>235</v>
      </c>
      <c r="AX12" s="231"/>
      <c r="AY12" s="61">
        <v>260</v>
      </c>
      <c r="AZ12" s="61">
        <v>245</v>
      </c>
      <c r="BA12" s="61">
        <v>153</v>
      </c>
      <c r="BB12" s="61">
        <v>126</v>
      </c>
      <c r="BC12" s="61">
        <v>64</v>
      </c>
      <c r="BD12" s="62">
        <v>848</v>
      </c>
      <c r="BE12" s="63">
        <v>1083</v>
      </c>
      <c r="BF12" s="60">
        <v>152</v>
      </c>
      <c r="BG12" s="61">
        <v>90</v>
      </c>
      <c r="BH12" s="62">
        <v>242</v>
      </c>
      <c r="BI12" s="231"/>
      <c r="BJ12" s="61">
        <v>244</v>
      </c>
      <c r="BK12" s="61">
        <v>198</v>
      </c>
      <c r="BL12" s="61">
        <v>149</v>
      </c>
      <c r="BM12" s="61">
        <v>99</v>
      </c>
      <c r="BN12" s="61">
        <v>61</v>
      </c>
      <c r="BO12" s="62">
        <v>751</v>
      </c>
      <c r="BP12" s="63">
        <v>993</v>
      </c>
      <c r="BQ12" s="60">
        <v>101</v>
      </c>
      <c r="BR12" s="61">
        <v>73</v>
      </c>
      <c r="BS12" s="62">
        <v>174</v>
      </c>
      <c r="BT12" s="231"/>
      <c r="BU12" s="61">
        <v>175</v>
      </c>
      <c r="BV12" s="61">
        <v>155</v>
      </c>
      <c r="BW12" s="61">
        <v>140</v>
      </c>
      <c r="BX12" s="61">
        <v>98</v>
      </c>
      <c r="BY12" s="61">
        <v>44</v>
      </c>
      <c r="BZ12" s="62">
        <v>612</v>
      </c>
      <c r="CA12" s="63">
        <v>786</v>
      </c>
      <c r="CB12" s="60">
        <v>16</v>
      </c>
      <c r="CC12" s="61">
        <v>14</v>
      </c>
      <c r="CD12" s="62">
        <v>30</v>
      </c>
      <c r="CE12" s="231"/>
      <c r="CF12" s="61">
        <v>33</v>
      </c>
      <c r="CG12" s="61">
        <v>44</v>
      </c>
      <c r="CH12" s="61">
        <v>21</v>
      </c>
      <c r="CI12" s="61">
        <v>27</v>
      </c>
      <c r="CJ12" s="61">
        <v>10</v>
      </c>
      <c r="CK12" s="62">
        <v>135</v>
      </c>
      <c r="CL12" s="63">
        <v>165</v>
      </c>
      <c r="CM12" s="60">
        <v>576</v>
      </c>
      <c r="CN12" s="61">
        <v>408</v>
      </c>
      <c r="CO12" s="62">
        <v>984</v>
      </c>
      <c r="CP12" s="231"/>
      <c r="CQ12" s="61">
        <v>1033</v>
      </c>
      <c r="CR12" s="61">
        <v>924</v>
      </c>
      <c r="CS12" s="61">
        <v>659</v>
      </c>
      <c r="CT12" s="61">
        <v>532</v>
      </c>
      <c r="CU12" s="61">
        <v>299</v>
      </c>
      <c r="CV12" s="62">
        <v>3447</v>
      </c>
      <c r="CW12" s="63">
        <v>4431</v>
      </c>
      <c r="CX12" s="113">
        <v>1088</v>
      </c>
      <c r="CY12" s="72">
        <v>967</v>
      </c>
      <c r="CZ12" s="73">
        <v>2055</v>
      </c>
      <c r="DA12" s="228"/>
      <c r="DB12" s="72">
        <v>1742</v>
      </c>
      <c r="DC12" s="72">
        <v>1638</v>
      </c>
      <c r="DD12" s="72">
        <v>1299</v>
      </c>
      <c r="DE12" s="72">
        <v>1109</v>
      </c>
      <c r="DF12" s="72">
        <v>654</v>
      </c>
      <c r="DG12" s="74">
        <v>6442</v>
      </c>
      <c r="DH12" s="75">
        <v>8497</v>
      </c>
      <c r="DI12" s="60">
        <v>28</v>
      </c>
      <c r="DJ12" s="61">
        <v>18</v>
      </c>
      <c r="DK12" s="62">
        <v>46</v>
      </c>
      <c r="DL12" s="231"/>
      <c r="DM12" s="61">
        <v>44</v>
      </c>
      <c r="DN12" s="61">
        <v>28</v>
      </c>
      <c r="DO12" s="61">
        <v>16</v>
      </c>
      <c r="DP12" s="61">
        <v>30</v>
      </c>
      <c r="DQ12" s="61">
        <v>17</v>
      </c>
      <c r="DR12" s="62">
        <v>135</v>
      </c>
      <c r="DS12" s="63">
        <v>181</v>
      </c>
      <c r="DT12" s="60">
        <v>94</v>
      </c>
      <c r="DU12" s="61">
        <v>64</v>
      </c>
      <c r="DV12" s="62">
        <v>158</v>
      </c>
      <c r="DW12" s="231"/>
      <c r="DX12" s="61">
        <v>93</v>
      </c>
      <c r="DY12" s="61">
        <v>81</v>
      </c>
      <c r="DZ12" s="61">
        <v>59</v>
      </c>
      <c r="EA12" s="61">
        <v>55</v>
      </c>
      <c r="EB12" s="61">
        <v>43</v>
      </c>
      <c r="EC12" s="62">
        <v>331</v>
      </c>
      <c r="ED12" s="63">
        <v>489</v>
      </c>
      <c r="EE12" s="60">
        <v>146</v>
      </c>
      <c r="EF12" s="61">
        <v>154</v>
      </c>
      <c r="EG12" s="62">
        <v>300</v>
      </c>
      <c r="EH12" s="231"/>
      <c r="EI12" s="61">
        <v>205</v>
      </c>
      <c r="EJ12" s="61">
        <v>155</v>
      </c>
      <c r="EK12" s="61">
        <v>113</v>
      </c>
      <c r="EL12" s="61">
        <v>106</v>
      </c>
      <c r="EM12" s="61">
        <v>75</v>
      </c>
      <c r="EN12" s="62">
        <v>654</v>
      </c>
      <c r="EO12" s="63">
        <v>954</v>
      </c>
      <c r="EP12" s="60">
        <v>353</v>
      </c>
      <c r="EQ12" s="61">
        <v>276</v>
      </c>
      <c r="ER12" s="62">
        <v>629</v>
      </c>
      <c r="ES12" s="231"/>
      <c r="ET12" s="61">
        <v>461</v>
      </c>
      <c r="EU12" s="61">
        <v>341</v>
      </c>
      <c r="EV12" s="61">
        <v>245</v>
      </c>
      <c r="EW12" s="61">
        <v>196</v>
      </c>
      <c r="EX12" s="61">
        <v>115</v>
      </c>
      <c r="EY12" s="62">
        <v>1358</v>
      </c>
      <c r="EZ12" s="63">
        <v>1987</v>
      </c>
      <c r="FA12" s="60">
        <v>295</v>
      </c>
      <c r="FB12" s="61">
        <v>281</v>
      </c>
      <c r="FC12" s="62">
        <v>576</v>
      </c>
      <c r="FD12" s="231"/>
      <c r="FE12" s="61">
        <v>510</v>
      </c>
      <c r="FF12" s="61">
        <v>478</v>
      </c>
      <c r="FG12" s="61">
        <v>369</v>
      </c>
      <c r="FH12" s="61">
        <v>252</v>
      </c>
      <c r="FI12" s="61">
        <v>177</v>
      </c>
      <c r="FJ12" s="62">
        <v>1786</v>
      </c>
      <c r="FK12" s="63">
        <v>2362</v>
      </c>
      <c r="FL12" s="60">
        <v>172</v>
      </c>
      <c r="FM12" s="61">
        <v>174</v>
      </c>
      <c r="FN12" s="62">
        <v>346</v>
      </c>
      <c r="FO12" s="231"/>
      <c r="FP12" s="61">
        <v>429</v>
      </c>
      <c r="FQ12" s="61">
        <v>555</v>
      </c>
      <c r="FR12" s="61">
        <v>497</v>
      </c>
      <c r="FS12" s="61">
        <v>470</v>
      </c>
      <c r="FT12" s="61">
        <v>227</v>
      </c>
      <c r="FU12" s="62">
        <v>2178</v>
      </c>
      <c r="FV12" s="63">
        <v>2524</v>
      </c>
      <c r="FW12" s="60">
        <v>8</v>
      </c>
      <c r="FX12" s="61">
        <v>18</v>
      </c>
      <c r="FY12" s="62">
        <v>26</v>
      </c>
      <c r="FZ12" s="231"/>
      <c r="GA12" s="61">
        <v>20</v>
      </c>
      <c r="GB12" s="61">
        <v>39</v>
      </c>
      <c r="GC12" s="61">
        <v>15</v>
      </c>
      <c r="GD12" s="61">
        <v>18</v>
      </c>
      <c r="GE12" s="61">
        <v>14</v>
      </c>
      <c r="GF12" s="62">
        <v>106</v>
      </c>
      <c r="GG12" s="63">
        <v>132</v>
      </c>
      <c r="GH12" s="60">
        <v>1096</v>
      </c>
      <c r="GI12" s="61">
        <v>985</v>
      </c>
      <c r="GJ12" s="62">
        <v>2081</v>
      </c>
      <c r="GK12" s="231"/>
      <c r="GL12" s="61">
        <v>1762</v>
      </c>
      <c r="GM12" s="61">
        <v>1677</v>
      </c>
      <c r="GN12" s="61">
        <v>1314</v>
      </c>
      <c r="GO12" s="61">
        <v>1127</v>
      </c>
      <c r="GP12" s="61">
        <v>668</v>
      </c>
      <c r="GQ12" s="62">
        <v>6548</v>
      </c>
      <c r="GR12" s="63">
        <v>8629</v>
      </c>
      <c r="GS12" s="113">
        <v>1648</v>
      </c>
      <c r="GT12" s="72">
        <v>1361</v>
      </c>
      <c r="GU12" s="73">
        <v>3009</v>
      </c>
      <c r="GV12" s="228"/>
      <c r="GW12" s="72">
        <v>2742</v>
      </c>
      <c r="GX12" s="72">
        <v>2518</v>
      </c>
      <c r="GY12" s="72">
        <v>1937</v>
      </c>
      <c r="GZ12" s="72">
        <v>1614</v>
      </c>
      <c r="HA12" s="72">
        <v>943</v>
      </c>
      <c r="HB12" s="74">
        <v>9754</v>
      </c>
      <c r="HC12" s="75">
        <v>12763</v>
      </c>
      <c r="HD12" s="60">
        <v>47</v>
      </c>
      <c r="HE12" s="61">
        <v>43</v>
      </c>
      <c r="HF12" s="62">
        <v>90</v>
      </c>
      <c r="HG12" s="231"/>
      <c r="HH12" s="61">
        <v>93</v>
      </c>
      <c r="HI12" s="61">
        <v>70</v>
      </c>
      <c r="HJ12" s="61">
        <v>44</v>
      </c>
      <c r="HK12" s="61">
        <v>58</v>
      </c>
      <c r="HL12" s="61">
        <v>37</v>
      </c>
      <c r="HM12" s="62">
        <v>302</v>
      </c>
      <c r="HN12" s="63">
        <v>392</v>
      </c>
      <c r="HO12" s="60">
        <v>144</v>
      </c>
      <c r="HP12" s="61">
        <v>119</v>
      </c>
      <c r="HQ12" s="62">
        <v>263</v>
      </c>
      <c r="HR12" s="231"/>
      <c r="HS12" s="61">
        <v>188</v>
      </c>
      <c r="HT12" s="61">
        <v>180</v>
      </c>
      <c r="HU12" s="61">
        <v>121</v>
      </c>
      <c r="HV12" s="61">
        <v>129</v>
      </c>
      <c r="HW12" s="61">
        <v>89</v>
      </c>
      <c r="HX12" s="62">
        <v>707</v>
      </c>
      <c r="HY12" s="63">
        <v>970</v>
      </c>
      <c r="HZ12" s="60">
        <v>235</v>
      </c>
      <c r="IA12" s="61">
        <v>219</v>
      </c>
      <c r="IB12" s="62">
        <v>454</v>
      </c>
      <c r="IC12" s="231"/>
      <c r="ID12" s="61">
        <v>382</v>
      </c>
      <c r="IE12" s="61">
        <v>296</v>
      </c>
      <c r="IF12" s="61">
        <v>219</v>
      </c>
      <c r="IG12" s="61">
        <v>186</v>
      </c>
      <c r="IH12" s="61">
        <v>129</v>
      </c>
      <c r="II12" s="62">
        <v>1212</v>
      </c>
      <c r="IJ12" s="63">
        <v>1666</v>
      </c>
      <c r="IK12" s="60">
        <v>502</v>
      </c>
      <c r="IL12" s="61">
        <v>362</v>
      </c>
      <c r="IM12" s="62">
        <v>864</v>
      </c>
      <c r="IN12" s="231"/>
      <c r="IO12" s="61">
        <v>721</v>
      </c>
      <c r="IP12" s="61">
        <v>586</v>
      </c>
      <c r="IQ12" s="61">
        <v>398</v>
      </c>
      <c r="IR12" s="61">
        <v>322</v>
      </c>
      <c r="IS12" s="61">
        <v>179</v>
      </c>
      <c r="IT12" s="62">
        <v>2206</v>
      </c>
      <c r="IU12" s="63">
        <v>3070</v>
      </c>
      <c r="IV12" s="60">
        <v>447</v>
      </c>
      <c r="IW12" s="61">
        <v>371</v>
      </c>
      <c r="IX12" s="62">
        <v>818</v>
      </c>
      <c r="IY12" s="231"/>
      <c r="IZ12" s="61">
        <v>754</v>
      </c>
      <c r="JA12" s="61">
        <v>676</v>
      </c>
      <c r="JB12" s="61">
        <v>518</v>
      </c>
      <c r="JC12" s="61">
        <v>351</v>
      </c>
      <c r="JD12" s="61">
        <v>238</v>
      </c>
      <c r="JE12" s="62">
        <v>2537</v>
      </c>
      <c r="JF12" s="63">
        <v>3355</v>
      </c>
      <c r="JG12" s="60">
        <v>273</v>
      </c>
      <c r="JH12" s="61">
        <v>247</v>
      </c>
      <c r="JI12" s="62">
        <v>520</v>
      </c>
      <c r="JJ12" s="231"/>
      <c r="JK12" s="61">
        <v>604</v>
      </c>
      <c r="JL12" s="61">
        <v>710</v>
      </c>
      <c r="JM12" s="61">
        <v>637</v>
      </c>
      <c r="JN12" s="61">
        <v>568</v>
      </c>
      <c r="JO12" s="61">
        <v>271</v>
      </c>
      <c r="JP12" s="62">
        <v>2790</v>
      </c>
      <c r="JQ12" s="63">
        <v>3310</v>
      </c>
      <c r="JR12" s="60">
        <v>24</v>
      </c>
      <c r="JS12" s="61">
        <v>32</v>
      </c>
      <c r="JT12" s="62">
        <v>56</v>
      </c>
      <c r="JU12" s="231"/>
      <c r="JV12" s="61">
        <v>53</v>
      </c>
      <c r="JW12" s="61">
        <v>83</v>
      </c>
      <c r="JX12" s="61">
        <v>36</v>
      </c>
      <c r="JY12" s="61">
        <v>45</v>
      </c>
      <c r="JZ12" s="61">
        <v>24</v>
      </c>
      <c r="KA12" s="62">
        <v>241</v>
      </c>
      <c r="KB12" s="63">
        <v>297</v>
      </c>
      <c r="KC12" s="60">
        <v>1672</v>
      </c>
      <c r="KD12" s="61">
        <v>1393</v>
      </c>
      <c r="KE12" s="62">
        <v>3065</v>
      </c>
      <c r="KF12" s="231"/>
      <c r="KG12" s="61">
        <v>2795</v>
      </c>
      <c r="KH12" s="61">
        <v>2601</v>
      </c>
      <c r="KI12" s="61">
        <v>1973</v>
      </c>
      <c r="KJ12" s="61">
        <v>1659</v>
      </c>
      <c r="KK12" s="61">
        <v>967</v>
      </c>
      <c r="KL12" s="62">
        <v>9995</v>
      </c>
      <c r="KM12" s="63">
        <v>13060</v>
      </c>
    </row>
    <row r="13" spans="2:299" ht="21" customHeight="1" x14ac:dyDescent="0.2">
      <c r="B13" s="472" t="s">
        <v>9</v>
      </c>
      <c r="C13" s="293">
        <v>712</v>
      </c>
      <c r="D13" s="72">
        <v>385</v>
      </c>
      <c r="E13" s="73">
        <v>1097</v>
      </c>
      <c r="F13" s="228"/>
      <c r="G13" s="72">
        <v>840</v>
      </c>
      <c r="H13" s="72">
        <v>579</v>
      </c>
      <c r="I13" s="72">
        <v>447</v>
      </c>
      <c r="J13" s="72">
        <v>384</v>
      </c>
      <c r="K13" s="72">
        <v>230</v>
      </c>
      <c r="L13" s="74">
        <v>2480</v>
      </c>
      <c r="M13" s="75">
        <v>3577</v>
      </c>
      <c r="N13" s="60">
        <v>24</v>
      </c>
      <c r="O13" s="61">
        <v>12</v>
      </c>
      <c r="P13" s="62">
        <v>36</v>
      </c>
      <c r="Q13" s="231"/>
      <c r="R13" s="61">
        <v>24</v>
      </c>
      <c r="S13" s="61">
        <v>20</v>
      </c>
      <c r="T13" s="61">
        <v>18</v>
      </c>
      <c r="U13" s="61">
        <v>12</v>
      </c>
      <c r="V13" s="61">
        <v>11</v>
      </c>
      <c r="W13" s="62">
        <v>85</v>
      </c>
      <c r="X13" s="63">
        <v>121</v>
      </c>
      <c r="Y13" s="60">
        <v>38</v>
      </c>
      <c r="Z13" s="61">
        <v>26</v>
      </c>
      <c r="AA13" s="62">
        <v>64</v>
      </c>
      <c r="AB13" s="231"/>
      <c r="AC13" s="61">
        <v>52</v>
      </c>
      <c r="AD13" s="61">
        <v>40</v>
      </c>
      <c r="AE13" s="61">
        <v>33</v>
      </c>
      <c r="AF13" s="61">
        <v>22</v>
      </c>
      <c r="AG13" s="61">
        <v>32</v>
      </c>
      <c r="AH13" s="62">
        <v>179</v>
      </c>
      <c r="AI13" s="63">
        <v>243</v>
      </c>
      <c r="AJ13" s="60">
        <v>74</v>
      </c>
      <c r="AK13" s="61">
        <v>51</v>
      </c>
      <c r="AL13" s="62">
        <v>125</v>
      </c>
      <c r="AM13" s="231"/>
      <c r="AN13" s="61">
        <v>101</v>
      </c>
      <c r="AO13" s="61">
        <v>73</v>
      </c>
      <c r="AP13" s="61">
        <v>64</v>
      </c>
      <c r="AQ13" s="61">
        <v>56</v>
      </c>
      <c r="AR13" s="61">
        <v>38</v>
      </c>
      <c r="AS13" s="62">
        <v>332</v>
      </c>
      <c r="AT13" s="63">
        <v>457</v>
      </c>
      <c r="AU13" s="60">
        <v>190</v>
      </c>
      <c r="AV13" s="61">
        <v>78</v>
      </c>
      <c r="AW13" s="62">
        <v>268</v>
      </c>
      <c r="AX13" s="231"/>
      <c r="AY13" s="61">
        <v>201</v>
      </c>
      <c r="AZ13" s="61">
        <v>132</v>
      </c>
      <c r="BA13" s="61">
        <v>82</v>
      </c>
      <c r="BB13" s="61">
        <v>66</v>
      </c>
      <c r="BC13" s="61">
        <v>47</v>
      </c>
      <c r="BD13" s="62">
        <v>528</v>
      </c>
      <c r="BE13" s="63">
        <v>796</v>
      </c>
      <c r="BF13" s="60">
        <v>215</v>
      </c>
      <c r="BG13" s="61">
        <v>135</v>
      </c>
      <c r="BH13" s="62">
        <v>350</v>
      </c>
      <c r="BI13" s="231"/>
      <c r="BJ13" s="61">
        <v>240</v>
      </c>
      <c r="BK13" s="61">
        <v>153</v>
      </c>
      <c r="BL13" s="61">
        <v>112</v>
      </c>
      <c r="BM13" s="61">
        <v>117</v>
      </c>
      <c r="BN13" s="61">
        <v>49</v>
      </c>
      <c r="BO13" s="62">
        <v>671</v>
      </c>
      <c r="BP13" s="63">
        <v>1021</v>
      </c>
      <c r="BQ13" s="60">
        <v>171</v>
      </c>
      <c r="BR13" s="61">
        <v>83</v>
      </c>
      <c r="BS13" s="62">
        <v>254</v>
      </c>
      <c r="BT13" s="231"/>
      <c r="BU13" s="61">
        <v>222</v>
      </c>
      <c r="BV13" s="61">
        <v>161</v>
      </c>
      <c r="BW13" s="61">
        <v>138</v>
      </c>
      <c r="BX13" s="61">
        <v>111</v>
      </c>
      <c r="BY13" s="61">
        <v>53</v>
      </c>
      <c r="BZ13" s="62">
        <v>685</v>
      </c>
      <c r="CA13" s="63">
        <v>939</v>
      </c>
      <c r="CB13" s="60">
        <v>4</v>
      </c>
      <c r="CC13" s="61">
        <v>14</v>
      </c>
      <c r="CD13" s="62">
        <v>18</v>
      </c>
      <c r="CE13" s="231"/>
      <c r="CF13" s="61">
        <v>25</v>
      </c>
      <c r="CG13" s="61">
        <v>26</v>
      </c>
      <c r="CH13" s="61">
        <v>19</v>
      </c>
      <c r="CI13" s="61">
        <v>14</v>
      </c>
      <c r="CJ13" s="61">
        <v>9</v>
      </c>
      <c r="CK13" s="62">
        <v>93</v>
      </c>
      <c r="CL13" s="63">
        <v>111</v>
      </c>
      <c r="CM13" s="60">
        <v>716</v>
      </c>
      <c r="CN13" s="61">
        <v>399</v>
      </c>
      <c r="CO13" s="62">
        <v>1115</v>
      </c>
      <c r="CP13" s="231"/>
      <c r="CQ13" s="61">
        <v>865</v>
      </c>
      <c r="CR13" s="61">
        <v>605</v>
      </c>
      <c r="CS13" s="61">
        <v>466</v>
      </c>
      <c r="CT13" s="61">
        <v>398</v>
      </c>
      <c r="CU13" s="61">
        <v>239</v>
      </c>
      <c r="CV13" s="62">
        <v>2573</v>
      </c>
      <c r="CW13" s="63">
        <v>3688</v>
      </c>
      <c r="CX13" s="113">
        <v>1413</v>
      </c>
      <c r="CY13" s="72">
        <v>984</v>
      </c>
      <c r="CZ13" s="73">
        <v>2397</v>
      </c>
      <c r="DA13" s="228"/>
      <c r="DB13" s="72">
        <v>1739</v>
      </c>
      <c r="DC13" s="72">
        <v>1129</v>
      </c>
      <c r="DD13" s="72">
        <v>945</v>
      </c>
      <c r="DE13" s="72">
        <v>1032</v>
      </c>
      <c r="DF13" s="72">
        <v>744</v>
      </c>
      <c r="DG13" s="74">
        <v>5589</v>
      </c>
      <c r="DH13" s="75">
        <v>7986</v>
      </c>
      <c r="DI13" s="60">
        <v>22</v>
      </c>
      <c r="DJ13" s="61">
        <v>18</v>
      </c>
      <c r="DK13" s="62">
        <v>40</v>
      </c>
      <c r="DL13" s="231"/>
      <c r="DM13" s="61">
        <v>12</v>
      </c>
      <c r="DN13" s="61">
        <v>16</v>
      </c>
      <c r="DO13" s="61">
        <v>14</v>
      </c>
      <c r="DP13" s="61">
        <v>5</v>
      </c>
      <c r="DQ13" s="61">
        <v>16</v>
      </c>
      <c r="DR13" s="62">
        <v>63</v>
      </c>
      <c r="DS13" s="63">
        <v>103</v>
      </c>
      <c r="DT13" s="60">
        <v>69</v>
      </c>
      <c r="DU13" s="61">
        <v>51</v>
      </c>
      <c r="DV13" s="62">
        <v>120</v>
      </c>
      <c r="DW13" s="231"/>
      <c r="DX13" s="61">
        <v>67</v>
      </c>
      <c r="DY13" s="61">
        <v>37</v>
      </c>
      <c r="DZ13" s="61">
        <v>27</v>
      </c>
      <c r="EA13" s="61">
        <v>27</v>
      </c>
      <c r="EB13" s="61">
        <v>20</v>
      </c>
      <c r="EC13" s="62">
        <v>178</v>
      </c>
      <c r="ED13" s="63">
        <v>298</v>
      </c>
      <c r="EE13" s="60">
        <v>201</v>
      </c>
      <c r="EF13" s="61">
        <v>141</v>
      </c>
      <c r="EG13" s="62">
        <v>342</v>
      </c>
      <c r="EH13" s="231"/>
      <c r="EI13" s="61">
        <v>167</v>
      </c>
      <c r="EJ13" s="61">
        <v>94</v>
      </c>
      <c r="EK13" s="61">
        <v>78</v>
      </c>
      <c r="EL13" s="61">
        <v>65</v>
      </c>
      <c r="EM13" s="61">
        <v>71</v>
      </c>
      <c r="EN13" s="62">
        <v>475</v>
      </c>
      <c r="EO13" s="63">
        <v>817</v>
      </c>
      <c r="EP13" s="60">
        <v>395</v>
      </c>
      <c r="EQ13" s="61">
        <v>237</v>
      </c>
      <c r="ER13" s="62">
        <v>632</v>
      </c>
      <c r="ES13" s="231"/>
      <c r="ET13" s="61">
        <v>373</v>
      </c>
      <c r="EU13" s="61">
        <v>204</v>
      </c>
      <c r="EV13" s="61">
        <v>131</v>
      </c>
      <c r="EW13" s="61">
        <v>166</v>
      </c>
      <c r="EX13" s="61">
        <v>114</v>
      </c>
      <c r="EY13" s="62">
        <v>988</v>
      </c>
      <c r="EZ13" s="63">
        <v>1620</v>
      </c>
      <c r="FA13" s="60">
        <v>452</v>
      </c>
      <c r="FB13" s="61">
        <v>295</v>
      </c>
      <c r="FC13" s="62">
        <v>747</v>
      </c>
      <c r="FD13" s="231"/>
      <c r="FE13" s="61">
        <v>512</v>
      </c>
      <c r="FF13" s="61">
        <v>331</v>
      </c>
      <c r="FG13" s="61">
        <v>239</v>
      </c>
      <c r="FH13" s="61">
        <v>238</v>
      </c>
      <c r="FI13" s="61">
        <v>189</v>
      </c>
      <c r="FJ13" s="62">
        <v>1509</v>
      </c>
      <c r="FK13" s="63">
        <v>2256</v>
      </c>
      <c r="FL13" s="60">
        <v>274</v>
      </c>
      <c r="FM13" s="61">
        <v>242</v>
      </c>
      <c r="FN13" s="62">
        <v>516</v>
      </c>
      <c r="FO13" s="231"/>
      <c r="FP13" s="61">
        <v>608</v>
      </c>
      <c r="FQ13" s="61">
        <v>447</v>
      </c>
      <c r="FR13" s="61">
        <v>456</v>
      </c>
      <c r="FS13" s="61">
        <v>531</v>
      </c>
      <c r="FT13" s="61">
        <v>334</v>
      </c>
      <c r="FU13" s="62">
        <v>2376</v>
      </c>
      <c r="FV13" s="63">
        <v>2892</v>
      </c>
      <c r="FW13" s="60">
        <v>6</v>
      </c>
      <c r="FX13" s="61">
        <v>19</v>
      </c>
      <c r="FY13" s="62">
        <v>25</v>
      </c>
      <c r="FZ13" s="231"/>
      <c r="GA13" s="61">
        <v>13</v>
      </c>
      <c r="GB13" s="61">
        <v>17</v>
      </c>
      <c r="GC13" s="61">
        <v>12</v>
      </c>
      <c r="GD13" s="61">
        <v>15</v>
      </c>
      <c r="GE13" s="61">
        <v>11</v>
      </c>
      <c r="GF13" s="62">
        <v>68</v>
      </c>
      <c r="GG13" s="63">
        <v>93</v>
      </c>
      <c r="GH13" s="60">
        <v>1419</v>
      </c>
      <c r="GI13" s="61">
        <v>1003</v>
      </c>
      <c r="GJ13" s="62">
        <v>2422</v>
      </c>
      <c r="GK13" s="231"/>
      <c r="GL13" s="61">
        <v>1752</v>
      </c>
      <c r="GM13" s="61">
        <v>1146</v>
      </c>
      <c r="GN13" s="61">
        <v>957</v>
      </c>
      <c r="GO13" s="61">
        <v>1047</v>
      </c>
      <c r="GP13" s="61">
        <v>755</v>
      </c>
      <c r="GQ13" s="62">
        <v>5657</v>
      </c>
      <c r="GR13" s="63">
        <v>8079</v>
      </c>
      <c r="GS13" s="113">
        <v>2125</v>
      </c>
      <c r="GT13" s="72">
        <v>1369</v>
      </c>
      <c r="GU13" s="73">
        <v>3494</v>
      </c>
      <c r="GV13" s="228"/>
      <c r="GW13" s="72">
        <v>2579</v>
      </c>
      <c r="GX13" s="72">
        <v>1708</v>
      </c>
      <c r="GY13" s="72">
        <v>1392</v>
      </c>
      <c r="GZ13" s="72">
        <v>1416</v>
      </c>
      <c r="HA13" s="72">
        <v>974</v>
      </c>
      <c r="HB13" s="74">
        <v>8069</v>
      </c>
      <c r="HC13" s="75">
        <v>11563</v>
      </c>
      <c r="HD13" s="60">
        <v>46</v>
      </c>
      <c r="HE13" s="61">
        <v>30</v>
      </c>
      <c r="HF13" s="62">
        <v>76</v>
      </c>
      <c r="HG13" s="231"/>
      <c r="HH13" s="61">
        <v>36</v>
      </c>
      <c r="HI13" s="61">
        <v>36</v>
      </c>
      <c r="HJ13" s="61">
        <v>32</v>
      </c>
      <c r="HK13" s="61">
        <v>17</v>
      </c>
      <c r="HL13" s="61">
        <v>27</v>
      </c>
      <c r="HM13" s="62">
        <v>148</v>
      </c>
      <c r="HN13" s="63">
        <v>224</v>
      </c>
      <c r="HO13" s="60">
        <v>107</v>
      </c>
      <c r="HP13" s="61">
        <v>77</v>
      </c>
      <c r="HQ13" s="62">
        <v>184</v>
      </c>
      <c r="HR13" s="231"/>
      <c r="HS13" s="61">
        <v>119</v>
      </c>
      <c r="HT13" s="61">
        <v>77</v>
      </c>
      <c r="HU13" s="61">
        <v>60</v>
      </c>
      <c r="HV13" s="61">
        <v>49</v>
      </c>
      <c r="HW13" s="61">
        <v>52</v>
      </c>
      <c r="HX13" s="62">
        <v>357</v>
      </c>
      <c r="HY13" s="63">
        <v>541</v>
      </c>
      <c r="HZ13" s="60">
        <v>275</v>
      </c>
      <c r="IA13" s="61">
        <v>192</v>
      </c>
      <c r="IB13" s="62">
        <v>467</v>
      </c>
      <c r="IC13" s="231"/>
      <c r="ID13" s="61">
        <v>268</v>
      </c>
      <c r="IE13" s="61">
        <v>167</v>
      </c>
      <c r="IF13" s="61">
        <v>142</v>
      </c>
      <c r="IG13" s="61">
        <v>121</v>
      </c>
      <c r="IH13" s="61">
        <v>109</v>
      </c>
      <c r="II13" s="62">
        <v>807</v>
      </c>
      <c r="IJ13" s="63">
        <v>1274</v>
      </c>
      <c r="IK13" s="60">
        <v>585</v>
      </c>
      <c r="IL13" s="61">
        <v>315</v>
      </c>
      <c r="IM13" s="62">
        <v>900</v>
      </c>
      <c r="IN13" s="231"/>
      <c r="IO13" s="61">
        <v>574</v>
      </c>
      <c r="IP13" s="61">
        <v>336</v>
      </c>
      <c r="IQ13" s="61">
        <v>213</v>
      </c>
      <c r="IR13" s="61">
        <v>232</v>
      </c>
      <c r="IS13" s="61">
        <v>161</v>
      </c>
      <c r="IT13" s="62">
        <v>1516</v>
      </c>
      <c r="IU13" s="63">
        <v>2416</v>
      </c>
      <c r="IV13" s="60">
        <v>667</v>
      </c>
      <c r="IW13" s="61">
        <v>430</v>
      </c>
      <c r="IX13" s="62">
        <v>1097</v>
      </c>
      <c r="IY13" s="231"/>
      <c r="IZ13" s="61">
        <v>752</v>
      </c>
      <c r="JA13" s="61">
        <v>484</v>
      </c>
      <c r="JB13" s="61">
        <v>351</v>
      </c>
      <c r="JC13" s="61">
        <v>355</v>
      </c>
      <c r="JD13" s="61">
        <v>238</v>
      </c>
      <c r="JE13" s="62">
        <v>2180</v>
      </c>
      <c r="JF13" s="63">
        <v>3277</v>
      </c>
      <c r="JG13" s="60">
        <v>445</v>
      </c>
      <c r="JH13" s="61">
        <v>325</v>
      </c>
      <c r="JI13" s="62">
        <v>770</v>
      </c>
      <c r="JJ13" s="231"/>
      <c r="JK13" s="61">
        <v>830</v>
      </c>
      <c r="JL13" s="61">
        <v>608</v>
      </c>
      <c r="JM13" s="61">
        <v>594</v>
      </c>
      <c r="JN13" s="61">
        <v>642</v>
      </c>
      <c r="JO13" s="61">
        <v>387</v>
      </c>
      <c r="JP13" s="62">
        <v>3061</v>
      </c>
      <c r="JQ13" s="63">
        <v>3831</v>
      </c>
      <c r="JR13" s="60">
        <v>10</v>
      </c>
      <c r="JS13" s="61">
        <v>33</v>
      </c>
      <c r="JT13" s="62">
        <v>43</v>
      </c>
      <c r="JU13" s="231"/>
      <c r="JV13" s="61">
        <v>38</v>
      </c>
      <c r="JW13" s="61">
        <v>43</v>
      </c>
      <c r="JX13" s="61">
        <v>31</v>
      </c>
      <c r="JY13" s="61">
        <v>29</v>
      </c>
      <c r="JZ13" s="61">
        <v>20</v>
      </c>
      <c r="KA13" s="62">
        <v>161</v>
      </c>
      <c r="KB13" s="63">
        <v>204</v>
      </c>
      <c r="KC13" s="60">
        <v>2135</v>
      </c>
      <c r="KD13" s="61">
        <v>1402</v>
      </c>
      <c r="KE13" s="62">
        <v>3537</v>
      </c>
      <c r="KF13" s="231"/>
      <c r="KG13" s="61">
        <v>2617</v>
      </c>
      <c r="KH13" s="61">
        <v>1751</v>
      </c>
      <c r="KI13" s="61">
        <v>1423</v>
      </c>
      <c r="KJ13" s="61">
        <v>1445</v>
      </c>
      <c r="KK13" s="61">
        <v>994</v>
      </c>
      <c r="KL13" s="62">
        <v>8230</v>
      </c>
      <c r="KM13" s="63">
        <v>11767</v>
      </c>
    </row>
    <row r="14" spans="2:299" ht="21" customHeight="1" x14ac:dyDescent="0.2">
      <c r="B14" s="472" t="s">
        <v>10</v>
      </c>
      <c r="C14" s="293">
        <v>1503</v>
      </c>
      <c r="D14" s="72">
        <v>993</v>
      </c>
      <c r="E14" s="73">
        <v>2496</v>
      </c>
      <c r="F14" s="228"/>
      <c r="G14" s="72">
        <v>1739</v>
      </c>
      <c r="H14" s="72">
        <v>1049</v>
      </c>
      <c r="I14" s="72">
        <v>690</v>
      </c>
      <c r="J14" s="72">
        <v>633</v>
      </c>
      <c r="K14" s="72">
        <v>437</v>
      </c>
      <c r="L14" s="74">
        <v>4548</v>
      </c>
      <c r="M14" s="75">
        <v>7044</v>
      </c>
      <c r="N14" s="60">
        <v>64</v>
      </c>
      <c r="O14" s="61">
        <v>61</v>
      </c>
      <c r="P14" s="62">
        <v>125</v>
      </c>
      <c r="Q14" s="231"/>
      <c r="R14" s="61">
        <v>75</v>
      </c>
      <c r="S14" s="61">
        <v>49</v>
      </c>
      <c r="T14" s="61">
        <v>25</v>
      </c>
      <c r="U14" s="61">
        <v>39</v>
      </c>
      <c r="V14" s="61">
        <v>23</v>
      </c>
      <c r="W14" s="62">
        <v>211</v>
      </c>
      <c r="X14" s="63">
        <v>336</v>
      </c>
      <c r="Y14" s="60">
        <v>145</v>
      </c>
      <c r="Z14" s="61">
        <v>108</v>
      </c>
      <c r="AA14" s="62">
        <v>253</v>
      </c>
      <c r="AB14" s="231"/>
      <c r="AC14" s="61">
        <v>168</v>
      </c>
      <c r="AD14" s="61">
        <v>113</v>
      </c>
      <c r="AE14" s="61">
        <v>77</v>
      </c>
      <c r="AF14" s="61">
        <v>57</v>
      </c>
      <c r="AG14" s="61">
        <v>64</v>
      </c>
      <c r="AH14" s="62">
        <v>479</v>
      </c>
      <c r="AI14" s="63">
        <v>732</v>
      </c>
      <c r="AJ14" s="60">
        <v>215</v>
      </c>
      <c r="AK14" s="61">
        <v>172</v>
      </c>
      <c r="AL14" s="62">
        <v>387</v>
      </c>
      <c r="AM14" s="231"/>
      <c r="AN14" s="61">
        <v>297</v>
      </c>
      <c r="AO14" s="61">
        <v>165</v>
      </c>
      <c r="AP14" s="61">
        <v>101</v>
      </c>
      <c r="AQ14" s="61">
        <v>102</v>
      </c>
      <c r="AR14" s="61">
        <v>74</v>
      </c>
      <c r="AS14" s="62">
        <v>739</v>
      </c>
      <c r="AT14" s="63">
        <v>1126</v>
      </c>
      <c r="AU14" s="60">
        <v>385</v>
      </c>
      <c r="AV14" s="61">
        <v>226</v>
      </c>
      <c r="AW14" s="62">
        <v>611</v>
      </c>
      <c r="AX14" s="231"/>
      <c r="AY14" s="61">
        <v>429</v>
      </c>
      <c r="AZ14" s="61">
        <v>253</v>
      </c>
      <c r="BA14" s="61">
        <v>139</v>
      </c>
      <c r="BB14" s="61">
        <v>130</v>
      </c>
      <c r="BC14" s="61">
        <v>103</v>
      </c>
      <c r="BD14" s="62">
        <v>1054</v>
      </c>
      <c r="BE14" s="63">
        <v>1665</v>
      </c>
      <c r="BF14" s="60">
        <v>435</v>
      </c>
      <c r="BG14" s="61">
        <v>269</v>
      </c>
      <c r="BH14" s="62">
        <v>704</v>
      </c>
      <c r="BI14" s="231"/>
      <c r="BJ14" s="61">
        <v>453</v>
      </c>
      <c r="BK14" s="61">
        <v>267</v>
      </c>
      <c r="BL14" s="61">
        <v>170</v>
      </c>
      <c r="BM14" s="61">
        <v>145</v>
      </c>
      <c r="BN14" s="61">
        <v>95</v>
      </c>
      <c r="BO14" s="62">
        <v>1130</v>
      </c>
      <c r="BP14" s="63">
        <v>1834</v>
      </c>
      <c r="BQ14" s="60">
        <v>259</v>
      </c>
      <c r="BR14" s="61">
        <v>157</v>
      </c>
      <c r="BS14" s="62">
        <v>416</v>
      </c>
      <c r="BT14" s="231"/>
      <c r="BU14" s="61">
        <v>317</v>
      </c>
      <c r="BV14" s="61">
        <v>202</v>
      </c>
      <c r="BW14" s="61">
        <v>178</v>
      </c>
      <c r="BX14" s="61">
        <v>160</v>
      </c>
      <c r="BY14" s="61">
        <v>78</v>
      </c>
      <c r="BZ14" s="62">
        <v>935</v>
      </c>
      <c r="CA14" s="63">
        <v>1351</v>
      </c>
      <c r="CB14" s="60">
        <v>54</v>
      </c>
      <c r="CC14" s="61">
        <v>31</v>
      </c>
      <c r="CD14" s="62">
        <v>85</v>
      </c>
      <c r="CE14" s="231"/>
      <c r="CF14" s="61">
        <v>72</v>
      </c>
      <c r="CG14" s="61">
        <v>52</v>
      </c>
      <c r="CH14" s="61">
        <v>32</v>
      </c>
      <c r="CI14" s="61">
        <v>28</v>
      </c>
      <c r="CJ14" s="61">
        <v>38</v>
      </c>
      <c r="CK14" s="62">
        <v>222</v>
      </c>
      <c r="CL14" s="63">
        <v>307</v>
      </c>
      <c r="CM14" s="60">
        <v>1557</v>
      </c>
      <c r="CN14" s="61">
        <v>1024</v>
      </c>
      <c r="CO14" s="62">
        <v>2581</v>
      </c>
      <c r="CP14" s="231"/>
      <c r="CQ14" s="61">
        <v>1811</v>
      </c>
      <c r="CR14" s="61">
        <v>1101</v>
      </c>
      <c r="CS14" s="61">
        <v>722</v>
      </c>
      <c r="CT14" s="61">
        <v>661</v>
      </c>
      <c r="CU14" s="61">
        <v>475</v>
      </c>
      <c r="CV14" s="62">
        <v>4770</v>
      </c>
      <c r="CW14" s="63">
        <v>7351</v>
      </c>
      <c r="CX14" s="113">
        <v>3090</v>
      </c>
      <c r="CY14" s="72">
        <v>2221</v>
      </c>
      <c r="CZ14" s="73">
        <v>5311</v>
      </c>
      <c r="DA14" s="228"/>
      <c r="DB14" s="72">
        <v>3284</v>
      </c>
      <c r="DC14" s="72">
        <v>1789</v>
      </c>
      <c r="DD14" s="72">
        <v>1493</v>
      </c>
      <c r="DE14" s="72">
        <v>1547</v>
      </c>
      <c r="DF14" s="72">
        <v>1236</v>
      </c>
      <c r="DG14" s="74">
        <v>9349</v>
      </c>
      <c r="DH14" s="75">
        <v>14660</v>
      </c>
      <c r="DI14" s="60">
        <v>59</v>
      </c>
      <c r="DJ14" s="61">
        <v>56</v>
      </c>
      <c r="DK14" s="62">
        <v>115</v>
      </c>
      <c r="DL14" s="231"/>
      <c r="DM14" s="61">
        <v>74</v>
      </c>
      <c r="DN14" s="61">
        <v>32</v>
      </c>
      <c r="DO14" s="61">
        <v>20</v>
      </c>
      <c r="DP14" s="61">
        <v>25</v>
      </c>
      <c r="DQ14" s="61">
        <v>22</v>
      </c>
      <c r="DR14" s="62">
        <v>173</v>
      </c>
      <c r="DS14" s="63">
        <v>288</v>
      </c>
      <c r="DT14" s="60">
        <v>185</v>
      </c>
      <c r="DU14" s="61">
        <v>129</v>
      </c>
      <c r="DV14" s="62">
        <v>314</v>
      </c>
      <c r="DW14" s="231"/>
      <c r="DX14" s="61">
        <v>187</v>
      </c>
      <c r="DY14" s="61">
        <v>90</v>
      </c>
      <c r="DZ14" s="61">
        <v>49</v>
      </c>
      <c r="EA14" s="61">
        <v>57</v>
      </c>
      <c r="EB14" s="61">
        <v>59</v>
      </c>
      <c r="EC14" s="62">
        <v>442</v>
      </c>
      <c r="ED14" s="63">
        <v>756</v>
      </c>
      <c r="EE14" s="60">
        <v>469</v>
      </c>
      <c r="EF14" s="61">
        <v>293</v>
      </c>
      <c r="EG14" s="62">
        <v>762</v>
      </c>
      <c r="EH14" s="231"/>
      <c r="EI14" s="61">
        <v>392</v>
      </c>
      <c r="EJ14" s="61">
        <v>192</v>
      </c>
      <c r="EK14" s="61">
        <v>137</v>
      </c>
      <c r="EL14" s="61">
        <v>116</v>
      </c>
      <c r="EM14" s="61">
        <v>115</v>
      </c>
      <c r="EN14" s="62">
        <v>952</v>
      </c>
      <c r="EO14" s="63">
        <v>1714</v>
      </c>
      <c r="EP14" s="60">
        <v>902</v>
      </c>
      <c r="EQ14" s="61">
        <v>594</v>
      </c>
      <c r="ER14" s="62">
        <v>1496</v>
      </c>
      <c r="ES14" s="231"/>
      <c r="ET14" s="61">
        <v>692</v>
      </c>
      <c r="EU14" s="61">
        <v>344</v>
      </c>
      <c r="EV14" s="61">
        <v>254</v>
      </c>
      <c r="EW14" s="61">
        <v>253</v>
      </c>
      <c r="EX14" s="61">
        <v>216</v>
      </c>
      <c r="EY14" s="62">
        <v>1759</v>
      </c>
      <c r="EZ14" s="63">
        <v>3255</v>
      </c>
      <c r="FA14" s="60">
        <v>968</v>
      </c>
      <c r="FB14" s="61">
        <v>653</v>
      </c>
      <c r="FC14" s="62">
        <v>1621</v>
      </c>
      <c r="FD14" s="231"/>
      <c r="FE14" s="61">
        <v>1002</v>
      </c>
      <c r="FF14" s="61">
        <v>492</v>
      </c>
      <c r="FG14" s="61">
        <v>430</v>
      </c>
      <c r="FH14" s="61">
        <v>382</v>
      </c>
      <c r="FI14" s="61">
        <v>312</v>
      </c>
      <c r="FJ14" s="62">
        <v>2618</v>
      </c>
      <c r="FK14" s="63">
        <v>4239</v>
      </c>
      <c r="FL14" s="60">
        <v>507</v>
      </c>
      <c r="FM14" s="61">
        <v>496</v>
      </c>
      <c r="FN14" s="62">
        <v>1003</v>
      </c>
      <c r="FO14" s="231"/>
      <c r="FP14" s="61">
        <v>937</v>
      </c>
      <c r="FQ14" s="61">
        <v>639</v>
      </c>
      <c r="FR14" s="61">
        <v>603</v>
      </c>
      <c r="FS14" s="61">
        <v>714</v>
      </c>
      <c r="FT14" s="61">
        <v>512</v>
      </c>
      <c r="FU14" s="62">
        <v>3405</v>
      </c>
      <c r="FV14" s="63">
        <v>4408</v>
      </c>
      <c r="FW14" s="60">
        <v>33</v>
      </c>
      <c r="FX14" s="61">
        <v>42</v>
      </c>
      <c r="FY14" s="62">
        <v>75</v>
      </c>
      <c r="FZ14" s="231"/>
      <c r="GA14" s="61">
        <v>61</v>
      </c>
      <c r="GB14" s="61">
        <v>36</v>
      </c>
      <c r="GC14" s="61">
        <v>22</v>
      </c>
      <c r="GD14" s="61">
        <v>23</v>
      </c>
      <c r="GE14" s="61">
        <v>26</v>
      </c>
      <c r="GF14" s="62">
        <v>168</v>
      </c>
      <c r="GG14" s="63">
        <v>243</v>
      </c>
      <c r="GH14" s="60">
        <v>3123</v>
      </c>
      <c r="GI14" s="61">
        <v>2263</v>
      </c>
      <c r="GJ14" s="62">
        <v>5386</v>
      </c>
      <c r="GK14" s="231"/>
      <c r="GL14" s="61">
        <v>3345</v>
      </c>
      <c r="GM14" s="61">
        <v>1825</v>
      </c>
      <c r="GN14" s="61">
        <v>1515</v>
      </c>
      <c r="GO14" s="61">
        <v>1570</v>
      </c>
      <c r="GP14" s="61">
        <v>1262</v>
      </c>
      <c r="GQ14" s="62">
        <v>9517</v>
      </c>
      <c r="GR14" s="63">
        <v>14903</v>
      </c>
      <c r="GS14" s="113">
        <v>4593</v>
      </c>
      <c r="GT14" s="72">
        <v>3214</v>
      </c>
      <c r="GU14" s="73">
        <v>7807</v>
      </c>
      <c r="GV14" s="228"/>
      <c r="GW14" s="72">
        <v>5023</v>
      </c>
      <c r="GX14" s="72">
        <v>2838</v>
      </c>
      <c r="GY14" s="72">
        <v>2183</v>
      </c>
      <c r="GZ14" s="72">
        <v>2180</v>
      </c>
      <c r="HA14" s="72">
        <v>1673</v>
      </c>
      <c r="HB14" s="74">
        <v>13897</v>
      </c>
      <c r="HC14" s="75">
        <v>21704</v>
      </c>
      <c r="HD14" s="60">
        <v>123</v>
      </c>
      <c r="HE14" s="61">
        <v>117</v>
      </c>
      <c r="HF14" s="62">
        <v>240</v>
      </c>
      <c r="HG14" s="231"/>
      <c r="HH14" s="61">
        <v>149</v>
      </c>
      <c r="HI14" s="61">
        <v>81</v>
      </c>
      <c r="HJ14" s="61">
        <v>45</v>
      </c>
      <c r="HK14" s="61">
        <v>64</v>
      </c>
      <c r="HL14" s="61">
        <v>45</v>
      </c>
      <c r="HM14" s="62">
        <v>384</v>
      </c>
      <c r="HN14" s="63">
        <v>624</v>
      </c>
      <c r="HO14" s="60">
        <v>330</v>
      </c>
      <c r="HP14" s="61">
        <v>237</v>
      </c>
      <c r="HQ14" s="62">
        <v>567</v>
      </c>
      <c r="HR14" s="231"/>
      <c r="HS14" s="61">
        <v>355</v>
      </c>
      <c r="HT14" s="61">
        <v>203</v>
      </c>
      <c r="HU14" s="61">
        <v>126</v>
      </c>
      <c r="HV14" s="61">
        <v>114</v>
      </c>
      <c r="HW14" s="61">
        <v>123</v>
      </c>
      <c r="HX14" s="62">
        <v>921</v>
      </c>
      <c r="HY14" s="63">
        <v>1488</v>
      </c>
      <c r="HZ14" s="60">
        <v>684</v>
      </c>
      <c r="IA14" s="61">
        <v>465</v>
      </c>
      <c r="IB14" s="62">
        <v>1149</v>
      </c>
      <c r="IC14" s="231"/>
      <c r="ID14" s="61">
        <v>689</v>
      </c>
      <c r="IE14" s="61">
        <v>357</v>
      </c>
      <c r="IF14" s="61">
        <v>238</v>
      </c>
      <c r="IG14" s="61">
        <v>218</v>
      </c>
      <c r="IH14" s="61">
        <v>189</v>
      </c>
      <c r="II14" s="62">
        <v>1691</v>
      </c>
      <c r="IJ14" s="63">
        <v>2840</v>
      </c>
      <c r="IK14" s="60">
        <v>1287</v>
      </c>
      <c r="IL14" s="61">
        <v>820</v>
      </c>
      <c r="IM14" s="62">
        <v>2107</v>
      </c>
      <c r="IN14" s="231"/>
      <c r="IO14" s="61">
        <v>1121</v>
      </c>
      <c r="IP14" s="61">
        <v>597</v>
      </c>
      <c r="IQ14" s="61">
        <v>393</v>
      </c>
      <c r="IR14" s="61">
        <v>383</v>
      </c>
      <c r="IS14" s="61">
        <v>319</v>
      </c>
      <c r="IT14" s="62">
        <v>2813</v>
      </c>
      <c r="IU14" s="63">
        <v>4920</v>
      </c>
      <c r="IV14" s="60">
        <v>1403</v>
      </c>
      <c r="IW14" s="61">
        <v>922</v>
      </c>
      <c r="IX14" s="62">
        <v>2325</v>
      </c>
      <c r="IY14" s="231"/>
      <c r="IZ14" s="61">
        <v>1455</v>
      </c>
      <c r="JA14" s="61">
        <v>759</v>
      </c>
      <c r="JB14" s="61">
        <v>600</v>
      </c>
      <c r="JC14" s="61">
        <v>527</v>
      </c>
      <c r="JD14" s="61">
        <v>407</v>
      </c>
      <c r="JE14" s="62">
        <v>3748</v>
      </c>
      <c r="JF14" s="63">
        <v>6073</v>
      </c>
      <c r="JG14" s="60">
        <v>766</v>
      </c>
      <c r="JH14" s="61">
        <v>653</v>
      </c>
      <c r="JI14" s="62">
        <v>1419</v>
      </c>
      <c r="JJ14" s="231"/>
      <c r="JK14" s="61">
        <v>1254</v>
      </c>
      <c r="JL14" s="61">
        <v>841</v>
      </c>
      <c r="JM14" s="61">
        <v>781</v>
      </c>
      <c r="JN14" s="61">
        <v>874</v>
      </c>
      <c r="JO14" s="61">
        <v>590</v>
      </c>
      <c r="JP14" s="62">
        <v>4340</v>
      </c>
      <c r="JQ14" s="63">
        <v>5759</v>
      </c>
      <c r="JR14" s="60">
        <v>87</v>
      </c>
      <c r="JS14" s="61">
        <v>73</v>
      </c>
      <c r="JT14" s="62">
        <v>160</v>
      </c>
      <c r="JU14" s="231"/>
      <c r="JV14" s="61">
        <v>133</v>
      </c>
      <c r="JW14" s="61">
        <v>88</v>
      </c>
      <c r="JX14" s="61">
        <v>54</v>
      </c>
      <c r="JY14" s="61">
        <v>51</v>
      </c>
      <c r="JZ14" s="61">
        <v>64</v>
      </c>
      <c r="KA14" s="62">
        <v>390</v>
      </c>
      <c r="KB14" s="63">
        <v>550</v>
      </c>
      <c r="KC14" s="60">
        <v>4680</v>
      </c>
      <c r="KD14" s="61">
        <v>3287</v>
      </c>
      <c r="KE14" s="62">
        <v>7967</v>
      </c>
      <c r="KF14" s="231"/>
      <c r="KG14" s="61">
        <v>5156</v>
      </c>
      <c r="KH14" s="61">
        <v>2926</v>
      </c>
      <c r="KI14" s="61">
        <v>2237</v>
      </c>
      <c r="KJ14" s="61">
        <v>2231</v>
      </c>
      <c r="KK14" s="61">
        <v>1737</v>
      </c>
      <c r="KL14" s="62">
        <v>14287</v>
      </c>
      <c r="KM14" s="63">
        <v>22254</v>
      </c>
    </row>
    <row r="15" spans="2:299" ht="21" customHeight="1" x14ac:dyDescent="0.2">
      <c r="B15" s="472" t="s">
        <v>11</v>
      </c>
      <c r="C15" s="293">
        <v>463</v>
      </c>
      <c r="D15" s="72">
        <v>356</v>
      </c>
      <c r="E15" s="73">
        <v>819</v>
      </c>
      <c r="F15" s="228"/>
      <c r="G15" s="72">
        <v>878</v>
      </c>
      <c r="H15" s="72">
        <v>563</v>
      </c>
      <c r="I15" s="72">
        <v>472</v>
      </c>
      <c r="J15" s="72">
        <v>435</v>
      </c>
      <c r="K15" s="72">
        <v>224</v>
      </c>
      <c r="L15" s="74">
        <v>2572</v>
      </c>
      <c r="M15" s="75">
        <v>3391</v>
      </c>
      <c r="N15" s="60">
        <v>14</v>
      </c>
      <c r="O15" s="61">
        <v>14</v>
      </c>
      <c r="P15" s="62">
        <v>28</v>
      </c>
      <c r="Q15" s="231"/>
      <c r="R15" s="61">
        <v>47</v>
      </c>
      <c r="S15" s="61">
        <v>17</v>
      </c>
      <c r="T15" s="61">
        <v>17</v>
      </c>
      <c r="U15" s="61">
        <v>24</v>
      </c>
      <c r="V15" s="61">
        <v>15</v>
      </c>
      <c r="W15" s="62">
        <v>120</v>
      </c>
      <c r="X15" s="63">
        <v>148</v>
      </c>
      <c r="Y15" s="60">
        <v>46</v>
      </c>
      <c r="Z15" s="61">
        <v>39</v>
      </c>
      <c r="AA15" s="62">
        <v>85</v>
      </c>
      <c r="AB15" s="231"/>
      <c r="AC15" s="61">
        <v>91</v>
      </c>
      <c r="AD15" s="61">
        <v>61</v>
      </c>
      <c r="AE15" s="61">
        <v>60</v>
      </c>
      <c r="AF15" s="61">
        <v>49</v>
      </c>
      <c r="AG15" s="61">
        <v>26</v>
      </c>
      <c r="AH15" s="62">
        <v>287</v>
      </c>
      <c r="AI15" s="63">
        <v>372</v>
      </c>
      <c r="AJ15" s="60">
        <v>63</v>
      </c>
      <c r="AK15" s="61">
        <v>71</v>
      </c>
      <c r="AL15" s="62">
        <v>134</v>
      </c>
      <c r="AM15" s="231"/>
      <c r="AN15" s="61">
        <v>148</v>
      </c>
      <c r="AO15" s="61">
        <v>102</v>
      </c>
      <c r="AP15" s="61">
        <v>74</v>
      </c>
      <c r="AQ15" s="61">
        <v>74</v>
      </c>
      <c r="AR15" s="61">
        <v>34</v>
      </c>
      <c r="AS15" s="62">
        <v>432</v>
      </c>
      <c r="AT15" s="63">
        <v>566</v>
      </c>
      <c r="AU15" s="60">
        <v>127</v>
      </c>
      <c r="AV15" s="61">
        <v>89</v>
      </c>
      <c r="AW15" s="62">
        <v>216</v>
      </c>
      <c r="AX15" s="231"/>
      <c r="AY15" s="61">
        <v>229</v>
      </c>
      <c r="AZ15" s="61">
        <v>130</v>
      </c>
      <c r="BA15" s="61">
        <v>113</v>
      </c>
      <c r="BB15" s="61">
        <v>105</v>
      </c>
      <c r="BC15" s="61">
        <v>53</v>
      </c>
      <c r="BD15" s="62">
        <v>630</v>
      </c>
      <c r="BE15" s="63">
        <v>846</v>
      </c>
      <c r="BF15" s="60">
        <v>129</v>
      </c>
      <c r="BG15" s="61">
        <v>84</v>
      </c>
      <c r="BH15" s="62">
        <v>213</v>
      </c>
      <c r="BI15" s="231"/>
      <c r="BJ15" s="61">
        <v>212</v>
      </c>
      <c r="BK15" s="61">
        <v>142</v>
      </c>
      <c r="BL15" s="61">
        <v>122</v>
      </c>
      <c r="BM15" s="61">
        <v>99</v>
      </c>
      <c r="BN15" s="61">
        <v>53</v>
      </c>
      <c r="BO15" s="62">
        <v>628</v>
      </c>
      <c r="BP15" s="63">
        <v>841</v>
      </c>
      <c r="BQ15" s="60">
        <v>84</v>
      </c>
      <c r="BR15" s="61">
        <v>59</v>
      </c>
      <c r="BS15" s="62">
        <v>143</v>
      </c>
      <c r="BT15" s="231"/>
      <c r="BU15" s="61">
        <v>151</v>
      </c>
      <c r="BV15" s="61">
        <v>111</v>
      </c>
      <c r="BW15" s="61">
        <v>86</v>
      </c>
      <c r="BX15" s="61">
        <v>84</v>
      </c>
      <c r="BY15" s="61">
        <v>43</v>
      </c>
      <c r="BZ15" s="62">
        <v>475</v>
      </c>
      <c r="CA15" s="63">
        <v>618</v>
      </c>
      <c r="CB15" s="60">
        <v>10</v>
      </c>
      <c r="CC15" s="61">
        <v>10</v>
      </c>
      <c r="CD15" s="62">
        <v>20</v>
      </c>
      <c r="CE15" s="231"/>
      <c r="CF15" s="61">
        <v>37</v>
      </c>
      <c r="CG15" s="61">
        <v>20</v>
      </c>
      <c r="CH15" s="61">
        <v>14</v>
      </c>
      <c r="CI15" s="61">
        <v>19</v>
      </c>
      <c r="CJ15" s="61">
        <v>15</v>
      </c>
      <c r="CK15" s="62">
        <v>105</v>
      </c>
      <c r="CL15" s="63">
        <v>125</v>
      </c>
      <c r="CM15" s="60">
        <v>473</v>
      </c>
      <c r="CN15" s="61">
        <v>366</v>
      </c>
      <c r="CO15" s="62">
        <v>839</v>
      </c>
      <c r="CP15" s="231"/>
      <c r="CQ15" s="61">
        <v>915</v>
      </c>
      <c r="CR15" s="61">
        <v>583</v>
      </c>
      <c r="CS15" s="61">
        <v>486</v>
      </c>
      <c r="CT15" s="61">
        <v>454</v>
      </c>
      <c r="CU15" s="61">
        <v>239</v>
      </c>
      <c r="CV15" s="62">
        <v>2677</v>
      </c>
      <c r="CW15" s="63">
        <v>3516</v>
      </c>
      <c r="CX15" s="113">
        <v>960</v>
      </c>
      <c r="CY15" s="72">
        <v>789</v>
      </c>
      <c r="CZ15" s="73">
        <v>1749</v>
      </c>
      <c r="DA15" s="228"/>
      <c r="DB15" s="72">
        <v>1759</v>
      </c>
      <c r="DC15" s="72">
        <v>1069</v>
      </c>
      <c r="DD15" s="72">
        <v>948</v>
      </c>
      <c r="DE15" s="72">
        <v>976</v>
      </c>
      <c r="DF15" s="72">
        <v>560</v>
      </c>
      <c r="DG15" s="74">
        <v>5312</v>
      </c>
      <c r="DH15" s="75">
        <v>7061</v>
      </c>
      <c r="DI15" s="60">
        <v>24</v>
      </c>
      <c r="DJ15" s="61">
        <v>14</v>
      </c>
      <c r="DK15" s="62">
        <v>38</v>
      </c>
      <c r="DL15" s="231"/>
      <c r="DM15" s="61">
        <v>41</v>
      </c>
      <c r="DN15" s="61">
        <v>19</v>
      </c>
      <c r="DO15" s="61">
        <v>15</v>
      </c>
      <c r="DP15" s="61">
        <v>18</v>
      </c>
      <c r="DQ15" s="61">
        <v>18</v>
      </c>
      <c r="DR15" s="62">
        <v>111</v>
      </c>
      <c r="DS15" s="63">
        <v>149</v>
      </c>
      <c r="DT15" s="60">
        <v>64</v>
      </c>
      <c r="DU15" s="61">
        <v>56</v>
      </c>
      <c r="DV15" s="62">
        <v>120</v>
      </c>
      <c r="DW15" s="231"/>
      <c r="DX15" s="61">
        <v>95</v>
      </c>
      <c r="DY15" s="61">
        <v>48</v>
      </c>
      <c r="DZ15" s="61">
        <v>52</v>
      </c>
      <c r="EA15" s="61">
        <v>44</v>
      </c>
      <c r="EB15" s="61">
        <v>28</v>
      </c>
      <c r="EC15" s="62">
        <v>267</v>
      </c>
      <c r="ED15" s="63">
        <v>387</v>
      </c>
      <c r="EE15" s="60">
        <v>133</v>
      </c>
      <c r="EF15" s="61">
        <v>104</v>
      </c>
      <c r="EG15" s="62">
        <v>237</v>
      </c>
      <c r="EH15" s="231"/>
      <c r="EI15" s="61">
        <v>173</v>
      </c>
      <c r="EJ15" s="61">
        <v>106</v>
      </c>
      <c r="EK15" s="61">
        <v>85</v>
      </c>
      <c r="EL15" s="61">
        <v>79</v>
      </c>
      <c r="EM15" s="61">
        <v>55</v>
      </c>
      <c r="EN15" s="62">
        <v>498</v>
      </c>
      <c r="EO15" s="63">
        <v>735</v>
      </c>
      <c r="EP15" s="60">
        <v>266</v>
      </c>
      <c r="EQ15" s="61">
        <v>230</v>
      </c>
      <c r="ER15" s="62">
        <v>496</v>
      </c>
      <c r="ES15" s="231"/>
      <c r="ET15" s="61">
        <v>402</v>
      </c>
      <c r="EU15" s="61">
        <v>225</v>
      </c>
      <c r="EV15" s="61">
        <v>170</v>
      </c>
      <c r="EW15" s="61">
        <v>165</v>
      </c>
      <c r="EX15" s="61">
        <v>98</v>
      </c>
      <c r="EY15" s="62">
        <v>1060</v>
      </c>
      <c r="EZ15" s="63">
        <v>1556</v>
      </c>
      <c r="FA15" s="60">
        <v>291</v>
      </c>
      <c r="FB15" s="61">
        <v>228</v>
      </c>
      <c r="FC15" s="62">
        <v>519</v>
      </c>
      <c r="FD15" s="231"/>
      <c r="FE15" s="61">
        <v>561</v>
      </c>
      <c r="FF15" s="61">
        <v>301</v>
      </c>
      <c r="FG15" s="61">
        <v>253</v>
      </c>
      <c r="FH15" s="61">
        <v>230</v>
      </c>
      <c r="FI15" s="61">
        <v>136</v>
      </c>
      <c r="FJ15" s="62">
        <v>1481</v>
      </c>
      <c r="FK15" s="63">
        <v>2000</v>
      </c>
      <c r="FL15" s="60">
        <v>182</v>
      </c>
      <c r="FM15" s="61">
        <v>157</v>
      </c>
      <c r="FN15" s="62">
        <v>339</v>
      </c>
      <c r="FO15" s="231"/>
      <c r="FP15" s="61">
        <v>487</v>
      </c>
      <c r="FQ15" s="61">
        <v>370</v>
      </c>
      <c r="FR15" s="61">
        <v>373</v>
      </c>
      <c r="FS15" s="61">
        <v>440</v>
      </c>
      <c r="FT15" s="61">
        <v>225</v>
      </c>
      <c r="FU15" s="62">
        <v>1895</v>
      </c>
      <c r="FV15" s="63">
        <v>2234</v>
      </c>
      <c r="FW15" s="60">
        <v>11</v>
      </c>
      <c r="FX15" s="61">
        <v>9</v>
      </c>
      <c r="FY15" s="62">
        <v>20</v>
      </c>
      <c r="FZ15" s="231"/>
      <c r="GA15" s="61">
        <v>25</v>
      </c>
      <c r="GB15" s="61">
        <v>16</v>
      </c>
      <c r="GC15" s="61">
        <v>20</v>
      </c>
      <c r="GD15" s="61">
        <v>8</v>
      </c>
      <c r="GE15" s="61">
        <v>12</v>
      </c>
      <c r="GF15" s="62">
        <v>81</v>
      </c>
      <c r="GG15" s="63">
        <v>101</v>
      </c>
      <c r="GH15" s="60">
        <v>971</v>
      </c>
      <c r="GI15" s="61">
        <v>798</v>
      </c>
      <c r="GJ15" s="62">
        <v>1769</v>
      </c>
      <c r="GK15" s="231"/>
      <c r="GL15" s="61">
        <v>1784</v>
      </c>
      <c r="GM15" s="61">
        <v>1085</v>
      </c>
      <c r="GN15" s="61">
        <v>968</v>
      </c>
      <c r="GO15" s="61">
        <v>984</v>
      </c>
      <c r="GP15" s="61">
        <v>572</v>
      </c>
      <c r="GQ15" s="62">
        <v>5393</v>
      </c>
      <c r="GR15" s="63">
        <v>7162</v>
      </c>
      <c r="GS15" s="113">
        <v>1423</v>
      </c>
      <c r="GT15" s="72">
        <v>1145</v>
      </c>
      <c r="GU15" s="73">
        <v>2568</v>
      </c>
      <c r="GV15" s="228"/>
      <c r="GW15" s="72">
        <v>2637</v>
      </c>
      <c r="GX15" s="72">
        <v>1632</v>
      </c>
      <c r="GY15" s="72">
        <v>1420</v>
      </c>
      <c r="GZ15" s="72">
        <v>1411</v>
      </c>
      <c r="HA15" s="72">
        <v>784</v>
      </c>
      <c r="HB15" s="74">
        <v>7884</v>
      </c>
      <c r="HC15" s="75">
        <v>10452</v>
      </c>
      <c r="HD15" s="60">
        <v>38</v>
      </c>
      <c r="HE15" s="61">
        <v>28</v>
      </c>
      <c r="HF15" s="62">
        <v>66</v>
      </c>
      <c r="HG15" s="231"/>
      <c r="HH15" s="61">
        <v>88</v>
      </c>
      <c r="HI15" s="61">
        <v>36</v>
      </c>
      <c r="HJ15" s="61">
        <v>32</v>
      </c>
      <c r="HK15" s="61">
        <v>42</v>
      </c>
      <c r="HL15" s="61">
        <v>33</v>
      </c>
      <c r="HM15" s="62">
        <v>231</v>
      </c>
      <c r="HN15" s="63">
        <v>297</v>
      </c>
      <c r="HO15" s="60">
        <v>110</v>
      </c>
      <c r="HP15" s="61">
        <v>95</v>
      </c>
      <c r="HQ15" s="62">
        <v>205</v>
      </c>
      <c r="HR15" s="231"/>
      <c r="HS15" s="61">
        <v>186</v>
      </c>
      <c r="HT15" s="61">
        <v>109</v>
      </c>
      <c r="HU15" s="61">
        <v>112</v>
      </c>
      <c r="HV15" s="61">
        <v>93</v>
      </c>
      <c r="HW15" s="61">
        <v>54</v>
      </c>
      <c r="HX15" s="62">
        <v>554</v>
      </c>
      <c r="HY15" s="63">
        <v>759</v>
      </c>
      <c r="HZ15" s="60">
        <v>196</v>
      </c>
      <c r="IA15" s="61">
        <v>175</v>
      </c>
      <c r="IB15" s="62">
        <v>371</v>
      </c>
      <c r="IC15" s="231"/>
      <c r="ID15" s="61">
        <v>321</v>
      </c>
      <c r="IE15" s="61">
        <v>208</v>
      </c>
      <c r="IF15" s="61">
        <v>159</v>
      </c>
      <c r="IG15" s="61">
        <v>153</v>
      </c>
      <c r="IH15" s="61">
        <v>89</v>
      </c>
      <c r="II15" s="62">
        <v>930</v>
      </c>
      <c r="IJ15" s="63">
        <v>1301</v>
      </c>
      <c r="IK15" s="60">
        <v>393</v>
      </c>
      <c r="IL15" s="61">
        <v>319</v>
      </c>
      <c r="IM15" s="62">
        <v>712</v>
      </c>
      <c r="IN15" s="231"/>
      <c r="IO15" s="61">
        <v>631</v>
      </c>
      <c r="IP15" s="61">
        <v>355</v>
      </c>
      <c r="IQ15" s="61">
        <v>283</v>
      </c>
      <c r="IR15" s="61">
        <v>270</v>
      </c>
      <c r="IS15" s="61">
        <v>151</v>
      </c>
      <c r="IT15" s="62">
        <v>1690</v>
      </c>
      <c r="IU15" s="63">
        <v>2402</v>
      </c>
      <c r="IV15" s="60">
        <v>420</v>
      </c>
      <c r="IW15" s="61">
        <v>312</v>
      </c>
      <c r="IX15" s="62">
        <v>732</v>
      </c>
      <c r="IY15" s="231"/>
      <c r="IZ15" s="61">
        <v>773</v>
      </c>
      <c r="JA15" s="61">
        <v>443</v>
      </c>
      <c r="JB15" s="61">
        <v>375</v>
      </c>
      <c r="JC15" s="61">
        <v>329</v>
      </c>
      <c r="JD15" s="61">
        <v>189</v>
      </c>
      <c r="JE15" s="62">
        <v>2109</v>
      </c>
      <c r="JF15" s="63">
        <v>2841</v>
      </c>
      <c r="JG15" s="60">
        <v>266</v>
      </c>
      <c r="JH15" s="61">
        <v>216</v>
      </c>
      <c r="JI15" s="62">
        <v>482</v>
      </c>
      <c r="JJ15" s="231"/>
      <c r="JK15" s="61">
        <v>638</v>
      </c>
      <c r="JL15" s="61">
        <v>481</v>
      </c>
      <c r="JM15" s="61">
        <v>459</v>
      </c>
      <c r="JN15" s="61">
        <v>524</v>
      </c>
      <c r="JO15" s="61">
        <v>268</v>
      </c>
      <c r="JP15" s="62">
        <v>2370</v>
      </c>
      <c r="JQ15" s="63">
        <v>2852</v>
      </c>
      <c r="JR15" s="60">
        <v>21</v>
      </c>
      <c r="JS15" s="61">
        <v>19</v>
      </c>
      <c r="JT15" s="62">
        <v>40</v>
      </c>
      <c r="JU15" s="231"/>
      <c r="JV15" s="61">
        <v>62</v>
      </c>
      <c r="JW15" s="61">
        <v>36</v>
      </c>
      <c r="JX15" s="61">
        <v>34</v>
      </c>
      <c r="JY15" s="61">
        <v>27</v>
      </c>
      <c r="JZ15" s="61">
        <v>27</v>
      </c>
      <c r="KA15" s="62">
        <v>186</v>
      </c>
      <c r="KB15" s="63">
        <v>226</v>
      </c>
      <c r="KC15" s="60">
        <v>1444</v>
      </c>
      <c r="KD15" s="61">
        <v>1164</v>
      </c>
      <c r="KE15" s="62">
        <v>2608</v>
      </c>
      <c r="KF15" s="231"/>
      <c r="KG15" s="61">
        <v>2699</v>
      </c>
      <c r="KH15" s="61">
        <v>1668</v>
      </c>
      <c r="KI15" s="61">
        <v>1454</v>
      </c>
      <c r="KJ15" s="61">
        <v>1438</v>
      </c>
      <c r="KK15" s="61">
        <v>811</v>
      </c>
      <c r="KL15" s="62">
        <v>8070</v>
      </c>
      <c r="KM15" s="63">
        <v>10678</v>
      </c>
    </row>
    <row r="16" spans="2:299" ht="21" customHeight="1" x14ac:dyDescent="0.2">
      <c r="B16" s="472" t="s">
        <v>12</v>
      </c>
      <c r="C16" s="293">
        <v>704</v>
      </c>
      <c r="D16" s="72">
        <v>652</v>
      </c>
      <c r="E16" s="73">
        <v>1356</v>
      </c>
      <c r="F16" s="228"/>
      <c r="G16" s="72">
        <v>726</v>
      </c>
      <c r="H16" s="72">
        <v>626</v>
      </c>
      <c r="I16" s="72">
        <v>484</v>
      </c>
      <c r="J16" s="72">
        <v>457</v>
      </c>
      <c r="K16" s="72">
        <v>228</v>
      </c>
      <c r="L16" s="74">
        <v>2521</v>
      </c>
      <c r="M16" s="75">
        <v>3877</v>
      </c>
      <c r="N16" s="76">
        <v>27</v>
      </c>
      <c r="O16" s="61">
        <v>30</v>
      </c>
      <c r="P16" s="62">
        <v>57</v>
      </c>
      <c r="Q16" s="231"/>
      <c r="R16" s="61">
        <v>14</v>
      </c>
      <c r="S16" s="61">
        <v>25</v>
      </c>
      <c r="T16" s="61">
        <v>24</v>
      </c>
      <c r="U16" s="61">
        <v>23</v>
      </c>
      <c r="V16" s="61">
        <v>10</v>
      </c>
      <c r="W16" s="62">
        <v>96</v>
      </c>
      <c r="X16" s="63">
        <v>153</v>
      </c>
      <c r="Y16" s="60">
        <v>52</v>
      </c>
      <c r="Z16" s="61">
        <v>67</v>
      </c>
      <c r="AA16" s="62">
        <v>119</v>
      </c>
      <c r="AB16" s="231"/>
      <c r="AC16" s="61">
        <v>52</v>
      </c>
      <c r="AD16" s="61">
        <v>50</v>
      </c>
      <c r="AE16" s="61">
        <v>32</v>
      </c>
      <c r="AF16" s="61">
        <v>48</v>
      </c>
      <c r="AG16" s="61">
        <v>26</v>
      </c>
      <c r="AH16" s="62">
        <v>208</v>
      </c>
      <c r="AI16" s="63">
        <v>327</v>
      </c>
      <c r="AJ16" s="76">
        <v>97</v>
      </c>
      <c r="AK16" s="61">
        <v>102</v>
      </c>
      <c r="AL16" s="62">
        <v>199</v>
      </c>
      <c r="AM16" s="231"/>
      <c r="AN16" s="61">
        <v>101</v>
      </c>
      <c r="AO16" s="61">
        <v>96</v>
      </c>
      <c r="AP16" s="61">
        <v>74</v>
      </c>
      <c r="AQ16" s="61">
        <v>62</v>
      </c>
      <c r="AR16" s="61">
        <v>45</v>
      </c>
      <c r="AS16" s="62">
        <v>378</v>
      </c>
      <c r="AT16" s="63">
        <v>577</v>
      </c>
      <c r="AU16" s="60">
        <v>193</v>
      </c>
      <c r="AV16" s="61">
        <v>160</v>
      </c>
      <c r="AW16" s="62">
        <v>353</v>
      </c>
      <c r="AX16" s="231"/>
      <c r="AY16" s="61">
        <v>177</v>
      </c>
      <c r="AZ16" s="61">
        <v>152</v>
      </c>
      <c r="BA16" s="61">
        <v>125</v>
      </c>
      <c r="BB16" s="61">
        <v>95</v>
      </c>
      <c r="BC16" s="61">
        <v>49</v>
      </c>
      <c r="BD16" s="62">
        <v>598</v>
      </c>
      <c r="BE16" s="63">
        <v>951</v>
      </c>
      <c r="BF16" s="76">
        <v>203</v>
      </c>
      <c r="BG16" s="61">
        <v>170</v>
      </c>
      <c r="BH16" s="62">
        <v>373</v>
      </c>
      <c r="BI16" s="231"/>
      <c r="BJ16" s="61">
        <v>221</v>
      </c>
      <c r="BK16" s="61">
        <v>166</v>
      </c>
      <c r="BL16" s="61">
        <v>131</v>
      </c>
      <c r="BM16" s="61">
        <v>128</v>
      </c>
      <c r="BN16" s="61">
        <v>62</v>
      </c>
      <c r="BO16" s="62">
        <v>708</v>
      </c>
      <c r="BP16" s="63">
        <v>1081</v>
      </c>
      <c r="BQ16" s="60">
        <v>132</v>
      </c>
      <c r="BR16" s="61">
        <v>123</v>
      </c>
      <c r="BS16" s="62">
        <v>255</v>
      </c>
      <c r="BT16" s="231"/>
      <c r="BU16" s="61">
        <v>161</v>
      </c>
      <c r="BV16" s="61">
        <v>137</v>
      </c>
      <c r="BW16" s="61">
        <v>98</v>
      </c>
      <c r="BX16" s="61">
        <v>101</v>
      </c>
      <c r="BY16" s="61">
        <v>36</v>
      </c>
      <c r="BZ16" s="62">
        <v>533</v>
      </c>
      <c r="CA16" s="63">
        <v>788</v>
      </c>
      <c r="CB16" s="60">
        <v>23</v>
      </c>
      <c r="CC16" s="61">
        <v>38</v>
      </c>
      <c r="CD16" s="62">
        <v>61</v>
      </c>
      <c r="CE16" s="231"/>
      <c r="CF16" s="61">
        <v>14</v>
      </c>
      <c r="CG16" s="61">
        <v>24</v>
      </c>
      <c r="CH16" s="61">
        <v>18</v>
      </c>
      <c r="CI16" s="61">
        <v>8</v>
      </c>
      <c r="CJ16" s="61">
        <v>15</v>
      </c>
      <c r="CK16" s="62">
        <v>79</v>
      </c>
      <c r="CL16" s="63">
        <v>140</v>
      </c>
      <c r="CM16" s="60">
        <v>727</v>
      </c>
      <c r="CN16" s="61">
        <v>690</v>
      </c>
      <c r="CO16" s="62">
        <v>1417</v>
      </c>
      <c r="CP16" s="231"/>
      <c r="CQ16" s="61">
        <v>740</v>
      </c>
      <c r="CR16" s="61">
        <v>650</v>
      </c>
      <c r="CS16" s="61">
        <v>502</v>
      </c>
      <c r="CT16" s="61">
        <v>465</v>
      </c>
      <c r="CU16" s="61">
        <v>243</v>
      </c>
      <c r="CV16" s="62">
        <v>2600</v>
      </c>
      <c r="CW16" s="63">
        <v>4017</v>
      </c>
      <c r="CX16" s="113">
        <v>1347</v>
      </c>
      <c r="CY16" s="72">
        <v>1421</v>
      </c>
      <c r="CZ16" s="73">
        <v>2768</v>
      </c>
      <c r="DA16" s="228"/>
      <c r="DB16" s="72">
        <v>1498</v>
      </c>
      <c r="DC16" s="72">
        <v>1138</v>
      </c>
      <c r="DD16" s="72">
        <v>964</v>
      </c>
      <c r="DE16" s="72">
        <v>1027</v>
      </c>
      <c r="DF16" s="72">
        <v>668</v>
      </c>
      <c r="DG16" s="74">
        <v>5295</v>
      </c>
      <c r="DH16" s="75">
        <v>8063</v>
      </c>
      <c r="DI16" s="76">
        <v>31</v>
      </c>
      <c r="DJ16" s="61">
        <v>32</v>
      </c>
      <c r="DK16" s="62">
        <v>63</v>
      </c>
      <c r="DL16" s="231"/>
      <c r="DM16" s="61">
        <v>26</v>
      </c>
      <c r="DN16" s="61">
        <v>17</v>
      </c>
      <c r="DO16" s="61">
        <v>13</v>
      </c>
      <c r="DP16" s="61">
        <v>13</v>
      </c>
      <c r="DQ16" s="61">
        <v>13</v>
      </c>
      <c r="DR16" s="62">
        <v>82</v>
      </c>
      <c r="DS16" s="63">
        <v>145</v>
      </c>
      <c r="DT16" s="60">
        <v>96</v>
      </c>
      <c r="DU16" s="61">
        <v>75</v>
      </c>
      <c r="DV16" s="62">
        <v>171</v>
      </c>
      <c r="DW16" s="231"/>
      <c r="DX16" s="61">
        <v>49</v>
      </c>
      <c r="DY16" s="61">
        <v>56</v>
      </c>
      <c r="DZ16" s="61">
        <v>38</v>
      </c>
      <c r="EA16" s="61">
        <v>43</v>
      </c>
      <c r="EB16" s="61">
        <v>38</v>
      </c>
      <c r="EC16" s="62">
        <v>224</v>
      </c>
      <c r="ED16" s="63">
        <v>395</v>
      </c>
      <c r="EE16" s="76">
        <v>180</v>
      </c>
      <c r="EF16" s="61">
        <v>216</v>
      </c>
      <c r="EG16" s="62">
        <v>396</v>
      </c>
      <c r="EH16" s="231"/>
      <c r="EI16" s="61">
        <v>145</v>
      </c>
      <c r="EJ16" s="61">
        <v>103</v>
      </c>
      <c r="EK16" s="61">
        <v>78</v>
      </c>
      <c r="EL16" s="61">
        <v>94</v>
      </c>
      <c r="EM16" s="61">
        <v>68</v>
      </c>
      <c r="EN16" s="62">
        <v>488</v>
      </c>
      <c r="EO16" s="63">
        <v>884</v>
      </c>
      <c r="EP16" s="60">
        <v>390</v>
      </c>
      <c r="EQ16" s="61">
        <v>378</v>
      </c>
      <c r="ER16" s="62">
        <v>768</v>
      </c>
      <c r="ES16" s="231"/>
      <c r="ET16" s="61">
        <v>352</v>
      </c>
      <c r="EU16" s="61">
        <v>235</v>
      </c>
      <c r="EV16" s="61">
        <v>173</v>
      </c>
      <c r="EW16" s="61">
        <v>140</v>
      </c>
      <c r="EX16" s="61">
        <v>122</v>
      </c>
      <c r="EY16" s="62">
        <v>1022</v>
      </c>
      <c r="EZ16" s="63">
        <v>1790</v>
      </c>
      <c r="FA16" s="76">
        <v>403</v>
      </c>
      <c r="FB16" s="61">
        <v>391</v>
      </c>
      <c r="FC16" s="62">
        <v>794</v>
      </c>
      <c r="FD16" s="231"/>
      <c r="FE16" s="61">
        <v>487</v>
      </c>
      <c r="FF16" s="61">
        <v>334</v>
      </c>
      <c r="FG16" s="61">
        <v>269</v>
      </c>
      <c r="FH16" s="61">
        <v>270</v>
      </c>
      <c r="FI16" s="61">
        <v>154</v>
      </c>
      <c r="FJ16" s="62">
        <v>1514</v>
      </c>
      <c r="FK16" s="63">
        <v>2308</v>
      </c>
      <c r="FL16" s="60">
        <v>247</v>
      </c>
      <c r="FM16" s="61">
        <v>329</v>
      </c>
      <c r="FN16" s="62">
        <v>576</v>
      </c>
      <c r="FO16" s="231"/>
      <c r="FP16" s="61">
        <v>439</v>
      </c>
      <c r="FQ16" s="61">
        <v>393</v>
      </c>
      <c r="FR16" s="61">
        <v>393</v>
      </c>
      <c r="FS16" s="61">
        <v>467</v>
      </c>
      <c r="FT16" s="61">
        <v>273</v>
      </c>
      <c r="FU16" s="62">
        <v>1965</v>
      </c>
      <c r="FV16" s="63">
        <v>2541</v>
      </c>
      <c r="FW16" s="60">
        <v>14</v>
      </c>
      <c r="FX16" s="61">
        <v>23</v>
      </c>
      <c r="FY16" s="62">
        <v>37</v>
      </c>
      <c r="FZ16" s="231"/>
      <c r="GA16" s="61">
        <v>14</v>
      </c>
      <c r="GB16" s="61">
        <v>15</v>
      </c>
      <c r="GC16" s="61">
        <v>15</v>
      </c>
      <c r="GD16" s="61">
        <v>18</v>
      </c>
      <c r="GE16" s="61">
        <v>9</v>
      </c>
      <c r="GF16" s="62">
        <v>71</v>
      </c>
      <c r="GG16" s="63">
        <v>108</v>
      </c>
      <c r="GH16" s="60">
        <v>1361</v>
      </c>
      <c r="GI16" s="61">
        <v>1444</v>
      </c>
      <c r="GJ16" s="62">
        <v>2805</v>
      </c>
      <c r="GK16" s="231"/>
      <c r="GL16" s="61">
        <v>1512</v>
      </c>
      <c r="GM16" s="61">
        <v>1153</v>
      </c>
      <c r="GN16" s="61">
        <v>979</v>
      </c>
      <c r="GO16" s="61">
        <v>1045</v>
      </c>
      <c r="GP16" s="61">
        <v>677</v>
      </c>
      <c r="GQ16" s="62">
        <v>5366</v>
      </c>
      <c r="GR16" s="63">
        <v>8171</v>
      </c>
      <c r="GS16" s="113">
        <v>2051</v>
      </c>
      <c r="GT16" s="72">
        <v>2073</v>
      </c>
      <c r="GU16" s="73">
        <v>4124</v>
      </c>
      <c r="GV16" s="228"/>
      <c r="GW16" s="72">
        <v>2224</v>
      </c>
      <c r="GX16" s="72">
        <v>1764</v>
      </c>
      <c r="GY16" s="72">
        <v>1448</v>
      </c>
      <c r="GZ16" s="72">
        <v>1484</v>
      </c>
      <c r="HA16" s="72">
        <v>896</v>
      </c>
      <c r="HB16" s="74">
        <v>7816</v>
      </c>
      <c r="HC16" s="75">
        <v>11940</v>
      </c>
      <c r="HD16" s="76">
        <v>58</v>
      </c>
      <c r="HE16" s="61">
        <v>62</v>
      </c>
      <c r="HF16" s="62">
        <v>120</v>
      </c>
      <c r="HG16" s="231"/>
      <c r="HH16" s="61">
        <v>40</v>
      </c>
      <c r="HI16" s="61">
        <v>42</v>
      </c>
      <c r="HJ16" s="61">
        <v>37</v>
      </c>
      <c r="HK16" s="61">
        <v>36</v>
      </c>
      <c r="HL16" s="61">
        <v>23</v>
      </c>
      <c r="HM16" s="62">
        <v>178</v>
      </c>
      <c r="HN16" s="63">
        <v>298</v>
      </c>
      <c r="HO16" s="60">
        <v>148</v>
      </c>
      <c r="HP16" s="61">
        <v>142</v>
      </c>
      <c r="HQ16" s="62">
        <v>290</v>
      </c>
      <c r="HR16" s="231"/>
      <c r="HS16" s="61">
        <v>101</v>
      </c>
      <c r="HT16" s="61">
        <v>106</v>
      </c>
      <c r="HU16" s="61">
        <v>70</v>
      </c>
      <c r="HV16" s="61">
        <v>91</v>
      </c>
      <c r="HW16" s="61">
        <v>64</v>
      </c>
      <c r="HX16" s="62">
        <v>432</v>
      </c>
      <c r="HY16" s="63">
        <v>722</v>
      </c>
      <c r="HZ16" s="76">
        <v>277</v>
      </c>
      <c r="IA16" s="61">
        <v>318</v>
      </c>
      <c r="IB16" s="62">
        <v>595</v>
      </c>
      <c r="IC16" s="231"/>
      <c r="ID16" s="61">
        <v>246</v>
      </c>
      <c r="IE16" s="61">
        <v>199</v>
      </c>
      <c r="IF16" s="61">
        <v>152</v>
      </c>
      <c r="IG16" s="61">
        <v>156</v>
      </c>
      <c r="IH16" s="61">
        <v>113</v>
      </c>
      <c r="II16" s="62">
        <v>866</v>
      </c>
      <c r="IJ16" s="63">
        <v>1461</v>
      </c>
      <c r="IK16" s="60">
        <v>583</v>
      </c>
      <c r="IL16" s="61">
        <v>538</v>
      </c>
      <c r="IM16" s="62">
        <v>1121</v>
      </c>
      <c r="IN16" s="231"/>
      <c r="IO16" s="61">
        <v>529</v>
      </c>
      <c r="IP16" s="61">
        <v>387</v>
      </c>
      <c r="IQ16" s="61">
        <v>298</v>
      </c>
      <c r="IR16" s="61">
        <v>235</v>
      </c>
      <c r="IS16" s="61">
        <v>171</v>
      </c>
      <c r="IT16" s="62">
        <v>1620</v>
      </c>
      <c r="IU16" s="63">
        <v>2741</v>
      </c>
      <c r="IV16" s="76">
        <v>606</v>
      </c>
      <c r="IW16" s="61">
        <v>561</v>
      </c>
      <c r="IX16" s="62">
        <v>1167</v>
      </c>
      <c r="IY16" s="231"/>
      <c r="IZ16" s="61">
        <v>708</v>
      </c>
      <c r="JA16" s="61">
        <v>500</v>
      </c>
      <c r="JB16" s="61">
        <v>400</v>
      </c>
      <c r="JC16" s="61">
        <v>398</v>
      </c>
      <c r="JD16" s="61">
        <v>216</v>
      </c>
      <c r="JE16" s="62">
        <v>2222</v>
      </c>
      <c r="JF16" s="63">
        <v>3389</v>
      </c>
      <c r="JG16" s="60">
        <v>379</v>
      </c>
      <c r="JH16" s="61">
        <v>452</v>
      </c>
      <c r="JI16" s="62">
        <v>831</v>
      </c>
      <c r="JJ16" s="231"/>
      <c r="JK16" s="61">
        <v>600</v>
      </c>
      <c r="JL16" s="61">
        <v>530</v>
      </c>
      <c r="JM16" s="61">
        <v>491</v>
      </c>
      <c r="JN16" s="61">
        <v>568</v>
      </c>
      <c r="JO16" s="61">
        <v>309</v>
      </c>
      <c r="JP16" s="62">
        <v>2498</v>
      </c>
      <c r="JQ16" s="63">
        <v>3329</v>
      </c>
      <c r="JR16" s="60">
        <v>37</v>
      </c>
      <c r="JS16" s="61">
        <v>61</v>
      </c>
      <c r="JT16" s="62">
        <v>98</v>
      </c>
      <c r="JU16" s="231"/>
      <c r="JV16" s="61">
        <v>28</v>
      </c>
      <c r="JW16" s="61">
        <v>39</v>
      </c>
      <c r="JX16" s="61">
        <v>33</v>
      </c>
      <c r="JY16" s="61">
        <v>26</v>
      </c>
      <c r="JZ16" s="61">
        <v>24</v>
      </c>
      <c r="KA16" s="62">
        <v>150</v>
      </c>
      <c r="KB16" s="63">
        <v>248</v>
      </c>
      <c r="KC16" s="60">
        <v>2088</v>
      </c>
      <c r="KD16" s="61">
        <v>2134</v>
      </c>
      <c r="KE16" s="62">
        <v>4222</v>
      </c>
      <c r="KF16" s="231"/>
      <c r="KG16" s="61">
        <v>2252</v>
      </c>
      <c r="KH16" s="61">
        <v>1803</v>
      </c>
      <c r="KI16" s="61">
        <v>1481</v>
      </c>
      <c r="KJ16" s="61">
        <v>1510</v>
      </c>
      <c r="KK16" s="61">
        <v>920</v>
      </c>
      <c r="KL16" s="62">
        <v>7966</v>
      </c>
      <c r="KM16" s="63">
        <v>12188</v>
      </c>
    </row>
    <row r="17" spans="2:299" ht="21" customHeight="1" x14ac:dyDescent="0.2">
      <c r="B17" s="472" t="s">
        <v>13</v>
      </c>
      <c r="C17" s="293">
        <v>162</v>
      </c>
      <c r="D17" s="72">
        <v>181</v>
      </c>
      <c r="E17" s="73">
        <v>343</v>
      </c>
      <c r="F17" s="228"/>
      <c r="G17" s="72">
        <v>287</v>
      </c>
      <c r="H17" s="72">
        <v>272</v>
      </c>
      <c r="I17" s="72">
        <v>186</v>
      </c>
      <c r="J17" s="72">
        <v>140</v>
      </c>
      <c r="K17" s="72">
        <v>110</v>
      </c>
      <c r="L17" s="74">
        <v>995</v>
      </c>
      <c r="M17" s="75">
        <v>1338</v>
      </c>
      <c r="N17" s="60">
        <v>6</v>
      </c>
      <c r="O17" s="61">
        <v>3</v>
      </c>
      <c r="P17" s="62">
        <v>9</v>
      </c>
      <c r="Q17" s="231"/>
      <c r="R17" s="61">
        <v>10</v>
      </c>
      <c r="S17" s="61">
        <v>7</v>
      </c>
      <c r="T17" s="61">
        <v>13</v>
      </c>
      <c r="U17" s="61">
        <v>4</v>
      </c>
      <c r="V17" s="61">
        <v>3</v>
      </c>
      <c r="W17" s="62">
        <v>37</v>
      </c>
      <c r="X17" s="63">
        <v>46</v>
      </c>
      <c r="Y17" s="60">
        <v>11</v>
      </c>
      <c r="Z17" s="61">
        <v>11</v>
      </c>
      <c r="AA17" s="62">
        <v>22</v>
      </c>
      <c r="AB17" s="231"/>
      <c r="AC17" s="61">
        <v>27</v>
      </c>
      <c r="AD17" s="61">
        <v>18</v>
      </c>
      <c r="AE17" s="61">
        <v>10</v>
      </c>
      <c r="AF17" s="61">
        <v>13</v>
      </c>
      <c r="AG17" s="61">
        <v>14</v>
      </c>
      <c r="AH17" s="62">
        <v>82</v>
      </c>
      <c r="AI17" s="63">
        <v>104</v>
      </c>
      <c r="AJ17" s="60">
        <v>27</v>
      </c>
      <c r="AK17" s="61">
        <v>20</v>
      </c>
      <c r="AL17" s="62">
        <v>47</v>
      </c>
      <c r="AM17" s="231"/>
      <c r="AN17" s="61">
        <v>36</v>
      </c>
      <c r="AO17" s="61">
        <v>34</v>
      </c>
      <c r="AP17" s="61">
        <v>25</v>
      </c>
      <c r="AQ17" s="61">
        <v>11</v>
      </c>
      <c r="AR17" s="61">
        <v>15</v>
      </c>
      <c r="AS17" s="62">
        <v>121</v>
      </c>
      <c r="AT17" s="63">
        <v>168</v>
      </c>
      <c r="AU17" s="60">
        <v>34</v>
      </c>
      <c r="AV17" s="61">
        <v>42</v>
      </c>
      <c r="AW17" s="62">
        <v>76</v>
      </c>
      <c r="AX17" s="231"/>
      <c r="AY17" s="61">
        <v>72</v>
      </c>
      <c r="AZ17" s="61">
        <v>57</v>
      </c>
      <c r="BA17" s="61">
        <v>38</v>
      </c>
      <c r="BB17" s="61">
        <v>30</v>
      </c>
      <c r="BC17" s="61">
        <v>27</v>
      </c>
      <c r="BD17" s="62">
        <v>224</v>
      </c>
      <c r="BE17" s="63">
        <v>300</v>
      </c>
      <c r="BF17" s="60">
        <v>50</v>
      </c>
      <c r="BG17" s="61">
        <v>67</v>
      </c>
      <c r="BH17" s="62">
        <v>117</v>
      </c>
      <c r="BI17" s="231"/>
      <c r="BJ17" s="61">
        <v>78</v>
      </c>
      <c r="BK17" s="61">
        <v>81</v>
      </c>
      <c r="BL17" s="61">
        <v>54</v>
      </c>
      <c r="BM17" s="61">
        <v>41</v>
      </c>
      <c r="BN17" s="61">
        <v>25</v>
      </c>
      <c r="BO17" s="62">
        <v>279</v>
      </c>
      <c r="BP17" s="63">
        <v>396</v>
      </c>
      <c r="BQ17" s="60">
        <v>34</v>
      </c>
      <c r="BR17" s="61">
        <v>38</v>
      </c>
      <c r="BS17" s="62">
        <v>72</v>
      </c>
      <c r="BT17" s="231"/>
      <c r="BU17" s="61">
        <v>64</v>
      </c>
      <c r="BV17" s="61">
        <v>75</v>
      </c>
      <c r="BW17" s="61">
        <v>46</v>
      </c>
      <c r="BX17" s="61">
        <v>41</v>
      </c>
      <c r="BY17" s="61">
        <v>26</v>
      </c>
      <c r="BZ17" s="62">
        <v>252</v>
      </c>
      <c r="CA17" s="63">
        <v>324</v>
      </c>
      <c r="CB17" s="60">
        <v>4</v>
      </c>
      <c r="CC17" s="61">
        <v>2</v>
      </c>
      <c r="CD17" s="62">
        <v>6</v>
      </c>
      <c r="CE17" s="231"/>
      <c r="CF17" s="61">
        <v>9</v>
      </c>
      <c r="CG17" s="61">
        <v>9</v>
      </c>
      <c r="CH17" s="61">
        <v>4</v>
      </c>
      <c r="CI17" s="61">
        <v>5</v>
      </c>
      <c r="CJ17" s="61">
        <v>7</v>
      </c>
      <c r="CK17" s="62">
        <v>34</v>
      </c>
      <c r="CL17" s="63">
        <v>40</v>
      </c>
      <c r="CM17" s="60">
        <v>166</v>
      </c>
      <c r="CN17" s="61">
        <v>183</v>
      </c>
      <c r="CO17" s="62">
        <v>349</v>
      </c>
      <c r="CP17" s="231"/>
      <c r="CQ17" s="61">
        <v>296</v>
      </c>
      <c r="CR17" s="61">
        <v>281</v>
      </c>
      <c r="CS17" s="61">
        <v>190</v>
      </c>
      <c r="CT17" s="61">
        <v>145</v>
      </c>
      <c r="CU17" s="61">
        <v>117</v>
      </c>
      <c r="CV17" s="62">
        <v>1029</v>
      </c>
      <c r="CW17" s="63">
        <v>1378</v>
      </c>
      <c r="CX17" s="113">
        <v>403</v>
      </c>
      <c r="CY17" s="72">
        <v>398</v>
      </c>
      <c r="CZ17" s="73">
        <v>801</v>
      </c>
      <c r="DA17" s="228"/>
      <c r="DB17" s="72">
        <v>595</v>
      </c>
      <c r="DC17" s="72">
        <v>496</v>
      </c>
      <c r="DD17" s="72">
        <v>338</v>
      </c>
      <c r="DE17" s="72">
        <v>393</v>
      </c>
      <c r="DF17" s="72">
        <v>293</v>
      </c>
      <c r="DG17" s="74">
        <v>2115</v>
      </c>
      <c r="DH17" s="75">
        <v>2916</v>
      </c>
      <c r="DI17" s="60">
        <v>6</v>
      </c>
      <c r="DJ17" s="61">
        <v>5</v>
      </c>
      <c r="DK17" s="62">
        <v>11</v>
      </c>
      <c r="DL17" s="231"/>
      <c r="DM17" s="61">
        <v>8</v>
      </c>
      <c r="DN17" s="61">
        <v>8</v>
      </c>
      <c r="DO17" s="61">
        <v>1</v>
      </c>
      <c r="DP17" s="61">
        <v>6</v>
      </c>
      <c r="DQ17" s="61">
        <v>2</v>
      </c>
      <c r="DR17" s="62">
        <v>25</v>
      </c>
      <c r="DS17" s="63">
        <v>36</v>
      </c>
      <c r="DT17" s="60">
        <v>21</v>
      </c>
      <c r="DU17" s="61">
        <v>19</v>
      </c>
      <c r="DV17" s="62">
        <v>40</v>
      </c>
      <c r="DW17" s="231"/>
      <c r="DX17" s="61">
        <v>24</v>
      </c>
      <c r="DY17" s="61">
        <v>15</v>
      </c>
      <c r="DZ17" s="61">
        <v>11</v>
      </c>
      <c r="EA17" s="61">
        <v>10</v>
      </c>
      <c r="EB17" s="61">
        <v>9</v>
      </c>
      <c r="EC17" s="62">
        <v>69</v>
      </c>
      <c r="ED17" s="63">
        <v>109</v>
      </c>
      <c r="EE17" s="60">
        <v>47</v>
      </c>
      <c r="EF17" s="61">
        <v>43</v>
      </c>
      <c r="EG17" s="62">
        <v>90</v>
      </c>
      <c r="EH17" s="231"/>
      <c r="EI17" s="61">
        <v>65</v>
      </c>
      <c r="EJ17" s="61">
        <v>43</v>
      </c>
      <c r="EK17" s="61">
        <v>30</v>
      </c>
      <c r="EL17" s="61">
        <v>19</v>
      </c>
      <c r="EM17" s="61">
        <v>29</v>
      </c>
      <c r="EN17" s="62">
        <v>186</v>
      </c>
      <c r="EO17" s="63">
        <v>276</v>
      </c>
      <c r="EP17" s="60">
        <v>121</v>
      </c>
      <c r="EQ17" s="61">
        <v>116</v>
      </c>
      <c r="ER17" s="62">
        <v>237</v>
      </c>
      <c r="ES17" s="231"/>
      <c r="ET17" s="61">
        <v>155</v>
      </c>
      <c r="EU17" s="61">
        <v>92</v>
      </c>
      <c r="EV17" s="61">
        <v>43</v>
      </c>
      <c r="EW17" s="61">
        <v>60</v>
      </c>
      <c r="EX17" s="61">
        <v>50</v>
      </c>
      <c r="EY17" s="62">
        <v>400</v>
      </c>
      <c r="EZ17" s="63">
        <v>637</v>
      </c>
      <c r="FA17" s="60">
        <v>136</v>
      </c>
      <c r="FB17" s="61">
        <v>116</v>
      </c>
      <c r="FC17" s="62">
        <v>252</v>
      </c>
      <c r="FD17" s="231"/>
      <c r="FE17" s="61">
        <v>179</v>
      </c>
      <c r="FF17" s="61">
        <v>137</v>
      </c>
      <c r="FG17" s="61">
        <v>92</v>
      </c>
      <c r="FH17" s="61">
        <v>105</v>
      </c>
      <c r="FI17" s="61">
        <v>63</v>
      </c>
      <c r="FJ17" s="62">
        <v>576</v>
      </c>
      <c r="FK17" s="63">
        <v>828</v>
      </c>
      <c r="FL17" s="60">
        <v>72</v>
      </c>
      <c r="FM17" s="61">
        <v>99</v>
      </c>
      <c r="FN17" s="62">
        <v>171</v>
      </c>
      <c r="FO17" s="231"/>
      <c r="FP17" s="61">
        <v>164</v>
      </c>
      <c r="FQ17" s="61">
        <v>201</v>
      </c>
      <c r="FR17" s="61">
        <v>161</v>
      </c>
      <c r="FS17" s="61">
        <v>193</v>
      </c>
      <c r="FT17" s="61">
        <v>140</v>
      </c>
      <c r="FU17" s="62">
        <v>859</v>
      </c>
      <c r="FV17" s="63">
        <v>1030</v>
      </c>
      <c r="FW17" s="60">
        <v>0</v>
      </c>
      <c r="FX17" s="61">
        <v>2</v>
      </c>
      <c r="FY17" s="62">
        <v>2</v>
      </c>
      <c r="FZ17" s="231"/>
      <c r="GA17" s="61">
        <v>6</v>
      </c>
      <c r="GB17" s="61">
        <v>7</v>
      </c>
      <c r="GC17" s="61">
        <v>6</v>
      </c>
      <c r="GD17" s="61">
        <v>3</v>
      </c>
      <c r="GE17" s="61">
        <v>6</v>
      </c>
      <c r="GF17" s="62">
        <v>28</v>
      </c>
      <c r="GG17" s="63">
        <v>30</v>
      </c>
      <c r="GH17" s="60">
        <v>403</v>
      </c>
      <c r="GI17" s="61">
        <v>400</v>
      </c>
      <c r="GJ17" s="62">
        <v>803</v>
      </c>
      <c r="GK17" s="231"/>
      <c r="GL17" s="61">
        <v>601</v>
      </c>
      <c r="GM17" s="61">
        <v>503</v>
      </c>
      <c r="GN17" s="61">
        <v>344</v>
      </c>
      <c r="GO17" s="61">
        <v>396</v>
      </c>
      <c r="GP17" s="61">
        <v>299</v>
      </c>
      <c r="GQ17" s="62">
        <v>2143</v>
      </c>
      <c r="GR17" s="63">
        <v>2946</v>
      </c>
      <c r="GS17" s="113">
        <v>565</v>
      </c>
      <c r="GT17" s="72">
        <v>579</v>
      </c>
      <c r="GU17" s="73">
        <v>1144</v>
      </c>
      <c r="GV17" s="228"/>
      <c r="GW17" s="72">
        <v>882</v>
      </c>
      <c r="GX17" s="72">
        <v>768</v>
      </c>
      <c r="GY17" s="72">
        <v>524</v>
      </c>
      <c r="GZ17" s="72">
        <v>533</v>
      </c>
      <c r="HA17" s="72">
        <v>403</v>
      </c>
      <c r="HB17" s="74">
        <v>3110</v>
      </c>
      <c r="HC17" s="75">
        <v>4254</v>
      </c>
      <c r="HD17" s="60">
        <v>12</v>
      </c>
      <c r="HE17" s="61">
        <v>8</v>
      </c>
      <c r="HF17" s="62">
        <v>20</v>
      </c>
      <c r="HG17" s="231"/>
      <c r="HH17" s="61">
        <v>18</v>
      </c>
      <c r="HI17" s="61">
        <v>15</v>
      </c>
      <c r="HJ17" s="61">
        <v>14</v>
      </c>
      <c r="HK17" s="61">
        <v>10</v>
      </c>
      <c r="HL17" s="61">
        <v>5</v>
      </c>
      <c r="HM17" s="62">
        <v>62</v>
      </c>
      <c r="HN17" s="63">
        <v>82</v>
      </c>
      <c r="HO17" s="60">
        <v>32</v>
      </c>
      <c r="HP17" s="61">
        <v>30</v>
      </c>
      <c r="HQ17" s="62">
        <v>62</v>
      </c>
      <c r="HR17" s="231"/>
      <c r="HS17" s="61">
        <v>51</v>
      </c>
      <c r="HT17" s="61">
        <v>33</v>
      </c>
      <c r="HU17" s="61">
        <v>21</v>
      </c>
      <c r="HV17" s="61">
        <v>23</v>
      </c>
      <c r="HW17" s="61">
        <v>23</v>
      </c>
      <c r="HX17" s="62">
        <v>151</v>
      </c>
      <c r="HY17" s="63">
        <v>213</v>
      </c>
      <c r="HZ17" s="60">
        <v>74</v>
      </c>
      <c r="IA17" s="61">
        <v>63</v>
      </c>
      <c r="IB17" s="62">
        <v>137</v>
      </c>
      <c r="IC17" s="231"/>
      <c r="ID17" s="61">
        <v>101</v>
      </c>
      <c r="IE17" s="61">
        <v>77</v>
      </c>
      <c r="IF17" s="61">
        <v>55</v>
      </c>
      <c r="IG17" s="61">
        <v>30</v>
      </c>
      <c r="IH17" s="61">
        <v>44</v>
      </c>
      <c r="II17" s="62">
        <v>307</v>
      </c>
      <c r="IJ17" s="63">
        <v>444</v>
      </c>
      <c r="IK17" s="60">
        <v>155</v>
      </c>
      <c r="IL17" s="61">
        <v>158</v>
      </c>
      <c r="IM17" s="62">
        <v>313</v>
      </c>
      <c r="IN17" s="231"/>
      <c r="IO17" s="61">
        <v>227</v>
      </c>
      <c r="IP17" s="61">
        <v>149</v>
      </c>
      <c r="IQ17" s="61">
        <v>81</v>
      </c>
      <c r="IR17" s="61">
        <v>90</v>
      </c>
      <c r="IS17" s="61">
        <v>77</v>
      </c>
      <c r="IT17" s="62">
        <v>624</v>
      </c>
      <c r="IU17" s="63">
        <v>937</v>
      </c>
      <c r="IV17" s="60">
        <v>186</v>
      </c>
      <c r="IW17" s="61">
        <v>183</v>
      </c>
      <c r="IX17" s="62">
        <v>369</v>
      </c>
      <c r="IY17" s="231"/>
      <c r="IZ17" s="61">
        <v>257</v>
      </c>
      <c r="JA17" s="61">
        <v>218</v>
      </c>
      <c r="JB17" s="61">
        <v>146</v>
      </c>
      <c r="JC17" s="61">
        <v>146</v>
      </c>
      <c r="JD17" s="61">
        <v>88</v>
      </c>
      <c r="JE17" s="62">
        <v>855</v>
      </c>
      <c r="JF17" s="63">
        <v>1224</v>
      </c>
      <c r="JG17" s="60">
        <v>106</v>
      </c>
      <c r="JH17" s="61">
        <v>137</v>
      </c>
      <c r="JI17" s="62">
        <v>243</v>
      </c>
      <c r="JJ17" s="231"/>
      <c r="JK17" s="61">
        <v>228</v>
      </c>
      <c r="JL17" s="61">
        <v>276</v>
      </c>
      <c r="JM17" s="61">
        <v>207</v>
      </c>
      <c r="JN17" s="61">
        <v>234</v>
      </c>
      <c r="JO17" s="61">
        <v>166</v>
      </c>
      <c r="JP17" s="62">
        <v>1111</v>
      </c>
      <c r="JQ17" s="63">
        <v>1354</v>
      </c>
      <c r="JR17" s="60">
        <v>4</v>
      </c>
      <c r="JS17" s="61">
        <v>4</v>
      </c>
      <c r="JT17" s="62">
        <v>8</v>
      </c>
      <c r="JU17" s="231"/>
      <c r="JV17" s="61">
        <v>15</v>
      </c>
      <c r="JW17" s="61">
        <v>16</v>
      </c>
      <c r="JX17" s="61">
        <v>10</v>
      </c>
      <c r="JY17" s="61">
        <v>8</v>
      </c>
      <c r="JZ17" s="61">
        <v>13</v>
      </c>
      <c r="KA17" s="62">
        <v>62</v>
      </c>
      <c r="KB17" s="63">
        <v>70</v>
      </c>
      <c r="KC17" s="60">
        <v>569</v>
      </c>
      <c r="KD17" s="61">
        <v>583</v>
      </c>
      <c r="KE17" s="62">
        <v>1152</v>
      </c>
      <c r="KF17" s="231"/>
      <c r="KG17" s="61">
        <v>897</v>
      </c>
      <c r="KH17" s="61">
        <v>784</v>
      </c>
      <c r="KI17" s="61">
        <v>534</v>
      </c>
      <c r="KJ17" s="61">
        <v>541</v>
      </c>
      <c r="KK17" s="61">
        <v>416</v>
      </c>
      <c r="KL17" s="62">
        <v>3172</v>
      </c>
      <c r="KM17" s="63">
        <v>4324</v>
      </c>
    </row>
    <row r="18" spans="2:299" ht="21" customHeight="1" x14ac:dyDescent="0.2">
      <c r="B18" s="472" t="s">
        <v>15</v>
      </c>
      <c r="C18" s="293">
        <v>121</v>
      </c>
      <c r="D18" s="72">
        <v>145</v>
      </c>
      <c r="E18" s="73">
        <v>266</v>
      </c>
      <c r="F18" s="228"/>
      <c r="G18" s="72">
        <v>254</v>
      </c>
      <c r="H18" s="72">
        <v>233</v>
      </c>
      <c r="I18" s="72">
        <v>169</v>
      </c>
      <c r="J18" s="72">
        <v>126</v>
      </c>
      <c r="K18" s="72">
        <v>68</v>
      </c>
      <c r="L18" s="74">
        <v>850</v>
      </c>
      <c r="M18" s="75">
        <v>1116</v>
      </c>
      <c r="N18" s="60">
        <v>5</v>
      </c>
      <c r="O18" s="61">
        <v>6</v>
      </c>
      <c r="P18" s="62">
        <v>11</v>
      </c>
      <c r="Q18" s="231"/>
      <c r="R18" s="61">
        <v>9</v>
      </c>
      <c r="S18" s="61">
        <v>17</v>
      </c>
      <c r="T18" s="61">
        <v>11</v>
      </c>
      <c r="U18" s="61">
        <v>4</v>
      </c>
      <c r="V18" s="61">
        <v>5</v>
      </c>
      <c r="W18" s="62">
        <v>46</v>
      </c>
      <c r="X18" s="63">
        <v>57</v>
      </c>
      <c r="Y18" s="60">
        <v>16</v>
      </c>
      <c r="Z18" s="61">
        <v>16</v>
      </c>
      <c r="AA18" s="62">
        <v>32</v>
      </c>
      <c r="AB18" s="231"/>
      <c r="AC18" s="61">
        <v>29</v>
      </c>
      <c r="AD18" s="61">
        <v>20</v>
      </c>
      <c r="AE18" s="61">
        <v>21</v>
      </c>
      <c r="AF18" s="61">
        <v>16</v>
      </c>
      <c r="AG18" s="61">
        <v>8</v>
      </c>
      <c r="AH18" s="62">
        <v>94</v>
      </c>
      <c r="AI18" s="63">
        <v>126</v>
      </c>
      <c r="AJ18" s="60">
        <v>16</v>
      </c>
      <c r="AK18" s="61">
        <v>22</v>
      </c>
      <c r="AL18" s="62">
        <v>38</v>
      </c>
      <c r="AM18" s="231"/>
      <c r="AN18" s="61">
        <v>34</v>
      </c>
      <c r="AO18" s="61">
        <v>50</v>
      </c>
      <c r="AP18" s="61">
        <v>25</v>
      </c>
      <c r="AQ18" s="61">
        <v>27</v>
      </c>
      <c r="AR18" s="61">
        <v>13</v>
      </c>
      <c r="AS18" s="62">
        <v>149</v>
      </c>
      <c r="AT18" s="63">
        <v>187</v>
      </c>
      <c r="AU18" s="60">
        <v>33</v>
      </c>
      <c r="AV18" s="61">
        <v>36</v>
      </c>
      <c r="AW18" s="62">
        <v>69</v>
      </c>
      <c r="AX18" s="231"/>
      <c r="AY18" s="61">
        <v>78</v>
      </c>
      <c r="AZ18" s="61">
        <v>47</v>
      </c>
      <c r="BA18" s="61">
        <v>33</v>
      </c>
      <c r="BB18" s="61">
        <v>32</v>
      </c>
      <c r="BC18" s="61">
        <v>19</v>
      </c>
      <c r="BD18" s="62">
        <v>209</v>
      </c>
      <c r="BE18" s="63">
        <v>278</v>
      </c>
      <c r="BF18" s="60">
        <v>34</v>
      </c>
      <c r="BG18" s="61">
        <v>44</v>
      </c>
      <c r="BH18" s="62">
        <v>78</v>
      </c>
      <c r="BI18" s="231"/>
      <c r="BJ18" s="61">
        <v>58</v>
      </c>
      <c r="BK18" s="61">
        <v>49</v>
      </c>
      <c r="BL18" s="61">
        <v>44</v>
      </c>
      <c r="BM18" s="61">
        <v>22</v>
      </c>
      <c r="BN18" s="61">
        <v>16</v>
      </c>
      <c r="BO18" s="62">
        <v>189</v>
      </c>
      <c r="BP18" s="63">
        <v>267</v>
      </c>
      <c r="BQ18" s="60">
        <v>17</v>
      </c>
      <c r="BR18" s="61">
        <v>21</v>
      </c>
      <c r="BS18" s="62">
        <v>38</v>
      </c>
      <c r="BT18" s="231"/>
      <c r="BU18" s="61">
        <v>46</v>
      </c>
      <c r="BV18" s="61">
        <v>50</v>
      </c>
      <c r="BW18" s="61">
        <v>35</v>
      </c>
      <c r="BX18" s="61">
        <v>25</v>
      </c>
      <c r="BY18" s="61">
        <v>7</v>
      </c>
      <c r="BZ18" s="62">
        <v>163</v>
      </c>
      <c r="CA18" s="63">
        <v>201</v>
      </c>
      <c r="CB18" s="60">
        <v>0</v>
      </c>
      <c r="CC18" s="61">
        <v>4</v>
      </c>
      <c r="CD18" s="62">
        <v>4</v>
      </c>
      <c r="CE18" s="231"/>
      <c r="CF18" s="61">
        <v>8</v>
      </c>
      <c r="CG18" s="61">
        <v>8</v>
      </c>
      <c r="CH18" s="61">
        <v>2</v>
      </c>
      <c r="CI18" s="61">
        <v>3</v>
      </c>
      <c r="CJ18" s="61">
        <v>6</v>
      </c>
      <c r="CK18" s="62">
        <v>27</v>
      </c>
      <c r="CL18" s="63">
        <v>31</v>
      </c>
      <c r="CM18" s="60">
        <v>121</v>
      </c>
      <c r="CN18" s="61">
        <v>149</v>
      </c>
      <c r="CO18" s="62">
        <v>270</v>
      </c>
      <c r="CP18" s="231"/>
      <c r="CQ18" s="61">
        <v>262</v>
      </c>
      <c r="CR18" s="61">
        <v>241</v>
      </c>
      <c r="CS18" s="61">
        <v>171</v>
      </c>
      <c r="CT18" s="61">
        <v>129</v>
      </c>
      <c r="CU18" s="61">
        <v>74</v>
      </c>
      <c r="CV18" s="62">
        <v>877</v>
      </c>
      <c r="CW18" s="63">
        <v>1147</v>
      </c>
      <c r="CX18" s="113">
        <v>268</v>
      </c>
      <c r="CY18" s="72">
        <v>359</v>
      </c>
      <c r="CZ18" s="73">
        <v>627</v>
      </c>
      <c r="DA18" s="228"/>
      <c r="DB18" s="72">
        <v>463</v>
      </c>
      <c r="DC18" s="72">
        <v>455</v>
      </c>
      <c r="DD18" s="72">
        <v>317</v>
      </c>
      <c r="DE18" s="72">
        <v>306</v>
      </c>
      <c r="DF18" s="72">
        <v>177</v>
      </c>
      <c r="DG18" s="74">
        <v>1718</v>
      </c>
      <c r="DH18" s="75">
        <v>2345</v>
      </c>
      <c r="DI18" s="60">
        <v>7</v>
      </c>
      <c r="DJ18" s="61">
        <v>6</v>
      </c>
      <c r="DK18" s="62">
        <v>13</v>
      </c>
      <c r="DL18" s="231"/>
      <c r="DM18" s="61">
        <v>15</v>
      </c>
      <c r="DN18" s="61">
        <v>12</v>
      </c>
      <c r="DO18" s="61">
        <v>1</v>
      </c>
      <c r="DP18" s="61">
        <v>1</v>
      </c>
      <c r="DQ18" s="61">
        <v>4</v>
      </c>
      <c r="DR18" s="62">
        <v>33</v>
      </c>
      <c r="DS18" s="63">
        <v>46</v>
      </c>
      <c r="DT18" s="60">
        <v>14</v>
      </c>
      <c r="DU18" s="61">
        <v>16</v>
      </c>
      <c r="DV18" s="62">
        <v>30</v>
      </c>
      <c r="DW18" s="231"/>
      <c r="DX18" s="61">
        <v>26</v>
      </c>
      <c r="DY18" s="61">
        <v>34</v>
      </c>
      <c r="DZ18" s="61">
        <v>22</v>
      </c>
      <c r="EA18" s="61">
        <v>13</v>
      </c>
      <c r="EB18" s="61">
        <v>9</v>
      </c>
      <c r="EC18" s="62">
        <v>104</v>
      </c>
      <c r="ED18" s="63">
        <v>134</v>
      </c>
      <c r="EE18" s="60">
        <v>67</v>
      </c>
      <c r="EF18" s="61">
        <v>51</v>
      </c>
      <c r="EG18" s="62">
        <v>118</v>
      </c>
      <c r="EH18" s="231"/>
      <c r="EI18" s="61">
        <v>59</v>
      </c>
      <c r="EJ18" s="61">
        <v>56</v>
      </c>
      <c r="EK18" s="61">
        <v>25</v>
      </c>
      <c r="EL18" s="61">
        <v>16</v>
      </c>
      <c r="EM18" s="61">
        <v>20</v>
      </c>
      <c r="EN18" s="62">
        <v>176</v>
      </c>
      <c r="EO18" s="63">
        <v>294</v>
      </c>
      <c r="EP18" s="60">
        <v>82</v>
      </c>
      <c r="EQ18" s="61">
        <v>110</v>
      </c>
      <c r="ER18" s="62">
        <v>192</v>
      </c>
      <c r="ES18" s="231"/>
      <c r="ET18" s="61">
        <v>111</v>
      </c>
      <c r="EU18" s="61">
        <v>84</v>
      </c>
      <c r="EV18" s="61">
        <v>59</v>
      </c>
      <c r="EW18" s="61">
        <v>40</v>
      </c>
      <c r="EX18" s="61">
        <v>36</v>
      </c>
      <c r="EY18" s="62">
        <v>330</v>
      </c>
      <c r="EZ18" s="63">
        <v>522</v>
      </c>
      <c r="FA18" s="60">
        <v>62</v>
      </c>
      <c r="FB18" s="61">
        <v>104</v>
      </c>
      <c r="FC18" s="62">
        <v>166</v>
      </c>
      <c r="FD18" s="231"/>
      <c r="FE18" s="61">
        <v>136</v>
      </c>
      <c r="FF18" s="61">
        <v>124</v>
      </c>
      <c r="FG18" s="61">
        <v>86</v>
      </c>
      <c r="FH18" s="61">
        <v>85</v>
      </c>
      <c r="FI18" s="61">
        <v>39</v>
      </c>
      <c r="FJ18" s="62">
        <v>470</v>
      </c>
      <c r="FK18" s="63">
        <v>636</v>
      </c>
      <c r="FL18" s="60">
        <v>36</v>
      </c>
      <c r="FM18" s="61">
        <v>72</v>
      </c>
      <c r="FN18" s="62">
        <v>108</v>
      </c>
      <c r="FO18" s="231"/>
      <c r="FP18" s="61">
        <v>116</v>
      </c>
      <c r="FQ18" s="61">
        <v>145</v>
      </c>
      <c r="FR18" s="61">
        <v>124</v>
      </c>
      <c r="FS18" s="61">
        <v>151</v>
      </c>
      <c r="FT18" s="61">
        <v>69</v>
      </c>
      <c r="FU18" s="62">
        <v>605</v>
      </c>
      <c r="FV18" s="63">
        <v>713</v>
      </c>
      <c r="FW18" s="60">
        <v>2</v>
      </c>
      <c r="FX18" s="61">
        <v>3</v>
      </c>
      <c r="FY18" s="62">
        <v>5</v>
      </c>
      <c r="FZ18" s="231"/>
      <c r="GA18" s="61">
        <v>4</v>
      </c>
      <c r="GB18" s="61">
        <v>8</v>
      </c>
      <c r="GC18" s="61">
        <v>0</v>
      </c>
      <c r="GD18" s="61">
        <v>2</v>
      </c>
      <c r="GE18" s="61">
        <v>6</v>
      </c>
      <c r="GF18" s="62">
        <v>20</v>
      </c>
      <c r="GG18" s="63">
        <v>25</v>
      </c>
      <c r="GH18" s="60">
        <v>270</v>
      </c>
      <c r="GI18" s="61">
        <v>362</v>
      </c>
      <c r="GJ18" s="62">
        <v>632</v>
      </c>
      <c r="GK18" s="231"/>
      <c r="GL18" s="61">
        <v>467</v>
      </c>
      <c r="GM18" s="61">
        <v>463</v>
      </c>
      <c r="GN18" s="61">
        <v>317</v>
      </c>
      <c r="GO18" s="61">
        <v>308</v>
      </c>
      <c r="GP18" s="61">
        <v>183</v>
      </c>
      <c r="GQ18" s="62">
        <v>1738</v>
      </c>
      <c r="GR18" s="63">
        <v>2370</v>
      </c>
      <c r="GS18" s="113">
        <v>389</v>
      </c>
      <c r="GT18" s="72">
        <v>504</v>
      </c>
      <c r="GU18" s="73">
        <v>893</v>
      </c>
      <c r="GV18" s="228"/>
      <c r="GW18" s="72">
        <v>717</v>
      </c>
      <c r="GX18" s="72">
        <v>688</v>
      </c>
      <c r="GY18" s="72">
        <v>486</v>
      </c>
      <c r="GZ18" s="72">
        <v>432</v>
      </c>
      <c r="HA18" s="72">
        <v>245</v>
      </c>
      <c r="HB18" s="74">
        <v>2568</v>
      </c>
      <c r="HC18" s="75">
        <v>3461</v>
      </c>
      <c r="HD18" s="60">
        <v>12</v>
      </c>
      <c r="HE18" s="61">
        <v>12</v>
      </c>
      <c r="HF18" s="62">
        <v>24</v>
      </c>
      <c r="HG18" s="231"/>
      <c r="HH18" s="61">
        <v>24</v>
      </c>
      <c r="HI18" s="61">
        <v>29</v>
      </c>
      <c r="HJ18" s="61">
        <v>12</v>
      </c>
      <c r="HK18" s="61">
        <v>5</v>
      </c>
      <c r="HL18" s="61">
        <v>9</v>
      </c>
      <c r="HM18" s="62">
        <v>79</v>
      </c>
      <c r="HN18" s="63">
        <v>103</v>
      </c>
      <c r="HO18" s="60">
        <v>30</v>
      </c>
      <c r="HP18" s="61">
        <v>32</v>
      </c>
      <c r="HQ18" s="62">
        <v>62</v>
      </c>
      <c r="HR18" s="231"/>
      <c r="HS18" s="61">
        <v>55</v>
      </c>
      <c r="HT18" s="61">
        <v>54</v>
      </c>
      <c r="HU18" s="61">
        <v>43</v>
      </c>
      <c r="HV18" s="61">
        <v>29</v>
      </c>
      <c r="HW18" s="61">
        <v>17</v>
      </c>
      <c r="HX18" s="62">
        <v>198</v>
      </c>
      <c r="HY18" s="63">
        <v>260</v>
      </c>
      <c r="HZ18" s="60">
        <v>83</v>
      </c>
      <c r="IA18" s="61">
        <v>73</v>
      </c>
      <c r="IB18" s="62">
        <v>156</v>
      </c>
      <c r="IC18" s="231"/>
      <c r="ID18" s="61">
        <v>93</v>
      </c>
      <c r="IE18" s="61">
        <v>106</v>
      </c>
      <c r="IF18" s="61">
        <v>50</v>
      </c>
      <c r="IG18" s="61">
        <v>43</v>
      </c>
      <c r="IH18" s="61">
        <v>33</v>
      </c>
      <c r="II18" s="62">
        <v>325</v>
      </c>
      <c r="IJ18" s="63">
        <v>481</v>
      </c>
      <c r="IK18" s="60">
        <v>115</v>
      </c>
      <c r="IL18" s="61">
        <v>146</v>
      </c>
      <c r="IM18" s="62">
        <v>261</v>
      </c>
      <c r="IN18" s="231"/>
      <c r="IO18" s="61">
        <v>189</v>
      </c>
      <c r="IP18" s="61">
        <v>131</v>
      </c>
      <c r="IQ18" s="61">
        <v>92</v>
      </c>
      <c r="IR18" s="61">
        <v>72</v>
      </c>
      <c r="IS18" s="61">
        <v>55</v>
      </c>
      <c r="IT18" s="62">
        <v>539</v>
      </c>
      <c r="IU18" s="63">
        <v>800</v>
      </c>
      <c r="IV18" s="60">
        <v>96</v>
      </c>
      <c r="IW18" s="61">
        <v>148</v>
      </c>
      <c r="IX18" s="62">
        <v>244</v>
      </c>
      <c r="IY18" s="231"/>
      <c r="IZ18" s="61">
        <v>194</v>
      </c>
      <c r="JA18" s="61">
        <v>173</v>
      </c>
      <c r="JB18" s="61">
        <v>130</v>
      </c>
      <c r="JC18" s="61">
        <v>107</v>
      </c>
      <c r="JD18" s="61">
        <v>55</v>
      </c>
      <c r="JE18" s="62">
        <v>659</v>
      </c>
      <c r="JF18" s="63">
        <v>903</v>
      </c>
      <c r="JG18" s="60">
        <v>53</v>
      </c>
      <c r="JH18" s="61">
        <v>93</v>
      </c>
      <c r="JI18" s="62">
        <v>146</v>
      </c>
      <c r="JJ18" s="231"/>
      <c r="JK18" s="61">
        <v>162</v>
      </c>
      <c r="JL18" s="61">
        <v>195</v>
      </c>
      <c r="JM18" s="61">
        <v>159</v>
      </c>
      <c r="JN18" s="61">
        <v>176</v>
      </c>
      <c r="JO18" s="61">
        <v>76</v>
      </c>
      <c r="JP18" s="62">
        <v>768</v>
      </c>
      <c r="JQ18" s="63">
        <v>914</v>
      </c>
      <c r="JR18" s="60">
        <v>2</v>
      </c>
      <c r="JS18" s="61">
        <v>7</v>
      </c>
      <c r="JT18" s="62">
        <v>9</v>
      </c>
      <c r="JU18" s="231"/>
      <c r="JV18" s="61">
        <v>12</v>
      </c>
      <c r="JW18" s="61">
        <v>16</v>
      </c>
      <c r="JX18" s="61">
        <v>2</v>
      </c>
      <c r="JY18" s="61">
        <v>5</v>
      </c>
      <c r="JZ18" s="61">
        <v>12</v>
      </c>
      <c r="KA18" s="62">
        <v>47</v>
      </c>
      <c r="KB18" s="63">
        <v>56</v>
      </c>
      <c r="KC18" s="60">
        <v>391</v>
      </c>
      <c r="KD18" s="61">
        <v>511</v>
      </c>
      <c r="KE18" s="62">
        <v>902</v>
      </c>
      <c r="KF18" s="231"/>
      <c r="KG18" s="61">
        <v>729</v>
      </c>
      <c r="KH18" s="61">
        <v>704</v>
      </c>
      <c r="KI18" s="61">
        <v>488</v>
      </c>
      <c r="KJ18" s="61">
        <v>437</v>
      </c>
      <c r="KK18" s="61">
        <v>257</v>
      </c>
      <c r="KL18" s="62">
        <v>2615</v>
      </c>
      <c r="KM18" s="63">
        <v>3517</v>
      </c>
    </row>
    <row r="19" spans="2:299" ht="21" customHeight="1" x14ac:dyDescent="0.2">
      <c r="B19" s="472" t="s">
        <v>16</v>
      </c>
      <c r="C19" s="293">
        <v>241</v>
      </c>
      <c r="D19" s="72">
        <v>300</v>
      </c>
      <c r="E19" s="73">
        <v>541</v>
      </c>
      <c r="F19" s="228"/>
      <c r="G19" s="72">
        <v>474</v>
      </c>
      <c r="H19" s="72">
        <v>620</v>
      </c>
      <c r="I19" s="72">
        <v>399</v>
      </c>
      <c r="J19" s="72">
        <v>323</v>
      </c>
      <c r="K19" s="72">
        <v>210</v>
      </c>
      <c r="L19" s="74">
        <v>2026</v>
      </c>
      <c r="M19" s="75">
        <v>2567</v>
      </c>
      <c r="N19" s="60">
        <v>11</v>
      </c>
      <c r="O19" s="61">
        <v>12</v>
      </c>
      <c r="P19" s="62">
        <v>23</v>
      </c>
      <c r="Q19" s="231"/>
      <c r="R19" s="61">
        <v>15</v>
      </c>
      <c r="S19" s="61">
        <v>29</v>
      </c>
      <c r="T19" s="61">
        <v>22</v>
      </c>
      <c r="U19" s="61">
        <v>18</v>
      </c>
      <c r="V19" s="61">
        <v>19</v>
      </c>
      <c r="W19" s="62">
        <v>103</v>
      </c>
      <c r="X19" s="63">
        <v>126</v>
      </c>
      <c r="Y19" s="60">
        <v>31</v>
      </c>
      <c r="Z19" s="61">
        <v>56</v>
      </c>
      <c r="AA19" s="62">
        <v>87</v>
      </c>
      <c r="AB19" s="231"/>
      <c r="AC19" s="61">
        <v>49</v>
      </c>
      <c r="AD19" s="61">
        <v>76</v>
      </c>
      <c r="AE19" s="61">
        <v>42</v>
      </c>
      <c r="AF19" s="61">
        <v>35</v>
      </c>
      <c r="AG19" s="61">
        <v>33</v>
      </c>
      <c r="AH19" s="62">
        <v>235</v>
      </c>
      <c r="AI19" s="63">
        <v>322</v>
      </c>
      <c r="AJ19" s="60">
        <v>50</v>
      </c>
      <c r="AK19" s="61">
        <v>53</v>
      </c>
      <c r="AL19" s="62">
        <v>103</v>
      </c>
      <c r="AM19" s="231"/>
      <c r="AN19" s="61">
        <v>76</v>
      </c>
      <c r="AO19" s="61">
        <v>106</v>
      </c>
      <c r="AP19" s="61">
        <v>83</v>
      </c>
      <c r="AQ19" s="61">
        <v>61</v>
      </c>
      <c r="AR19" s="61">
        <v>39</v>
      </c>
      <c r="AS19" s="62">
        <v>365</v>
      </c>
      <c r="AT19" s="63">
        <v>468</v>
      </c>
      <c r="AU19" s="60">
        <v>79</v>
      </c>
      <c r="AV19" s="61">
        <v>69</v>
      </c>
      <c r="AW19" s="62">
        <v>148</v>
      </c>
      <c r="AX19" s="231"/>
      <c r="AY19" s="61">
        <v>137</v>
      </c>
      <c r="AZ19" s="61">
        <v>166</v>
      </c>
      <c r="BA19" s="61">
        <v>87</v>
      </c>
      <c r="BB19" s="61">
        <v>79</v>
      </c>
      <c r="BC19" s="61">
        <v>49</v>
      </c>
      <c r="BD19" s="62">
        <v>518</v>
      </c>
      <c r="BE19" s="63">
        <v>666</v>
      </c>
      <c r="BF19" s="60">
        <v>48</v>
      </c>
      <c r="BG19" s="61">
        <v>67</v>
      </c>
      <c r="BH19" s="62">
        <v>115</v>
      </c>
      <c r="BI19" s="231"/>
      <c r="BJ19" s="61">
        <v>134</v>
      </c>
      <c r="BK19" s="61">
        <v>140</v>
      </c>
      <c r="BL19" s="61">
        <v>86</v>
      </c>
      <c r="BM19" s="61">
        <v>58</v>
      </c>
      <c r="BN19" s="61">
        <v>38</v>
      </c>
      <c r="BO19" s="62">
        <v>456</v>
      </c>
      <c r="BP19" s="63">
        <v>571</v>
      </c>
      <c r="BQ19" s="60">
        <v>22</v>
      </c>
      <c r="BR19" s="61">
        <v>43</v>
      </c>
      <c r="BS19" s="62">
        <v>65</v>
      </c>
      <c r="BT19" s="231"/>
      <c r="BU19" s="61">
        <v>63</v>
      </c>
      <c r="BV19" s="61">
        <v>103</v>
      </c>
      <c r="BW19" s="61">
        <v>79</v>
      </c>
      <c r="BX19" s="61">
        <v>72</v>
      </c>
      <c r="BY19" s="61">
        <v>32</v>
      </c>
      <c r="BZ19" s="62">
        <v>349</v>
      </c>
      <c r="CA19" s="63">
        <v>414</v>
      </c>
      <c r="CB19" s="60">
        <v>9</v>
      </c>
      <c r="CC19" s="61">
        <v>11</v>
      </c>
      <c r="CD19" s="62">
        <v>20</v>
      </c>
      <c r="CE19" s="231"/>
      <c r="CF19" s="61">
        <v>18</v>
      </c>
      <c r="CG19" s="61">
        <v>23</v>
      </c>
      <c r="CH19" s="61">
        <v>21</v>
      </c>
      <c r="CI19" s="61">
        <v>13</v>
      </c>
      <c r="CJ19" s="61">
        <v>12</v>
      </c>
      <c r="CK19" s="62">
        <v>87</v>
      </c>
      <c r="CL19" s="63">
        <v>107</v>
      </c>
      <c r="CM19" s="60">
        <v>250</v>
      </c>
      <c r="CN19" s="61">
        <v>311</v>
      </c>
      <c r="CO19" s="62">
        <v>561</v>
      </c>
      <c r="CP19" s="231"/>
      <c r="CQ19" s="61">
        <v>492</v>
      </c>
      <c r="CR19" s="61">
        <v>643</v>
      </c>
      <c r="CS19" s="61">
        <v>420</v>
      </c>
      <c r="CT19" s="61">
        <v>336</v>
      </c>
      <c r="CU19" s="61">
        <v>222</v>
      </c>
      <c r="CV19" s="62">
        <v>2113</v>
      </c>
      <c r="CW19" s="63">
        <v>2674</v>
      </c>
      <c r="CX19" s="113">
        <v>403</v>
      </c>
      <c r="CY19" s="72">
        <v>627</v>
      </c>
      <c r="CZ19" s="73">
        <v>1030</v>
      </c>
      <c r="DA19" s="228"/>
      <c r="DB19" s="72">
        <v>821</v>
      </c>
      <c r="DC19" s="72">
        <v>1005</v>
      </c>
      <c r="DD19" s="72">
        <v>761</v>
      </c>
      <c r="DE19" s="72">
        <v>775</v>
      </c>
      <c r="DF19" s="72">
        <v>500</v>
      </c>
      <c r="DG19" s="74">
        <v>3862</v>
      </c>
      <c r="DH19" s="75">
        <v>4892</v>
      </c>
      <c r="DI19" s="60">
        <v>12</v>
      </c>
      <c r="DJ19" s="61">
        <v>31</v>
      </c>
      <c r="DK19" s="62">
        <v>43</v>
      </c>
      <c r="DL19" s="231"/>
      <c r="DM19" s="61">
        <v>10</v>
      </c>
      <c r="DN19" s="61">
        <v>30</v>
      </c>
      <c r="DO19" s="61">
        <v>18</v>
      </c>
      <c r="DP19" s="61">
        <v>14</v>
      </c>
      <c r="DQ19" s="61">
        <v>10</v>
      </c>
      <c r="DR19" s="62">
        <v>82</v>
      </c>
      <c r="DS19" s="63">
        <v>125</v>
      </c>
      <c r="DT19" s="60">
        <v>30</v>
      </c>
      <c r="DU19" s="61">
        <v>48</v>
      </c>
      <c r="DV19" s="62">
        <v>78</v>
      </c>
      <c r="DW19" s="231"/>
      <c r="DX19" s="61">
        <v>61</v>
      </c>
      <c r="DY19" s="61">
        <v>65</v>
      </c>
      <c r="DZ19" s="61">
        <v>40</v>
      </c>
      <c r="EA19" s="61">
        <v>43</v>
      </c>
      <c r="EB19" s="61">
        <v>32</v>
      </c>
      <c r="EC19" s="62">
        <v>241</v>
      </c>
      <c r="ED19" s="63">
        <v>319</v>
      </c>
      <c r="EE19" s="60">
        <v>85</v>
      </c>
      <c r="EF19" s="61">
        <v>104</v>
      </c>
      <c r="EG19" s="62">
        <v>189</v>
      </c>
      <c r="EH19" s="231"/>
      <c r="EI19" s="61">
        <v>105</v>
      </c>
      <c r="EJ19" s="61">
        <v>138</v>
      </c>
      <c r="EK19" s="61">
        <v>83</v>
      </c>
      <c r="EL19" s="61">
        <v>72</v>
      </c>
      <c r="EM19" s="61">
        <v>50</v>
      </c>
      <c r="EN19" s="62">
        <v>448</v>
      </c>
      <c r="EO19" s="63">
        <v>637</v>
      </c>
      <c r="EP19" s="60">
        <v>115</v>
      </c>
      <c r="EQ19" s="61">
        <v>167</v>
      </c>
      <c r="ER19" s="62">
        <v>282</v>
      </c>
      <c r="ES19" s="231"/>
      <c r="ET19" s="61">
        <v>205</v>
      </c>
      <c r="EU19" s="61">
        <v>200</v>
      </c>
      <c r="EV19" s="61">
        <v>130</v>
      </c>
      <c r="EW19" s="61">
        <v>128</v>
      </c>
      <c r="EX19" s="61">
        <v>95</v>
      </c>
      <c r="EY19" s="62">
        <v>758</v>
      </c>
      <c r="EZ19" s="63">
        <v>1040</v>
      </c>
      <c r="FA19" s="60">
        <v>96</v>
      </c>
      <c r="FB19" s="61">
        <v>157</v>
      </c>
      <c r="FC19" s="62">
        <v>253</v>
      </c>
      <c r="FD19" s="231"/>
      <c r="FE19" s="61">
        <v>256</v>
      </c>
      <c r="FF19" s="61">
        <v>266</v>
      </c>
      <c r="FG19" s="61">
        <v>212</v>
      </c>
      <c r="FH19" s="61">
        <v>175</v>
      </c>
      <c r="FI19" s="61">
        <v>118</v>
      </c>
      <c r="FJ19" s="62">
        <v>1027</v>
      </c>
      <c r="FK19" s="63">
        <v>1280</v>
      </c>
      <c r="FL19" s="60">
        <v>65</v>
      </c>
      <c r="FM19" s="61">
        <v>120</v>
      </c>
      <c r="FN19" s="62">
        <v>185</v>
      </c>
      <c r="FO19" s="231"/>
      <c r="FP19" s="61">
        <v>184</v>
      </c>
      <c r="FQ19" s="61">
        <v>306</v>
      </c>
      <c r="FR19" s="61">
        <v>278</v>
      </c>
      <c r="FS19" s="61">
        <v>343</v>
      </c>
      <c r="FT19" s="61">
        <v>195</v>
      </c>
      <c r="FU19" s="62">
        <v>1306</v>
      </c>
      <c r="FV19" s="63">
        <v>1491</v>
      </c>
      <c r="FW19" s="60">
        <v>11</v>
      </c>
      <c r="FX19" s="61">
        <v>12</v>
      </c>
      <c r="FY19" s="62">
        <v>23</v>
      </c>
      <c r="FZ19" s="231"/>
      <c r="GA19" s="61">
        <v>7</v>
      </c>
      <c r="GB19" s="61">
        <v>20</v>
      </c>
      <c r="GC19" s="61">
        <v>9</v>
      </c>
      <c r="GD19" s="61">
        <v>11</v>
      </c>
      <c r="GE19" s="61">
        <v>13</v>
      </c>
      <c r="GF19" s="62">
        <v>60</v>
      </c>
      <c r="GG19" s="63">
        <v>83</v>
      </c>
      <c r="GH19" s="60">
        <v>414</v>
      </c>
      <c r="GI19" s="61">
        <v>639</v>
      </c>
      <c r="GJ19" s="62">
        <v>1053</v>
      </c>
      <c r="GK19" s="231"/>
      <c r="GL19" s="61">
        <v>828</v>
      </c>
      <c r="GM19" s="61">
        <v>1025</v>
      </c>
      <c r="GN19" s="61">
        <v>770</v>
      </c>
      <c r="GO19" s="61">
        <v>786</v>
      </c>
      <c r="GP19" s="61">
        <v>513</v>
      </c>
      <c r="GQ19" s="62">
        <v>3922</v>
      </c>
      <c r="GR19" s="63">
        <v>4975</v>
      </c>
      <c r="GS19" s="113">
        <v>644</v>
      </c>
      <c r="GT19" s="72">
        <v>927</v>
      </c>
      <c r="GU19" s="73">
        <v>1571</v>
      </c>
      <c r="GV19" s="228"/>
      <c r="GW19" s="72">
        <v>1295</v>
      </c>
      <c r="GX19" s="72">
        <v>1625</v>
      </c>
      <c r="GY19" s="72">
        <v>1160</v>
      </c>
      <c r="GZ19" s="72">
        <v>1098</v>
      </c>
      <c r="HA19" s="72">
        <v>710</v>
      </c>
      <c r="HB19" s="74">
        <v>5888</v>
      </c>
      <c r="HC19" s="75">
        <v>7459</v>
      </c>
      <c r="HD19" s="60">
        <v>23</v>
      </c>
      <c r="HE19" s="61">
        <v>43</v>
      </c>
      <c r="HF19" s="62">
        <v>66</v>
      </c>
      <c r="HG19" s="231"/>
      <c r="HH19" s="61">
        <v>25</v>
      </c>
      <c r="HI19" s="61">
        <v>59</v>
      </c>
      <c r="HJ19" s="61">
        <v>40</v>
      </c>
      <c r="HK19" s="61">
        <v>32</v>
      </c>
      <c r="HL19" s="61">
        <v>29</v>
      </c>
      <c r="HM19" s="62">
        <v>185</v>
      </c>
      <c r="HN19" s="63">
        <v>251</v>
      </c>
      <c r="HO19" s="60">
        <v>61</v>
      </c>
      <c r="HP19" s="61">
        <v>104</v>
      </c>
      <c r="HQ19" s="62">
        <v>165</v>
      </c>
      <c r="HR19" s="231"/>
      <c r="HS19" s="61">
        <v>110</v>
      </c>
      <c r="HT19" s="61">
        <v>141</v>
      </c>
      <c r="HU19" s="61">
        <v>82</v>
      </c>
      <c r="HV19" s="61">
        <v>78</v>
      </c>
      <c r="HW19" s="61">
        <v>65</v>
      </c>
      <c r="HX19" s="62">
        <v>476</v>
      </c>
      <c r="HY19" s="63">
        <v>641</v>
      </c>
      <c r="HZ19" s="60">
        <v>135</v>
      </c>
      <c r="IA19" s="61">
        <v>157</v>
      </c>
      <c r="IB19" s="62">
        <v>292</v>
      </c>
      <c r="IC19" s="231"/>
      <c r="ID19" s="61">
        <v>181</v>
      </c>
      <c r="IE19" s="61">
        <v>244</v>
      </c>
      <c r="IF19" s="61">
        <v>166</v>
      </c>
      <c r="IG19" s="61">
        <v>133</v>
      </c>
      <c r="IH19" s="61">
        <v>89</v>
      </c>
      <c r="II19" s="62">
        <v>813</v>
      </c>
      <c r="IJ19" s="63">
        <v>1105</v>
      </c>
      <c r="IK19" s="60">
        <v>194</v>
      </c>
      <c r="IL19" s="61">
        <v>236</v>
      </c>
      <c r="IM19" s="62">
        <v>430</v>
      </c>
      <c r="IN19" s="231"/>
      <c r="IO19" s="61">
        <v>342</v>
      </c>
      <c r="IP19" s="61">
        <v>366</v>
      </c>
      <c r="IQ19" s="61">
        <v>217</v>
      </c>
      <c r="IR19" s="61">
        <v>207</v>
      </c>
      <c r="IS19" s="61">
        <v>144</v>
      </c>
      <c r="IT19" s="62">
        <v>1276</v>
      </c>
      <c r="IU19" s="63">
        <v>1706</v>
      </c>
      <c r="IV19" s="60">
        <v>144</v>
      </c>
      <c r="IW19" s="61">
        <v>224</v>
      </c>
      <c r="IX19" s="62">
        <v>368</v>
      </c>
      <c r="IY19" s="231"/>
      <c r="IZ19" s="61">
        <v>390</v>
      </c>
      <c r="JA19" s="61">
        <v>406</v>
      </c>
      <c r="JB19" s="61">
        <v>298</v>
      </c>
      <c r="JC19" s="61">
        <v>233</v>
      </c>
      <c r="JD19" s="61">
        <v>156</v>
      </c>
      <c r="JE19" s="62">
        <v>1483</v>
      </c>
      <c r="JF19" s="63">
        <v>1851</v>
      </c>
      <c r="JG19" s="60">
        <v>87</v>
      </c>
      <c r="JH19" s="61">
        <v>163</v>
      </c>
      <c r="JI19" s="62">
        <v>250</v>
      </c>
      <c r="JJ19" s="231"/>
      <c r="JK19" s="61">
        <v>247</v>
      </c>
      <c r="JL19" s="61">
        <v>409</v>
      </c>
      <c r="JM19" s="61">
        <v>357</v>
      </c>
      <c r="JN19" s="61">
        <v>415</v>
      </c>
      <c r="JO19" s="61">
        <v>227</v>
      </c>
      <c r="JP19" s="62">
        <v>1655</v>
      </c>
      <c r="JQ19" s="63">
        <v>1905</v>
      </c>
      <c r="JR19" s="60">
        <v>20</v>
      </c>
      <c r="JS19" s="61">
        <v>23</v>
      </c>
      <c r="JT19" s="62">
        <v>43</v>
      </c>
      <c r="JU19" s="231"/>
      <c r="JV19" s="61">
        <v>25</v>
      </c>
      <c r="JW19" s="61">
        <v>43</v>
      </c>
      <c r="JX19" s="61">
        <v>30</v>
      </c>
      <c r="JY19" s="61">
        <v>24</v>
      </c>
      <c r="JZ19" s="61">
        <v>25</v>
      </c>
      <c r="KA19" s="62">
        <v>147</v>
      </c>
      <c r="KB19" s="63">
        <v>190</v>
      </c>
      <c r="KC19" s="60">
        <v>664</v>
      </c>
      <c r="KD19" s="61">
        <v>950</v>
      </c>
      <c r="KE19" s="62">
        <v>1614</v>
      </c>
      <c r="KF19" s="231"/>
      <c r="KG19" s="61">
        <v>1320</v>
      </c>
      <c r="KH19" s="61">
        <v>1668</v>
      </c>
      <c r="KI19" s="61">
        <v>1190</v>
      </c>
      <c r="KJ19" s="61">
        <v>1122</v>
      </c>
      <c r="KK19" s="61">
        <v>735</v>
      </c>
      <c r="KL19" s="62">
        <v>6035</v>
      </c>
      <c r="KM19" s="63">
        <v>7649</v>
      </c>
    </row>
    <row r="20" spans="2:299" ht="21" customHeight="1" x14ac:dyDescent="0.2">
      <c r="B20" s="472" t="s">
        <v>17</v>
      </c>
      <c r="C20" s="293">
        <v>283</v>
      </c>
      <c r="D20" s="72">
        <v>390</v>
      </c>
      <c r="E20" s="73">
        <v>673</v>
      </c>
      <c r="F20" s="228"/>
      <c r="G20" s="72">
        <v>590</v>
      </c>
      <c r="H20" s="72">
        <v>785</v>
      </c>
      <c r="I20" s="72">
        <v>550</v>
      </c>
      <c r="J20" s="72">
        <v>427</v>
      </c>
      <c r="K20" s="72">
        <v>267</v>
      </c>
      <c r="L20" s="74">
        <v>2619</v>
      </c>
      <c r="M20" s="75">
        <v>3292</v>
      </c>
      <c r="N20" s="60">
        <v>11</v>
      </c>
      <c r="O20" s="61">
        <v>19</v>
      </c>
      <c r="P20" s="62">
        <v>30</v>
      </c>
      <c r="Q20" s="231"/>
      <c r="R20" s="61">
        <v>25</v>
      </c>
      <c r="S20" s="61">
        <v>45</v>
      </c>
      <c r="T20" s="61">
        <v>29</v>
      </c>
      <c r="U20" s="61">
        <v>22</v>
      </c>
      <c r="V20" s="61">
        <v>23</v>
      </c>
      <c r="W20" s="62">
        <v>144</v>
      </c>
      <c r="X20" s="63">
        <v>174</v>
      </c>
      <c r="Y20" s="60">
        <v>20</v>
      </c>
      <c r="Z20" s="61">
        <v>60</v>
      </c>
      <c r="AA20" s="62">
        <v>80</v>
      </c>
      <c r="AB20" s="231"/>
      <c r="AC20" s="61">
        <v>49</v>
      </c>
      <c r="AD20" s="61">
        <v>99</v>
      </c>
      <c r="AE20" s="61">
        <v>69</v>
      </c>
      <c r="AF20" s="61">
        <v>61</v>
      </c>
      <c r="AG20" s="61">
        <v>36</v>
      </c>
      <c r="AH20" s="62">
        <v>314</v>
      </c>
      <c r="AI20" s="63">
        <v>394</v>
      </c>
      <c r="AJ20" s="60">
        <v>53</v>
      </c>
      <c r="AK20" s="61">
        <v>60</v>
      </c>
      <c r="AL20" s="62">
        <v>113</v>
      </c>
      <c r="AM20" s="231"/>
      <c r="AN20" s="61">
        <v>108</v>
      </c>
      <c r="AO20" s="61">
        <v>152</v>
      </c>
      <c r="AP20" s="61">
        <v>99</v>
      </c>
      <c r="AQ20" s="61">
        <v>66</v>
      </c>
      <c r="AR20" s="61">
        <v>52</v>
      </c>
      <c r="AS20" s="62">
        <v>477</v>
      </c>
      <c r="AT20" s="63">
        <v>590</v>
      </c>
      <c r="AU20" s="60">
        <v>69</v>
      </c>
      <c r="AV20" s="61">
        <v>106</v>
      </c>
      <c r="AW20" s="62">
        <v>175</v>
      </c>
      <c r="AX20" s="231"/>
      <c r="AY20" s="61">
        <v>175</v>
      </c>
      <c r="AZ20" s="61">
        <v>198</v>
      </c>
      <c r="BA20" s="61">
        <v>154</v>
      </c>
      <c r="BB20" s="61">
        <v>88</v>
      </c>
      <c r="BC20" s="61">
        <v>59</v>
      </c>
      <c r="BD20" s="62">
        <v>674</v>
      </c>
      <c r="BE20" s="63">
        <v>849</v>
      </c>
      <c r="BF20" s="60">
        <v>76</v>
      </c>
      <c r="BG20" s="61">
        <v>91</v>
      </c>
      <c r="BH20" s="62">
        <v>167</v>
      </c>
      <c r="BI20" s="231"/>
      <c r="BJ20" s="61">
        <v>143</v>
      </c>
      <c r="BK20" s="61">
        <v>173</v>
      </c>
      <c r="BL20" s="61">
        <v>121</v>
      </c>
      <c r="BM20" s="61">
        <v>119</v>
      </c>
      <c r="BN20" s="61">
        <v>57</v>
      </c>
      <c r="BO20" s="62">
        <v>613</v>
      </c>
      <c r="BP20" s="63">
        <v>780</v>
      </c>
      <c r="BQ20" s="60">
        <v>54</v>
      </c>
      <c r="BR20" s="61">
        <v>54</v>
      </c>
      <c r="BS20" s="62">
        <v>108</v>
      </c>
      <c r="BT20" s="231"/>
      <c r="BU20" s="61">
        <v>90</v>
      </c>
      <c r="BV20" s="61">
        <v>118</v>
      </c>
      <c r="BW20" s="61">
        <v>78</v>
      </c>
      <c r="BX20" s="61">
        <v>71</v>
      </c>
      <c r="BY20" s="61">
        <v>40</v>
      </c>
      <c r="BZ20" s="62">
        <v>397</v>
      </c>
      <c r="CA20" s="63">
        <v>505</v>
      </c>
      <c r="CB20" s="60">
        <v>12</v>
      </c>
      <c r="CC20" s="61">
        <v>26</v>
      </c>
      <c r="CD20" s="62">
        <v>38</v>
      </c>
      <c r="CE20" s="231"/>
      <c r="CF20" s="61">
        <v>19</v>
      </c>
      <c r="CG20" s="61">
        <v>46</v>
      </c>
      <c r="CH20" s="61">
        <v>29</v>
      </c>
      <c r="CI20" s="61">
        <v>14</v>
      </c>
      <c r="CJ20" s="61">
        <v>15</v>
      </c>
      <c r="CK20" s="62">
        <v>123</v>
      </c>
      <c r="CL20" s="63">
        <v>161</v>
      </c>
      <c r="CM20" s="60">
        <v>295</v>
      </c>
      <c r="CN20" s="61">
        <v>416</v>
      </c>
      <c r="CO20" s="62">
        <v>711</v>
      </c>
      <c r="CP20" s="231"/>
      <c r="CQ20" s="61">
        <v>609</v>
      </c>
      <c r="CR20" s="61">
        <v>831</v>
      </c>
      <c r="CS20" s="61">
        <v>579</v>
      </c>
      <c r="CT20" s="61">
        <v>441</v>
      </c>
      <c r="CU20" s="61">
        <v>282</v>
      </c>
      <c r="CV20" s="62">
        <v>2742</v>
      </c>
      <c r="CW20" s="63">
        <v>3453</v>
      </c>
      <c r="CX20" s="113">
        <v>614</v>
      </c>
      <c r="CY20" s="72">
        <v>871</v>
      </c>
      <c r="CZ20" s="73">
        <v>1485</v>
      </c>
      <c r="DA20" s="228"/>
      <c r="DB20" s="72">
        <v>970</v>
      </c>
      <c r="DC20" s="72">
        <v>1282</v>
      </c>
      <c r="DD20" s="72">
        <v>954</v>
      </c>
      <c r="DE20" s="72">
        <v>875</v>
      </c>
      <c r="DF20" s="72">
        <v>594</v>
      </c>
      <c r="DG20" s="74">
        <v>4675</v>
      </c>
      <c r="DH20" s="75">
        <v>6160</v>
      </c>
      <c r="DI20" s="60">
        <v>14</v>
      </c>
      <c r="DJ20" s="61">
        <v>32</v>
      </c>
      <c r="DK20" s="62">
        <v>46</v>
      </c>
      <c r="DL20" s="231"/>
      <c r="DM20" s="61">
        <v>18</v>
      </c>
      <c r="DN20" s="61">
        <v>34</v>
      </c>
      <c r="DO20" s="61">
        <v>29</v>
      </c>
      <c r="DP20" s="61">
        <v>18</v>
      </c>
      <c r="DQ20" s="61">
        <v>20</v>
      </c>
      <c r="DR20" s="62">
        <v>119</v>
      </c>
      <c r="DS20" s="63">
        <v>165</v>
      </c>
      <c r="DT20" s="60">
        <v>42</v>
      </c>
      <c r="DU20" s="61">
        <v>73</v>
      </c>
      <c r="DV20" s="62">
        <v>115</v>
      </c>
      <c r="DW20" s="231"/>
      <c r="DX20" s="61">
        <v>75</v>
      </c>
      <c r="DY20" s="61">
        <v>79</v>
      </c>
      <c r="DZ20" s="61">
        <v>57</v>
      </c>
      <c r="EA20" s="61">
        <v>52</v>
      </c>
      <c r="EB20" s="61">
        <v>28</v>
      </c>
      <c r="EC20" s="62">
        <v>291</v>
      </c>
      <c r="ED20" s="63">
        <v>406</v>
      </c>
      <c r="EE20" s="60">
        <v>111</v>
      </c>
      <c r="EF20" s="61">
        <v>149</v>
      </c>
      <c r="EG20" s="62">
        <v>260</v>
      </c>
      <c r="EH20" s="231"/>
      <c r="EI20" s="61">
        <v>132</v>
      </c>
      <c r="EJ20" s="61">
        <v>175</v>
      </c>
      <c r="EK20" s="61">
        <v>121</v>
      </c>
      <c r="EL20" s="61">
        <v>89</v>
      </c>
      <c r="EM20" s="61">
        <v>69</v>
      </c>
      <c r="EN20" s="62">
        <v>586</v>
      </c>
      <c r="EO20" s="63">
        <v>846</v>
      </c>
      <c r="EP20" s="60">
        <v>218</v>
      </c>
      <c r="EQ20" s="61">
        <v>250</v>
      </c>
      <c r="ER20" s="62">
        <v>468</v>
      </c>
      <c r="ES20" s="231"/>
      <c r="ET20" s="61">
        <v>255</v>
      </c>
      <c r="EU20" s="61">
        <v>308</v>
      </c>
      <c r="EV20" s="61">
        <v>209</v>
      </c>
      <c r="EW20" s="61">
        <v>188</v>
      </c>
      <c r="EX20" s="61">
        <v>114</v>
      </c>
      <c r="EY20" s="62">
        <v>1074</v>
      </c>
      <c r="EZ20" s="63">
        <v>1542</v>
      </c>
      <c r="FA20" s="60">
        <v>154</v>
      </c>
      <c r="FB20" s="61">
        <v>225</v>
      </c>
      <c r="FC20" s="62">
        <v>379</v>
      </c>
      <c r="FD20" s="231"/>
      <c r="FE20" s="61">
        <v>273</v>
      </c>
      <c r="FF20" s="61">
        <v>348</v>
      </c>
      <c r="FG20" s="61">
        <v>259</v>
      </c>
      <c r="FH20" s="61">
        <v>208</v>
      </c>
      <c r="FI20" s="61">
        <v>164</v>
      </c>
      <c r="FJ20" s="62">
        <v>1252</v>
      </c>
      <c r="FK20" s="63">
        <v>1631</v>
      </c>
      <c r="FL20" s="60">
        <v>75</v>
      </c>
      <c r="FM20" s="61">
        <v>142</v>
      </c>
      <c r="FN20" s="62">
        <v>217</v>
      </c>
      <c r="FO20" s="231"/>
      <c r="FP20" s="61">
        <v>217</v>
      </c>
      <c r="FQ20" s="61">
        <v>338</v>
      </c>
      <c r="FR20" s="61">
        <v>279</v>
      </c>
      <c r="FS20" s="61">
        <v>320</v>
      </c>
      <c r="FT20" s="61">
        <v>199</v>
      </c>
      <c r="FU20" s="62">
        <v>1353</v>
      </c>
      <c r="FV20" s="63">
        <v>1570</v>
      </c>
      <c r="FW20" s="60">
        <v>4</v>
      </c>
      <c r="FX20" s="61">
        <v>21</v>
      </c>
      <c r="FY20" s="62">
        <v>25</v>
      </c>
      <c r="FZ20" s="231"/>
      <c r="GA20" s="61">
        <v>11</v>
      </c>
      <c r="GB20" s="61">
        <v>32</v>
      </c>
      <c r="GC20" s="61">
        <v>19</v>
      </c>
      <c r="GD20" s="61">
        <v>17</v>
      </c>
      <c r="GE20" s="61">
        <v>23</v>
      </c>
      <c r="GF20" s="62">
        <v>102</v>
      </c>
      <c r="GG20" s="63">
        <v>127</v>
      </c>
      <c r="GH20" s="60">
        <v>618</v>
      </c>
      <c r="GI20" s="61">
        <v>892</v>
      </c>
      <c r="GJ20" s="62">
        <v>1510</v>
      </c>
      <c r="GK20" s="231"/>
      <c r="GL20" s="61">
        <v>981</v>
      </c>
      <c r="GM20" s="61">
        <v>1314</v>
      </c>
      <c r="GN20" s="61">
        <v>973</v>
      </c>
      <c r="GO20" s="61">
        <v>892</v>
      </c>
      <c r="GP20" s="61">
        <v>617</v>
      </c>
      <c r="GQ20" s="62">
        <v>4777</v>
      </c>
      <c r="GR20" s="63">
        <v>6287</v>
      </c>
      <c r="GS20" s="113">
        <v>897</v>
      </c>
      <c r="GT20" s="72">
        <v>1261</v>
      </c>
      <c r="GU20" s="73">
        <v>2158</v>
      </c>
      <c r="GV20" s="228"/>
      <c r="GW20" s="72">
        <v>1560</v>
      </c>
      <c r="GX20" s="72">
        <v>2067</v>
      </c>
      <c r="GY20" s="72">
        <v>1504</v>
      </c>
      <c r="GZ20" s="72">
        <v>1302</v>
      </c>
      <c r="HA20" s="72">
        <v>861</v>
      </c>
      <c r="HB20" s="74">
        <v>7294</v>
      </c>
      <c r="HC20" s="75">
        <v>9452</v>
      </c>
      <c r="HD20" s="60">
        <v>25</v>
      </c>
      <c r="HE20" s="61">
        <v>51</v>
      </c>
      <c r="HF20" s="62">
        <v>76</v>
      </c>
      <c r="HG20" s="231"/>
      <c r="HH20" s="61">
        <v>43</v>
      </c>
      <c r="HI20" s="61">
        <v>79</v>
      </c>
      <c r="HJ20" s="61">
        <v>58</v>
      </c>
      <c r="HK20" s="61">
        <v>40</v>
      </c>
      <c r="HL20" s="61">
        <v>43</v>
      </c>
      <c r="HM20" s="62">
        <v>263</v>
      </c>
      <c r="HN20" s="63">
        <v>339</v>
      </c>
      <c r="HO20" s="60">
        <v>62</v>
      </c>
      <c r="HP20" s="61">
        <v>133</v>
      </c>
      <c r="HQ20" s="62">
        <v>195</v>
      </c>
      <c r="HR20" s="231"/>
      <c r="HS20" s="61">
        <v>124</v>
      </c>
      <c r="HT20" s="61">
        <v>178</v>
      </c>
      <c r="HU20" s="61">
        <v>126</v>
      </c>
      <c r="HV20" s="61">
        <v>113</v>
      </c>
      <c r="HW20" s="61">
        <v>64</v>
      </c>
      <c r="HX20" s="62">
        <v>605</v>
      </c>
      <c r="HY20" s="63">
        <v>800</v>
      </c>
      <c r="HZ20" s="60">
        <v>164</v>
      </c>
      <c r="IA20" s="61">
        <v>209</v>
      </c>
      <c r="IB20" s="62">
        <v>373</v>
      </c>
      <c r="IC20" s="231"/>
      <c r="ID20" s="61">
        <v>240</v>
      </c>
      <c r="IE20" s="61">
        <v>327</v>
      </c>
      <c r="IF20" s="61">
        <v>220</v>
      </c>
      <c r="IG20" s="61">
        <v>155</v>
      </c>
      <c r="IH20" s="61">
        <v>121</v>
      </c>
      <c r="II20" s="62">
        <v>1063</v>
      </c>
      <c r="IJ20" s="63">
        <v>1436</v>
      </c>
      <c r="IK20" s="60">
        <v>287</v>
      </c>
      <c r="IL20" s="61">
        <v>356</v>
      </c>
      <c r="IM20" s="62">
        <v>643</v>
      </c>
      <c r="IN20" s="231"/>
      <c r="IO20" s="61">
        <v>430</v>
      </c>
      <c r="IP20" s="61">
        <v>506</v>
      </c>
      <c r="IQ20" s="61">
        <v>363</v>
      </c>
      <c r="IR20" s="61">
        <v>276</v>
      </c>
      <c r="IS20" s="61">
        <v>173</v>
      </c>
      <c r="IT20" s="62">
        <v>1748</v>
      </c>
      <c r="IU20" s="63">
        <v>2391</v>
      </c>
      <c r="IV20" s="60">
        <v>230</v>
      </c>
      <c r="IW20" s="61">
        <v>316</v>
      </c>
      <c r="IX20" s="62">
        <v>546</v>
      </c>
      <c r="IY20" s="231"/>
      <c r="IZ20" s="61">
        <v>416</v>
      </c>
      <c r="JA20" s="61">
        <v>521</v>
      </c>
      <c r="JB20" s="61">
        <v>380</v>
      </c>
      <c r="JC20" s="61">
        <v>327</v>
      </c>
      <c r="JD20" s="61">
        <v>221</v>
      </c>
      <c r="JE20" s="62">
        <v>1865</v>
      </c>
      <c r="JF20" s="63">
        <v>2411</v>
      </c>
      <c r="JG20" s="60">
        <v>129</v>
      </c>
      <c r="JH20" s="61">
        <v>196</v>
      </c>
      <c r="JI20" s="62">
        <v>325</v>
      </c>
      <c r="JJ20" s="231"/>
      <c r="JK20" s="61">
        <v>307</v>
      </c>
      <c r="JL20" s="61">
        <v>456</v>
      </c>
      <c r="JM20" s="61">
        <v>357</v>
      </c>
      <c r="JN20" s="61">
        <v>391</v>
      </c>
      <c r="JO20" s="61">
        <v>239</v>
      </c>
      <c r="JP20" s="62">
        <v>1750</v>
      </c>
      <c r="JQ20" s="63">
        <v>2075</v>
      </c>
      <c r="JR20" s="60">
        <v>16</v>
      </c>
      <c r="JS20" s="61">
        <v>47</v>
      </c>
      <c r="JT20" s="62">
        <v>63</v>
      </c>
      <c r="JU20" s="231"/>
      <c r="JV20" s="61">
        <v>30</v>
      </c>
      <c r="JW20" s="61">
        <v>78</v>
      </c>
      <c r="JX20" s="61">
        <v>48</v>
      </c>
      <c r="JY20" s="61">
        <v>31</v>
      </c>
      <c r="JZ20" s="61">
        <v>38</v>
      </c>
      <c r="KA20" s="62">
        <v>225</v>
      </c>
      <c r="KB20" s="63">
        <v>288</v>
      </c>
      <c r="KC20" s="60">
        <v>913</v>
      </c>
      <c r="KD20" s="61">
        <v>1308</v>
      </c>
      <c r="KE20" s="62">
        <v>2221</v>
      </c>
      <c r="KF20" s="231"/>
      <c r="KG20" s="61">
        <v>1590</v>
      </c>
      <c r="KH20" s="61">
        <v>2145</v>
      </c>
      <c r="KI20" s="61">
        <v>1552</v>
      </c>
      <c r="KJ20" s="61">
        <v>1333</v>
      </c>
      <c r="KK20" s="61">
        <v>899</v>
      </c>
      <c r="KL20" s="62">
        <v>7519</v>
      </c>
      <c r="KM20" s="63">
        <v>9740</v>
      </c>
    </row>
    <row r="21" spans="2:299" ht="21" customHeight="1" x14ac:dyDescent="0.2">
      <c r="B21" s="472" t="s">
        <v>18</v>
      </c>
      <c r="C21" s="293">
        <v>426</v>
      </c>
      <c r="D21" s="72">
        <v>462</v>
      </c>
      <c r="E21" s="73">
        <v>888</v>
      </c>
      <c r="F21" s="228"/>
      <c r="G21" s="72">
        <v>961</v>
      </c>
      <c r="H21" s="72">
        <v>782</v>
      </c>
      <c r="I21" s="72">
        <v>523</v>
      </c>
      <c r="J21" s="72">
        <v>458</v>
      </c>
      <c r="K21" s="72">
        <v>279</v>
      </c>
      <c r="L21" s="74">
        <v>3003</v>
      </c>
      <c r="M21" s="75">
        <v>3891</v>
      </c>
      <c r="N21" s="60">
        <v>23</v>
      </c>
      <c r="O21" s="61">
        <v>22</v>
      </c>
      <c r="P21" s="62">
        <v>45</v>
      </c>
      <c r="Q21" s="231"/>
      <c r="R21" s="61">
        <v>56</v>
      </c>
      <c r="S21" s="61">
        <v>50</v>
      </c>
      <c r="T21" s="61">
        <v>30</v>
      </c>
      <c r="U21" s="61">
        <v>31</v>
      </c>
      <c r="V21" s="61">
        <v>23</v>
      </c>
      <c r="W21" s="62">
        <v>190</v>
      </c>
      <c r="X21" s="63">
        <v>235</v>
      </c>
      <c r="Y21" s="60">
        <v>46</v>
      </c>
      <c r="Z21" s="61">
        <v>57</v>
      </c>
      <c r="AA21" s="62">
        <v>103</v>
      </c>
      <c r="AB21" s="231"/>
      <c r="AC21" s="61">
        <v>98</v>
      </c>
      <c r="AD21" s="61">
        <v>87</v>
      </c>
      <c r="AE21" s="61">
        <v>59</v>
      </c>
      <c r="AF21" s="61">
        <v>52</v>
      </c>
      <c r="AG21" s="61">
        <v>35</v>
      </c>
      <c r="AH21" s="62">
        <v>331</v>
      </c>
      <c r="AI21" s="63">
        <v>434</v>
      </c>
      <c r="AJ21" s="60">
        <v>74</v>
      </c>
      <c r="AK21" s="61">
        <v>86</v>
      </c>
      <c r="AL21" s="62">
        <v>160</v>
      </c>
      <c r="AM21" s="231"/>
      <c r="AN21" s="61">
        <v>151</v>
      </c>
      <c r="AO21" s="61">
        <v>129</v>
      </c>
      <c r="AP21" s="61">
        <v>100</v>
      </c>
      <c r="AQ21" s="61">
        <v>74</v>
      </c>
      <c r="AR21" s="61">
        <v>56</v>
      </c>
      <c r="AS21" s="62">
        <v>510</v>
      </c>
      <c r="AT21" s="63">
        <v>670</v>
      </c>
      <c r="AU21" s="60">
        <v>102</v>
      </c>
      <c r="AV21" s="61">
        <v>128</v>
      </c>
      <c r="AW21" s="62">
        <v>230</v>
      </c>
      <c r="AX21" s="231"/>
      <c r="AY21" s="61">
        <v>263</v>
      </c>
      <c r="AZ21" s="61">
        <v>215</v>
      </c>
      <c r="BA21" s="61">
        <v>128</v>
      </c>
      <c r="BB21" s="61">
        <v>115</v>
      </c>
      <c r="BC21" s="61">
        <v>79</v>
      </c>
      <c r="BD21" s="62">
        <v>800</v>
      </c>
      <c r="BE21" s="63">
        <v>1030</v>
      </c>
      <c r="BF21" s="60">
        <v>120</v>
      </c>
      <c r="BG21" s="61">
        <v>116</v>
      </c>
      <c r="BH21" s="62">
        <v>236</v>
      </c>
      <c r="BI21" s="231"/>
      <c r="BJ21" s="61">
        <v>260</v>
      </c>
      <c r="BK21" s="61">
        <v>178</v>
      </c>
      <c r="BL21" s="61">
        <v>125</v>
      </c>
      <c r="BM21" s="61">
        <v>105</v>
      </c>
      <c r="BN21" s="61">
        <v>59</v>
      </c>
      <c r="BO21" s="62">
        <v>727</v>
      </c>
      <c r="BP21" s="63">
        <v>963</v>
      </c>
      <c r="BQ21" s="60">
        <v>61</v>
      </c>
      <c r="BR21" s="61">
        <v>53</v>
      </c>
      <c r="BS21" s="62">
        <v>114</v>
      </c>
      <c r="BT21" s="231"/>
      <c r="BU21" s="61">
        <v>133</v>
      </c>
      <c r="BV21" s="61">
        <v>123</v>
      </c>
      <c r="BW21" s="61">
        <v>81</v>
      </c>
      <c r="BX21" s="61">
        <v>81</v>
      </c>
      <c r="BY21" s="61">
        <v>27</v>
      </c>
      <c r="BZ21" s="62">
        <v>445</v>
      </c>
      <c r="CA21" s="63">
        <v>559</v>
      </c>
      <c r="CB21" s="60">
        <v>14</v>
      </c>
      <c r="CC21" s="61">
        <v>27</v>
      </c>
      <c r="CD21" s="62">
        <v>41</v>
      </c>
      <c r="CE21" s="231"/>
      <c r="CF21" s="61">
        <v>31</v>
      </c>
      <c r="CG21" s="61">
        <v>31</v>
      </c>
      <c r="CH21" s="61">
        <v>26</v>
      </c>
      <c r="CI21" s="61">
        <v>29</v>
      </c>
      <c r="CJ21" s="61">
        <v>25</v>
      </c>
      <c r="CK21" s="62">
        <v>142</v>
      </c>
      <c r="CL21" s="63">
        <v>183</v>
      </c>
      <c r="CM21" s="60">
        <v>440</v>
      </c>
      <c r="CN21" s="61">
        <v>489</v>
      </c>
      <c r="CO21" s="62">
        <v>929</v>
      </c>
      <c r="CP21" s="231"/>
      <c r="CQ21" s="61">
        <v>992</v>
      </c>
      <c r="CR21" s="61">
        <v>813</v>
      </c>
      <c r="CS21" s="61">
        <v>549</v>
      </c>
      <c r="CT21" s="61">
        <v>487</v>
      </c>
      <c r="CU21" s="61">
        <v>304</v>
      </c>
      <c r="CV21" s="62">
        <v>3145</v>
      </c>
      <c r="CW21" s="63">
        <v>4074</v>
      </c>
      <c r="CX21" s="113">
        <v>800</v>
      </c>
      <c r="CY21" s="72">
        <v>1078</v>
      </c>
      <c r="CZ21" s="73">
        <v>1878</v>
      </c>
      <c r="DA21" s="228"/>
      <c r="DB21" s="72">
        <v>1439</v>
      </c>
      <c r="DC21" s="72">
        <v>1250</v>
      </c>
      <c r="DD21" s="72">
        <v>976</v>
      </c>
      <c r="DE21" s="72">
        <v>997</v>
      </c>
      <c r="DF21" s="72">
        <v>627</v>
      </c>
      <c r="DG21" s="74">
        <v>5289</v>
      </c>
      <c r="DH21" s="75">
        <v>7167</v>
      </c>
      <c r="DI21" s="60">
        <v>23</v>
      </c>
      <c r="DJ21" s="61">
        <v>29</v>
      </c>
      <c r="DK21" s="62">
        <v>52</v>
      </c>
      <c r="DL21" s="231"/>
      <c r="DM21" s="61">
        <v>35</v>
      </c>
      <c r="DN21" s="61">
        <v>23</v>
      </c>
      <c r="DO21" s="61">
        <v>19</v>
      </c>
      <c r="DP21" s="61">
        <v>23</v>
      </c>
      <c r="DQ21" s="61">
        <v>13</v>
      </c>
      <c r="DR21" s="62">
        <v>113</v>
      </c>
      <c r="DS21" s="63">
        <v>165</v>
      </c>
      <c r="DT21" s="60">
        <v>77</v>
      </c>
      <c r="DU21" s="61">
        <v>94</v>
      </c>
      <c r="DV21" s="62">
        <v>171</v>
      </c>
      <c r="DW21" s="231"/>
      <c r="DX21" s="61">
        <v>83</v>
      </c>
      <c r="DY21" s="61">
        <v>62</v>
      </c>
      <c r="DZ21" s="61">
        <v>45</v>
      </c>
      <c r="EA21" s="61">
        <v>47</v>
      </c>
      <c r="EB21" s="61">
        <v>43</v>
      </c>
      <c r="EC21" s="62">
        <v>280</v>
      </c>
      <c r="ED21" s="63">
        <v>451</v>
      </c>
      <c r="EE21" s="60">
        <v>134</v>
      </c>
      <c r="EF21" s="61">
        <v>170</v>
      </c>
      <c r="EG21" s="62">
        <v>304</v>
      </c>
      <c r="EH21" s="231"/>
      <c r="EI21" s="61">
        <v>199</v>
      </c>
      <c r="EJ21" s="61">
        <v>154</v>
      </c>
      <c r="EK21" s="61">
        <v>114</v>
      </c>
      <c r="EL21" s="61">
        <v>102</v>
      </c>
      <c r="EM21" s="61">
        <v>70</v>
      </c>
      <c r="EN21" s="62">
        <v>639</v>
      </c>
      <c r="EO21" s="63">
        <v>943</v>
      </c>
      <c r="EP21" s="60">
        <v>258</v>
      </c>
      <c r="EQ21" s="61">
        <v>331</v>
      </c>
      <c r="ER21" s="62">
        <v>589</v>
      </c>
      <c r="ES21" s="231"/>
      <c r="ET21" s="61">
        <v>378</v>
      </c>
      <c r="EU21" s="61">
        <v>301</v>
      </c>
      <c r="EV21" s="61">
        <v>208</v>
      </c>
      <c r="EW21" s="61">
        <v>205</v>
      </c>
      <c r="EX21" s="61">
        <v>128</v>
      </c>
      <c r="EY21" s="62">
        <v>1220</v>
      </c>
      <c r="EZ21" s="63">
        <v>1809</v>
      </c>
      <c r="FA21" s="60">
        <v>206</v>
      </c>
      <c r="FB21" s="61">
        <v>289</v>
      </c>
      <c r="FC21" s="62">
        <v>495</v>
      </c>
      <c r="FD21" s="231"/>
      <c r="FE21" s="61">
        <v>432</v>
      </c>
      <c r="FF21" s="61">
        <v>386</v>
      </c>
      <c r="FG21" s="61">
        <v>284</v>
      </c>
      <c r="FH21" s="61">
        <v>249</v>
      </c>
      <c r="FI21" s="61">
        <v>176</v>
      </c>
      <c r="FJ21" s="62">
        <v>1527</v>
      </c>
      <c r="FK21" s="63">
        <v>2022</v>
      </c>
      <c r="FL21" s="60">
        <v>102</v>
      </c>
      <c r="FM21" s="61">
        <v>165</v>
      </c>
      <c r="FN21" s="62">
        <v>267</v>
      </c>
      <c r="FO21" s="231"/>
      <c r="FP21" s="61">
        <v>312</v>
      </c>
      <c r="FQ21" s="61">
        <v>324</v>
      </c>
      <c r="FR21" s="61">
        <v>306</v>
      </c>
      <c r="FS21" s="61">
        <v>371</v>
      </c>
      <c r="FT21" s="61">
        <v>197</v>
      </c>
      <c r="FU21" s="62">
        <v>1510</v>
      </c>
      <c r="FV21" s="63">
        <v>1777</v>
      </c>
      <c r="FW21" s="60">
        <v>16</v>
      </c>
      <c r="FX21" s="61">
        <v>11</v>
      </c>
      <c r="FY21" s="62">
        <v>27</v>
      </c>
      <c r="FZ21" s="231"/>
      <c r="GA21" s="61">
        <v>25</v>
      </c>
      <c r="GB21" s="61">
        <v>32</v>
      </c>
      <c r="GC21" s="61">
        <v>13</v>
      </c>
      <c r="GD21" s="61">
        <v>17</v>
      </c>
      <c r="GE21" s="61">
        <v>15</v>
      </c>
      <c r="GF21" s="62">
        <v>102</v>
      </c>
      <c r="GG21" s="63">
        <v>129</v>
      </c>
      <c r="GH21" s="60">
        <v>816</v>
      </c>
      <c r="GI21" s="61">
        <v>1089</v>
      </c>
      <c r="GJ21" s="62">
        <v>1905</v>
      </c>
      <c r="GK21" s="231"/>
      <c r="GL21" s="61">
        <v>1464</v>
      </c>
      <c r="GM21" s="61">
        <v>1282</v>
      </c>
      <c r="GN21" s="61">
        <v>989</v>
      </c>
      <c r="GO21" s="61">
        <v>1014</v>
      </c>
      <c r="GP21" s="61">
        <v>642</v>
      </c>
      <c r="GQ21" s="62">
        <v>5391</v>
      </c>
      <c r="GR21" s="63">
        <v>7296</v>
      </c>
      <c r="GS21" s="113">
        <v>1226</v>
      </c>
      <c r="GT21" s="72">
        <v>1540</v>
      </c>
      <c r="GU21" s="73">
        <v>2766</v>
      </c>
      <c r="GV21" s="228"/>
      <c r="GW21" s="72">
        <v>2400</v>
      </c>
      <c r="GX21" s="72">
        <v>2032</v>
      </c>
      <c r="GY21" s="72">
        <v>1499</v>
      </c>
      <c r="GZ21" s="72">
        <v>1455</v>
      </c>
      <c r="HA21" s="72">
        <v>906</v>
      </c>
      <c r="HB21" s="74">
        <v>8292</v>
      </c>
      <c r="HC21" s="75">
        <v>11058</v>
      </c>
      <c r="HD21" s="60">
        <v>46</v>
      </c>
      <c r="HE21" s="61">
        <v>51</v>
      </c>
      <c r="HF21" s="62">
        <v>97</v>
      </c>
      <c r="HG21" s="231"/>
      <c r="HH21" s="61">
        <v>91</v>
      </c>
      <c r="HI21" s="61">
        <v>73</v>
      </c>
      <c r="HJ21" s="61">
        <v>49</v>
      </c>
      <c r="HK21" s="61">
        <v>54</v>
      </c>
      <c r="HL21" s="61">
        <v>36</v>
      </c>
      <c r="HM21" s="62">
        <v>303</v>
      </c>
      <c r="HN21" s="63">
        <v>400</v>
      </c>
      <c r="HO21" s="60">
        <v>123</v>
      </c>
      <c r="HP21" s="61">
        <v>151</v>
      </c>
      <c r="HQ21" s="62">
        <v>274</v>
      </c>
      <c r="HR21" s="231"/>
      <c r="HS21" s="61">
        <v>181</v>
      </c>
      <c r="HT21" s="61">
        <v>149</v>
      </c>
      <c r="HU21" s="61">
        <v>104</v>
      </c>
      <c r="HV21" s="61">
        <v>99</v>
      </c>
      <c r="HW21" s="61">
        <v>78</v>
      </c>
      <c r="HX21" s="62">
        <v>611</v>
      </c>
      <c r="HY21" s="63">
        <v>885</v>
      </c>
      <c r="HZ21" s="60">
        <v>208</v>
      </c>
      <c r="IA21" s="61">
        <v>256</v>
      </c>
      <c r="IB21" s="62">
        <v>464</v>
      </c>
      <c r="IC21" s="231"/>
      <c r="ID21" s="61">
        <v>350</v>
      </c>
      <c r="IE21" s="61">
        <v>283</v>
      </c>
      <c r="IF21" s="61">
        <v>214</v>
      </c>
      <c r="IG21" s="61">
        <v>176</v>
      </c>
      <c r="IH21" s="61">
        <v>126</v>
      </c>
      <c r="II21" s="62">
        <v>1149</v>
      </c>
      <c r="IJ21" s="63">
        <v>1613</v>
      </c>
      <c r="IK21" s="60">
        <v>360</v>
      </c>
      <c r="IL21" s="61">
        <v>459</v>
      </c>
      <c r="IM21" s="62">
        <v>819</v>
      </c>
      <c r="IN21" s="231"/>
      <c r="IO21" s="61">
        <v>641</v>
      </c>
      <c r="IP21" s="61">
        <v>516</v>
      </c>
      <c r="IQ21" s="61">
        <v>336</v>
      </c>
      <c r="IR21" s="61">
        <v>320</v>
      </c>
      <c r="IS21" s="61">
        <v>207</v>
      </c>
      <c r="IT21" s="62">
        <v>2020</v>
      </c>
      <c r="IU21" s="63">
        <v>2839</v>
      </c>
      <c r="IV21" s="60">
        <v>326</v>
      </c>
      <c r="IW21" s="61">
        <v>405</v>
      </c>
      <c r="IX21" s="62">
        <v>731</v>
      </c>
      <c r="IY21" s="231"/>
      <c r="IZ21" s="61">
        <v>692</v>
      </c>
      <c r="JA21" s="61">
        <v>564</v>
      </c>
      <c r="JB21" s="61">
        <v>409</v>
      </c>
      <c r="JC21" s="61">
        <v>354</v>
      </c>
      <c r="JD21" s="61">
        <v>235</v>
      </c>
      <c r="JE21" s="62">
        <v>2254</v>
      </c>
      <c r="JF21" s="63">
        <v>2985</v>
      </c>
      <c r="JG21" s="60">
        <v>163</v>
      </c>
      <c r="JH21" s="61">
        <v>218</v>
      </c>
      <c r="JI21" s="62">
        <v>381</v>
      </c>
      <c r="JJ21" s="231"/>
      <c r="JK21" s="61">
        <v>445</v>
      </c>
      <c r="JL21" s="61">
        <v>447</v>
      </c>
      <c r="JM21" s="61">
        <v>387</v>
      </c>
      <c r="JN21" s="61">
        <v>452</v>
      </c>
      <c r="JO21" s="61">
        <v>224</v>
      </c>
      <c r="JP21" s="62">
        <v>1955</v>
      </c>
      <c r="JQ21" s="63">
        <v>2336</v>
      </c>
      <c r="JR21" s="60">
        <v>30</v>
      </c>
      <c r="JS21" s="61">
        <v>38</v>
      </c>
      <c r="JT21" s="62">
        <v>68</v>
      </c>
      <c r="JU21" s="231"/>
      <c r="JV21" s="61">
        <v>56</v>
      </c>
      <c r="JW21" s="61">
        <v>63</v>
      </c>
      <c r="JX21" s="61">
        <v>39</v>
      </c>
      <c r="JY21" s="61">
        <v>46</v>
      </c>
      <c r="JZ21" s="61">
        <v>40</v>
      </c>
      <c r="KA21" s="62">
        <v>244</v>
      </c>
      <c r="KB21" s="63">
        <v>312</v>
      </c>
      <c r="KC21" s="60">
        <v>1256</v>
      </c>
      <c r="KD21" s="61">
        <v>1578</v>
      </c>
      <c r="KE21" s="62">
        <v>2834</v>
      </c>
      <c r="KF21" s="231"/>
      <c r="KG21" s="61">
        <v>2456</v>
      </c>
      <c r="KH21" s="61">
        <v>2095</v>
      </c>
      <c r="KI21" s="61">
        <v>1538</v>
      </c>
      <c r="KJ21" s="61">
        <v>1501</v>
      </c>
      <c r="KK21" s="61">
        <v>946</v>
      </c>
      <c r="KL21" s="62">
        <v>8536</v>
      </c>
      <c r="KM21" s="63">
        <v>11370</v>
      </c>
    </row>
    <row r="22" spans="2:299" ht="21" customHeight="1" x14ac:dyDescent="0.2">
      <c r="B22" s="472" t="s">
        <v>19</v>
      </c>
      <c r="C22" s="293">
        <v>195</v>
      </c>
      <c r="D22" s="72">
        <v>168</v>
      </c>
      <c r="E22" s="73">
        <v>363</v>
      </c>
      <c r="F22" s="228"/>
      <c r="G22" s="72">
        <v>404</v>
      </c>
      <c r="H22" s="72">
        <v>327</v>
      </c>
      <c r="I22" s="72">
        <v>209</v>
      </c>
      <c r="J22" s="72">
        <v>138</v>
      </c>
      <c r="K22" s="72">
        <v>104</v>
      </c>
      <c r="L22" s="74">
        <v>1182</v>
      </c>
      <c r="M22" s="75">
        <v>1545</v>
      </c>
      <c r="N22" s="76">
        <v>4</v>
      </c>
      <c r="O22" s="61">
        <v>11</v>
      </c>
      <c r="P22" s="62">
        <v>15</v>
      </c>
      <c r="Q22" s="231"/>
      <c r="R22" s="61">
        <v>17</v>
      </c>
      <c r="S22" s="61">
        <v>13</v>
      </c>
      <c r="T22" s="61">
        <v>8</v>
      </c>
      <c r="U22" s="61">
        <v>6</v>
      </c>
      <c r="V22" s="61">
        <v>5</v>
      </c>
      <c r="W22" s="62">
        <v>49</v>
      </c>
      <c r="X22" s="63">
        <v>64</v>
      </c>
      <c r="Y22" s="60">
        <v>19</v>
      </c>
      <c r="Z22" s="61">
        <v>19</v>
      </c>
      <c r="AA22" s="62">
        <v>38</v>
      </c>
      <c r="AB22" s="231"/>
      <c r="AC22" s="61">
        <v>45</v>
      </c>
      <c r="AD22" s="61">
        <v>43</v>
      </c>
      <c r="AE22" s="61">
        <v>21</v>
      </c>
      <c r="AF22" s="61">
        <v>15</v>
      </c>
      <c r="AG22" s="61">
        <v>17</v>
      </c>
      <c r="AH22" s="62">
        <v>141</v>
      </c>
      <c r="AI22" s="63">
        <v>179</v>
      </c>
      <c r="AJ22" s="76">
        <v>32</v>
      </c>
      <c r="AK22" s="61">
        <v>24</v>
      </c>
      <c r="AL22" s="62">
        <v>56</v>
      </c>
      <c r="AM22" s="231"/>
      <c r="AN22" s="61">
        <v>66</v>
      </c>
      <c r="AO22" s="61">
        <v>55</v>
      </c>
      <c r="AP22" s="61">
        <v>37</v>
      </c>
      <c r="AQ22" s="61">
        <v>32</v>
      </c>
      <c r="AR22" s="61">
        <v>14</v>
      </c>
      <c r="AS22" s="62">
        <v>204</v>
      </c>
      <c r="AT22" s="63">
        <v>260</v>
      </c>
      <c r="AU22" s="60">
        <v>52</v>
      </c>
      <c r="AV22" s="61">
        <v>36</v>
      </c>
      <c r="AW22" s="62">
        <v>88</v>
      </c>
      <c r="AX22" s="231"/>
      <c r="AY22" s="61">
        <v>98</v>
      </c>
      <c r="AZ22" s="61">
        <v>78</v>
      </c>
      <c r="BA22" s="61">
        <v>63</v>
      </c>
      <c r="BB22" s="61">
        <v>27</v>
      </c>
      <c r="BC22" s="61">
        <v>31</v>
      </c>
      <c r="BD22" s="62">
        <v>297</v>
      </c>
      <c r="BE22" s="63">
        <v>385</v>
      </c>
      <c r="BF22" s="76">
        <v>55</v>
      </c>
      <c r="BG22" s="61">
        <v>42</v>
      </c>
      <c r="BH22" s="62">
        <v>97</v>
      </c>
      <c r="BI22" s="231"/>
      <c r="BJ22" s="61">
        <v>110</v>
      </c>
      <c r="BK22" s="61">
        <v>78</v>
      </c>
      <c r="BL22" s="61">
        <v>40</v>
      </c>
      <c r="BM22" s="61">
        <v>40</v>
      </c>
      <c r="BN22" s="61">
        <v>26</v>
      </c>
      <c r="BO22" s="62">
        <v>294</v>
      </c>
      <c r="BP22" s="63">
        <v>391</v>
      </c>
      <c r="BQ22" s="60">
        <v>33</v>
      </c>
      <c r="BR22" s="61">
        <v>36</v>
      </c>
      <c r="BS22" s="62">
        <v>69</v>
      </c>
      <c r="BT22" s="231"/>
      <c r="BU22" s="61">
        <v>68</v>
      </c>
      <c r="BV22" s="61">
        <v>60</v>
      </c>
      <c r="BW22" s="61">
        <v>40</v>
      </c>
      <c r="BX22" s="61">
        <v>18</v>
      </c>
      <c r="BY22" s="61">
        <v>11</v>
      </c>
      <c r="BZ22" s="62">
        <v>197</v>
      </c>
      <c r="CA22" s="63">
        <v>266</v>
      </c>
      <c r="CB22" s="60">
        <v>7</v>
      </c>
      <c r="CC22" s="61">
        <v>8</v>
      </c>
      <c r="CD22" s="62">
        <v>15</v>
      </c>
      <c r="CE22" s="231"/>
      <c r="CF22" s="61">
        <v>14</v>
      </c>
      <c r="CG22" s="61">
        <v>10</v>
      </c>
      <c r="CH22" s="61">
        <v>10</v>
      </c>
      <c r="CI22" s="61">
        <v>7</v>
      </c>
      <c r="CJ22" s="61">
        <v>8</v>
      </c>
      <c r="CK22" s="62">
        <v>49</v>
      </c>
      <c r="CL22" s="63">
        <v>64</v>
      </c>
      <c r="CM22" s="60">
        <v>202</v>
      </c>
      <c r="CN22" s="61">
        <v>176</v>
      </c>
      <c r="CO22" s="62">
        <v>378</v>
      </c>
      <c r="CP22" s="231"/>
      <c r="CQ22" s="61">
        <v>418</v>
      </c>
      <c r="CR22" s="61">
        <v>337</v>
      </c>
      <c r="CS22" s="61">
        <v>219</v>
      </c>
      <c r="CT22" s="61">
        <v>145</v>
      </c>
      <c r="CU22" s="61">
        <v>112</v>
      </c>
      <c r="CV22" s="62">
        <v>1231</v>
      </c>
      <c r="CW22" s="63">
        <v>1609</v>
      </c>
      <c r="CX22" s="113">
        <v>360</v>
      </c>
      <c r="CY22" s="72">
        <v>404</v>
      </c>
      <c r="CZ22" s="73">
        <v>764</v>
      </c>
      <c r="DA22" s="228"/>
      <c r="DB22" s="72">
        <v>642</v>
      </c>
      <c r="DC22" s="72">
        <v>503</v>
      </c>
      <c r="DD22" s="72">
        <v>431</v>
      </c>
      <c r="DE22" s="72">
        <v>347</v>
      </c>
      <c r="DF22" s="72">
        <v>254</v>
      </c>
      <c r="DG22" s="74">
        <v>2177</v>
      </c>
      <c r="DH22" s="75">
        <v>2941</v>
      </c>
      <c r="DI22" s="76">
        <v>8</v>
      </c>
      <c r="DJ22" s="61">
        <v>10</v>
      </c>
      <c r="DK22" s="62">
        <v>18</v>
      </c>
      <c r="DL22" s="231"/>
      <c r="DM22" s="61">
        <v>12</v>
      </c>
      <c r="DN22" s="61">
        <v>14</v>
      </c>
      <c r="DO22" s="61">
        <v>7</v>
      </c>
      <c r="DP22" s="61">
        <v>4</v>
      </c>
      <c r="DQ22" s="61">
        <v>3</v>
      </c>
      <c r="DR22" s="62">
        <v>40</v>
      </c>
      <c r="DS22" s="63">
        <v>58</v>
      </c>
      <c r="DT22" s="60">
        <v>27</v>
      </c>
      <c r="DU22" s="61">
        <v>35</v>
      </c>
      <c r="DV22" s="62">
        <v>62</v>
      </c>
      <c r="DW22" s="231"/>
      <c r="DX22" s="61">
        <v>45</v>
      </c>
      <c r="DY22" s="61">
        <v>22</v>
      </c>
      <c r="DZ22" s="61">
        <v>20</v>
      </c>
      <c r="EA22" s="61">
        <v>14</v>
      </c>
      <c r="EB22" s="61">
        <v>17</v>
      </c>
      <c r="EC22" s="62">
        <v>118</v>
      </c>
      <c r="ED22" s="63">
        <v>180</v>
      </c>
      <c r="EE22" s="76">
        <v>56</v>
      </c>
      <c r="EF22" s="61">
        <v>62</v>
      </c>
      <c r="EG22" s="62">
        <v>118</v>
      </c>
      <c r="EH22" s="231"/>
      <c r="EI22" s="61">
        <v>83</v>
      </c>
      <c r="EJ22" s="61">
        <v>57</v>
      </c>
      <c r="EK22" s="61">
        <v>38</v>
      </c>
      <c r="EL22" s="61">
        <v>34</v>
      </c>
      <c r="EM22" s="61">
        <v>28</v>
      </c>
      <c r="EN22" s="62">
        <v>240</v>
      </c>
      <c r="EO22" s="63">
        <v>358</v>
      </c>
      <c r="EP22" s="60">
        <v>112</v>
      </c>
      <c r="EQ22" s="61">
        <v>101</v>
      </c>
      <c r="ER22" s="62">
        <v>213</v>
      </c>
      <c r="ES22" s="231"/>
      <c r="ET22" s="61">
        <v>157</v>
      </c>
      <c r="EU22" s="61">
        <v>130</v>
      </c>
      <c r="EV22" s="61">
        <v>97</v>
      </c>
      <c r="EW22" s="61">
        <v>72</v>
      </c>
      <c r="EX22" s="61">
        <v>42</v>
      </c>
      <c r="EY22" s="62">
        <v>498</v>
      </c>
      <c r="EZ22" s="63">
        <v>711</v>
      </c>
      <c r="FA22" s="76">
        <v>106</v>
      </c>
      <c r="FB22" s="61">
        <v>113</v>
      </c>
      <c r="FC22" s="62">
        <v>219</v>
      </c>
      <c r="FD22" s="231"/>
      <c r="FE22" s="61">
        <v>188</v>
      </c>
      <c r="FF22" s="61">
        <v>138</v>
      </c>
      <c r="FG22" s="61">
        <v>117</v>
      </c>
      <c r="FH22" s="61">
        <v>78</v>
      </c>
      <c r="FI22" s="61">
        <v>63</v>
      </c>
      <c r="FJ22" s="62">
        <v>584</v>
      </c>
      <c r="FK22" s="63">
        <v>803</v>
      </c>
      <c r="FL22" s="60">
        <v>51</v>
      </c>
      <c r="FM22" s="61">
        <v>83</v>
      </c>
      <c r="FN22" s="62">
        <v>134</v>
      </c>
      <c r="FO22" s="231"/>
      <c r="FP22" s="61">
        <v>157</v>
      </c>
      <c r="FQ22" s="61">
        <v>142</v>
      </c>
      <c r="FR22" s="61">
        <v>152</v>
      </c>
      <c r="FS22" s="61">
        <v>145</v>
      </c>
      <c r="FT22" s="61">
        <v>101</v>
      </c>
      <c r="FU22" s="62">
        <v>697</v>
      </c>
      <c r="FV22" s="63">
        <v>831</v>
      </c>
      <c r="FW22" s="60">
        <v>4</v>
      </c>
      <c r="FX22" s="61">
        <v>6</v>
      </c>
      <c r="FY22" s="62">
        <v>10</v>
      </c>
      <c r="FZ22" s="231"/>
      <c r="GA22" s="61">
        <v>5</v>
      </c>
      <c r="GB22" s="61">
        <v>11</v>
      </c>
      <c r="GC22" s="61">
        <v>5</v>
      </c>
      <c r="GD22" s="61">
        <v>4</v>
      </c>
      <c r="GE22" s="61">
        <v>5</v>
      </c>
      <c r="GF22" s="62">
        <v>30</v>
      </c>
      <c r="GG22" s="63">
        <v>40</v>
      </c>
      <c r="GH22" s="60">
        <v>364</v>
      </c>
      <c r="GI22" s="61">
        <v>410</v>
      </c>
      <c r="GJ22" s="62">
        <v>774</v>
      </c>
      <c r="GK22" s="231"/>
      <c r="GL22" s="61">
        <v>647</v>
      </c>
      <c r="GM22" s="61">
        <v>514</v>
      </c>
      <c r="GN22" s="61">
        <v>436</v>
      </c>
      <c r="GO22" s="61">
        <v>351</v>
      </c>
      <c r="GP22" s="61">
        <v>259</v>
      </c>
      <c r="GQ22" s="62">
        <v>2207</v>
      </c>
      <c r="GR22" s="63">
        <v>2981</v>
      </c>
      <c r="GS22" s="113">
        <v>555</v>
      </c>
      <c r="GT22" s="72">
        <v>572</v>
      </c>
      <c r="GU22" s="73">
        <v>1127</v>
      </c>
      <c r="GV22" s="228"/>
      <c r="GW22" s="72">
        <v>1046</v>
      </c>
      <c r="GX22" s="72">
        <v>830</v>
      </c>
      <c r="GY22" s="72">
        <v>640</v>
      </c>
      <c r="GZ22" s="72">
        <v>485</v>
      </c>
      <c r="HA22" s="72">
        <v>358</v>
      </c>
      <c r="HB22" s="74">
        <v>3359</v>
      </c>
      <c r="HC22" s="75">
        <v>4486</v>
      </c>
      <c r="HD22" s="76">
        <v>12</v>
      </c>
      <c r="HE22" s="61">
        <v>21</v>
      </c>
      <c r="HF22" s="62">
        <v>33</v>
      </c>
      <c r="HG22" s="231"/>
      <c r="HH22" s="61">
        <v>29</v>
      </c>
      <c r="HI22" s="61">
        <v>27</v>
      </c>
      <c r="HJ22" s="61">
        <v>15</v>
      </c>
      <c r="HK22" s="61">
        <v>10</v>
      </c>
      <c r="HL22" s="61">
        <v>8</v>
      </c>
      <c r="HM22" s="62">
        <v>89</v>
      </c>
      <c r="HN22" s="63">
        <v>122</v>
      </c>
      <c r="HO22" s="60">
        <v>46</v>
      </c>
      <c r="HP22" s="61">
        <v>54</v>
      </c>
      <c r="HQ22" s="62">
        <v>100</v>
      </c>
      <c r="HR22" s="231"/>
      <c r="HS22" s="61">
        <v>90</v>
      </c>
      <c r="HT22" s="61">
        <v>65</v>
      </c>
      <c r="HU22" s="61">
        <v>41</v>
      </c>
      <c r="HV22" s="61">
        <v>29</v>
      </c>
      <c r="HW22" s="61">
        <v>34</v>
      </c>
      <c r="HX22" s="62">
        <v>259</v>
      </c>
      <c r="HY22" s="63">
        <v>359</v>
      </c>
      <c r="HZ22" s="76">
        <v>88</v>
      </c>
      <c r="IA22" s="61">
        <v>86</v>
      </c>
      <c r="IB22" s="62">
        <v>174</v>
      </c>
      <c r="IC22" s="231"/>
      <c r="ID22" s="61">
        <v>149</v>
      </c>
      <c r="IE22" s="61">
        <v>112</v>
      </c>
      <c r="IF22" s="61">
        <v>75</v>
      </c>
      <c r="IG22" s="61">
        <v>66</v>
      </c>
      <c r="IH22" s="61">
        <v>42</v>
      </c>
      <c r="II22" s="62">
        <v>444</v>
      </c>
      <c r="IJ22" s="63">
        <v>618</v>
      </c>
      <c r="IK22" s="60">
        <v>164</v>
      </c>
      <c r="IL22" s="61">
        <v>137</v>
      </c>
      <c r="IM22" s="62">
        <v>301</v>
      </c>
      <c r="IN22" s="231"/>
      <c r="IO22" s="61">
        <v>255</v>
      </c>
      <c r="IP22" s="61">
        <v>208</v>
      </c>
      <c r="IQ22" s="61">
        <v>160</v>
      </c>
      <c r="IR22" s="61">
        <v>99</v>
      </c>
      <c r="IS22" s="61">
        <v>73</v>
      </c>
      <c r="IT22" s="62">
        <v>795</v>
      </c>
      <c r="IU22" s="63">
        <v>1096</v>
      </c>
      <c r="IV22" s="76">
        <v>161</v>
      </c>
      <c r="IW22" s="61">
        <v>155</v>
      </c>
      <c r="IX22" s="62">
        <v>316</v>
      </c>
      <c r="IY22" s="231"/>
      <c r="IZ22" s="61">
        <v>298</v>
      </c>
      <c r="JA22" s="61">
        <v>216</v>
      </c>
      <c r="JB22" s="61">
        <v>157</v>
      </c>
      <c r="JC22" s="61">
        <v>118</v>
      </c>
      <c r="JD22" s="61">
        <v>89</v>
      </c>
      <c r="JE22" s="62">
        <v>878</v>
      </c>
      <c r="JF22" s="63">
        <v>1194</v>
      </c>
      <c r="JG22" s="60">
        <v>84</v>
      </c>
      <c r="JH22" s="61">
        <v>119</v>
      </c>
      <c r="JI22" s="62">
        <v>203</v>
      </c>
      <c r="JJ22" s="231"/>
      <c r="JK22" s="61">
        <v>225</v>
      </c>
      <c r="JL22" s="61">
        <v>202</v>
      </c>
      <c r="JM22" s="61">
        <v>192</v>
      </c>
      <c r="JN22" s="61">
        <v>163</v>
      </c>
      <c r="JO22" s="61">
        <v>112</v>
      </c>
      <c r="JP22" s="62">
        <v>894</v>
      </c>
      <c r="JQ22" s="63">
        <v>1097</v>
      </c>
      <c r="JR22" s="60">
        <v>11</v>
      </c>
      <c r="JS22" s="61">
        <v>14</v>
      </c>
      <c r="JT22" s="62">
        <v>25</v>
      </c>
      <c r="JU22" s="231"/>
      <c r="JV22" s="61">
        <v>19</v>
      </c>
      <c r="JW22" s="61">
        <v>21</v>
      </c>
      <c r="JX22" s="61">
        <v>15</v>
      </c>
      <c r="JY22" s="61">
        <v>11</v>
      </c>
      <c r="JZ22" s="61">
        <v>13</v>
      </c>
      <c r="KA22" s="62">
        <v>79</v>
      </c>
      <c r="KB22" s="63">
        <v>104</v>
      </c>
      <c r="KC22" s="60">
        <v>566</v>
      </c>
      <c r="KD22" s="61">
        <v>586</v>
      </c>
      <c r="KE22" s="62">
        <v>1152</v>
      </c>
      <c r="KF22" s="231"/>
      <c r="KG22" s="61">
        <v>1065</v>
      </c>
      <c r="KH22" s="61">
        <v>851</v>
      </c>
      <c r="KI22" s="61">
        <v>655</v>
      </c>
      <c r="KJ22" s="61">
        <v>496</v>
      </c>
      <c r="KK22" s="61">
        <v>371</v>
      </c>
      <c r="KL22" s="62">
        <v>3438</v>
      </c>
      <c r="KM22" s="63">
        <v>4590</v>
      </c>
    </row>
    <row r="23" spans="2:299" ht="21" customHeight="1" x14ac:dyDescent="0.2">
      <c r="B23" s="472" t="s">
        <v>20</v>
      </c>
      <c r="C23" s="293">
        <v>287</v>
      </c>
      <c r="D23" s="72">
        <v>327</v>
      </c>
      <c r="E23" s="73">
        <v>614</v>
      </c>
      <c r="F23" s="228"/>
      <c r="G23" s="72">
        <v>587</v>
      </c>
      <c r="H23" s="72">
        <v>350</v>
      </c>
      <c r="I23" s="72">
        <v>289</v>
      </c>
      <c r="J23" s="72">
        <v>224</v>
      </c>
      <c r="K23" s="72">
        <v>119</v>
      </c>
      <c r="L23" s="74">
        <v>1569</v>
      </c>
      <c r="M23" s="75">
        <v>2183</v>
      </c>
      <c r="N23" s="60">
        <v>10</v>
      </c>
      <c r="O23" s="61">
        <v>8</v>
      </c>
      <c r="P23" s="62">
        <v>18</v>
      </c>
      <c r="Q23" s="231"/>
      <c r="R23" s="61">
        <v>24</v>
      </c>
      <c r="S23" s="61">
        <v>15</v>
      </c>
      <c r="T23" s="61">
        <v>14</v>
      </c>
      <c r="U23" s="61">
        <v>12</v>
      </c>
      <c r="V23" s="61">
        <v>6</v>
      </c>
      <c r="W23" s="62">
        <v>71</v>
      </c>
      <c r="X23" s="63">
        <v>89</v>
      </c>
      <c r="Y23" s="60">
        <v>23</v>
      </c>
      <c r="Z23" s="61">
        <v>24</v>
      </c>
      <c r="AA23" s="62">
        <v>47</v>
      </c>
      <c r="AB23" s="231"/>
      <c r="AC23" s="61">
        <v>62</v>
      </c>
      <c r="AD23" s="61">
        <v>42</v>
      </c>
      <c r="AE23" s="61">
        <v>38</v>
      </c>
      <c r="AF23" s="61">
        <v>35</v>
      </c>
      <c r="AG23" s="61">
        <v>20</v>
      </c>
      <c r="AH23" s="62">
        <v>197</v>
      </c>
      <c r="AI23" s="63">
        <v>244</v>
      </c>
      <c r="AJ23" s="60">
        <v>58</v>
      </c>
      <c r="AK23" s="61">
        <v>61</v>
      </c>
      <c r="AL23" s="62">
        <v>119</v>
      </c>
      <c r="AM23" s="231"/>
      <c r="AN23" s="61">
        <v>77</v>
      </c>
      <c r="AO23" s="61">
        <v>60</v>
      </c>
      <c r="AP23" s="61">
        <v>44</v>
      </c>
      <c r="AQ23" s="61">
        <v>39</v>
      </c>
      <c r="AR23" s="61">
        <v>25</v>
      </c>
      <c r="AS23" s="62">
        <v>245</v>
      </c>
      <c r="AT23" s="63">
        <v>364</v>
      </c>
      <c r="AU23" s="60">
        <v>89</v>
      </c>
      <c r="AV23" s="61">
        <v>91</v>
      </c>
      <c r="AW23" s="62">
        <v>180</v>
      </c>
      <c r="AX23" s="231"/>
      <c r="AY23" s="61">
        <v>170</v>
      </c>
      <c r="AZ23" s="61">
        <v>97</v>
      </c>
      <c r="BA23" s="61">
        <v>88</v>
      </c>
      <c r="BB23" s="61">
        <v>57</v>
      </c>
      <c r="BC23" s="61">
        <v>29</v>
      </c>
      <c r="BD23" s="62">
        <v>441</v>
      </c>
      <c r="BE23" s="63">
        <v>621</v>
      </c>
      <c r="BF23" s="60">
        <v>76</v>
      </c>
      <c r="BG23" s="61">
        <v>98</v>
      </c>
      <c r="BH23" s="62">
        <v>174</v>
      </c>
      <c r="BI23" s="231"/>
      <c r="BJ23" s="61">
        <v>167</v>
      </c>
      <c r="BK23" s="61">
        <v>78</v>
      </c>
      <c r="BL23" s="61">
        <v>71</v>
      </c>
      <c r="BM23" s="61">
        <v>50</v>
      </c>
      <c r="BN23" s="61">
        <v>24</v>
      </c>
      <c r="BO23" s="62">
        <v>390</v>
      </c>
      <c r="BP23" s="63">
        <v>564</v>
      </c>
      <c r="BQ23" s="60">
        <v>31</v>
      </c>
      <c r="BR23" s="61">
        <v>45</v>
      </c>
      <c r="BS23" s="62">
        <v>76</v>
      </c>
      <c r="BT23" s="231"/>
      <c r="BU23" s="61">
        <v>87</v>
      </c>
      <c r="BV23" s="61">
        <v>58</v>
      </c>
      <c r="BW23" s="61">
        <v>34</v>
      </c>
      <c r="BX23" s="61">
        <v>31</v>
      </c>
      <c r="BY23" s="61">
        <v>15</v>
      </c>
      <c r="BZ23" s="62">
        <v>225</v>
      </c>
      <c r="CA23" s="63">
        <v>301</v>
      </c>
      <c r="CB23" s="60">
        <v>7</v>
      </c>
      <c r="CC23" s="61">
        <v>12</v>
      </c>
      <c r="CD23" s="62">
        <v>19</v>
      </c>
      <c r="CE23" s="231"/>
      <c r="CF23" s="61">
        <v>20</v>
      </c>
      <c r="CG23" s="61">
        <v>15</v>
      </c>
      <c r="CH23" s="61">
        <v>12</v>
      </c>
      <c r="CI23" s="61">
        <v>9</v>
      </c>
      <c r="CJ23" s="61">
        <v>8</v>
      </c>
      <c r="CK23" s="62">
        <v>64</v>
      </c>
      <c r="CL23" s="63">
        <v>83</v>
      </c>
      <c r="CM23" s="60">
        <v>294</v>
      </c>
      <c r="CN23" s="61">
        <v>339</v>
      </c>
      <c r="CO23" s="62">
        <v>633</v>
      </c>
      <c r="CP23" s="231"/>
      <c r="CQ23" s="61">
        <v>607</v>
      </c>
      <c r="CR23" s="61">
        <v>365</v>
      </c>
      <c r="CS23" s="61">
        <v>301</v>
      </c>
      <c r="CT23" s="61">
        <v>233</v>
      </c>
      <c r="CU23" s="61">
        <v>127</v>
      </c>
      <c r="CV23" s="62">
        <v>1633</v>
      </c>
      <c r="CW23" s="63">
        <v>2266</v>
      </c>
      <c r="CX23" s="113">
        <v>477</v>
      </c>
      <c r="CY23" s="72">
        <v>617</v>
      </c>
      <c r="CZ23" s="73">
        <v>1094</v>
      </c>
      <c r="DA23" s="228"/>
      <c r="DB23" s="72">
        <v>889</v>
      </c>
      <c r="DC23" s="72">
        <v>575</v>
      </c>
      <c r="DD23" s="72">
        <v>474</v>
      </c>
      <c r="DE23" s="72">
        <v>446</v>
      </c>
      <c r="DF23" s="72">
        <v>275</v>
      </c>
      <c r="DG23" s="74">
        <v>2659</v>
      </c>
      <c r="DH23" s="75">
        <v>3753</v>
      </c>
      <c r="DI23" s="60">
        <v>10</v>
      </c>
      <c r="DJ23" s="61">
        <v>15</v>
      </c>
      <c r="DK23" s="62">
        <v>25</v>
      </c>
      <c r="DL23" s="231"/>
      <c r="DM23" s="61">
        <v>22</v>
      </c>
      <c r="DN23" s="61">
        <v>15</v>
      </c>
      <c r="DO23" s="61">
        <v>8</v>
      </c>
      <c r="DP23" s="61">
        <v>8</v>
      </c>
      <c r="DQ23" s="61">
        <v>6</v>
      </c>
      <c r="DR23" s="62">
        <v>59</v>
      </c>
      <c r="DS23" s="63">
        <v>84</v>
      </c>
      <c r="DT23" s="60">
        <v>36</v>
      </c>
      <c r="DU23" s="61">
        <v>40</v>
      </c>
      <c r="DV23" s="62">
        <v>76</v>
      </c>
      <c r="DW23" s="231"/>
      <c r="DX23" s="61">
        <v>66</v>
      </c>
      <c r="DY23" s="61">
        <v>34</v>
      </c>
      <c r="DZ23" s="61">
        <v>26</v>
      </c>
      <c r="EA23" s="61">
        <v>27</v>
      </c>
      <c r="EB23" s="61">
        <v>17</v>
      </c>
      <c r="EC23" s="62">
        <v>170</v>
      </c>
      <c r="ED23" s="63">
        <v>246</v>
      </c>
      <c r="EE23" s="60">
        <v>76</v>
      </c>
      <c r="EF23" s="61">
        <v>98</v>
      </c>
      <c r="EG23" s="62">
        <v>174</v>
      </c>
      <c r="EH23" s="231"/>
      <c r="EI23" s="61">
        <v>149</v>
      </c>
      <c r="EJ23" s="61">
        <v>75</v>
      </c>
      <c r="EK23" s="61">
        <v>40</v>
      </c>
      <c r="EL23" s="61">
        <v>33</v>
      </c>
      <c r="EM23" s="61">
        <v>33</v>
      </c>
      <c r="EN23" s="62">
        <v>330</v>
      </c>
      <c r="EO23" s="63">
        <v>504</v>
      </c>
      <c r="EP23" s="60">
        <v>185</v>
      </c>
      <c r="EQ23" s="61">
        <v>176</v>
      </c>
      <c r="ER23" s="62">
        <v>361</v>
      </c>
      <c r="ES23" s="231"/>
      <c r="ET23" s="61">
        <v>200</v>
      </c>
      <c r="EU23" s="61">
        <v>125</v>
      </c>
      <c r="EV23" s="61">
        <v>107</v>
      </c>
      <c r="EW23" s="61">
        <v>75</v>
      </c>
      <c r="EX23" s="61">
        <v>63</v>
      </c>
      <c r="EY23" s="62">
        <v>570</v>
      </c>
      <c r="EZ23" s="63">
        <v>931</v>
      </c>
      <c r="FA23" s="60">
        <v>122</v>
      </c>
      <c r="FB23" s="61">
        <v>172</v>
      </c>
      <c r="FC23" s="62">
        <v>294</v>
      </c>
      <c r="FD23" s="231"/>
      <c r="FE23" s="61">
        <v>257</v>
      </c>
      <c r="FF23" s="61">
        <v>152</v>
      </c>
      <c r="FG23" s="61">
        <v>118</v>
      </c>
      <c r="FH23" s="61">
        <v>120</v>
      </c>
      <c r="FI23" s="61">
        <v>65</v>
      </c>
      <c r="FJ23" s="62">
        <v>712</v>
      </c>
      <c r="FK23" s="63">
        <v>1006</v>
      </c>
      <c r="FL23" s="60">
        <v>48</v>
      </c>
      <c r="FM23" s="61">
        <v>116</v>
      </c>
      <c r="FN23" s="62">
        <v>164</v>
      </c>
      <c r="FO23" s="231"/>
      <c r="FP23" s="61">
        <v>195</v>
      </c>
      <c r="FQ23" s="61">
        <v>174</v>
      </c>
      <c r="FR23" s="61">
        <v>175</v>
      </c>
      <c r="FS23" s="61">
        <v>183</v>
      </c>
      <c r="FT23" s="61">
        <v>91</v>
      </c>
      <c r="FU23" s="62">
        <v>818</v>
      </c>
      <c r="FV23" s="63">
        <v>982</v>
      </c>
      <c r="FW23" s="60">
        <v>6</v>
      </c>
      <c r="FX23" s="61">
        <v>14</v>
      </c>
      <c r="FY23" s="62">
        <v>20</v>
      </c>
      <c r="FZ23" s="231"/>
      <c r="GA23" s="61">
        <v>15</v>
      </c>
      <c r="GB23" s="61">
        <v>12</v>
      </c>
      <c r="GC23" s="61">
        <v>5</v>
      </c>
      <c r="GD23" s="61">
        <v>9</v>
      </c>
      <c r="GE23" s="61">
        <v>8</v>
      </c>
      <c r="GF23" s="62">
        <v>49</v>
      </c>
      <c r="GG23" s="63">
        <v>69</v>
      </c>
      <c r="GH23" s="60">
        <v>483</v>
      </c>
      <c r="GI23" s="61">
        <v>631</v>
      </c>
      <c r="GJ23" s="62">
        <v>1114</v>
      </c>
      <c r="GK23" s="231"/>
      <c r="GL23" s="61">
        <v>904</v>
      </c>
      <c r="GM23" s="61">
        <v>587</v>
      </c>
      <c r="GN23" s="61">
        <v>479</v>
      </c>
      <c r="GO23" s="61">
        <v>455</v>
      </c>
      <c r="GP23" s="61">
        <v>283</v>
      </c>
      <c r="GQ23" s="62">
        <v>2708</v>
      </c>
      <c r="GR23" s="63">
        <v>3822</v>
      </c>
      <c r="GS23" s="113">
        <v>764</v>
      </c>
      <c r="GT23" s="72">
        <v>944</v>
      </c>
      <c r="GU23" s="73">
        <v>1708</v>
      </c>
      <c r="GV23" s="228"/>
      <c r="GW23" s="72">
        <v>1476</v>
      </c>
      <c r="GX23" s="72">
        <v>925</v>
      </c>
      <c r="GY23" s="72">
        <v>763</v>
      </c>
      <c r="GZ23" s="72">
        <v>670</v>
      </c>
      <c r="HA23" s="72">
        <v>394</v>
      </c>
      <c r="HB23" s="74">
        <v>4228</v>
      </c>
      <c r="HC23" s="75">
        <v>5936</v>
      </c>
      <c r="HD23" s="60">
        <v>20</v>
      </c>
      <c r="HE23" s="61">
        <v>23</v>
      </c>
      <c r="HF23" s="62">
        <v>43</v>
      </c>
      <c r="HG23" s="231"/>
      <c r="HH23" s="61">
        <v>46</v>
      </c>
      <c r="HI23" s="61">
        <v>30</v>
      </c>
      <c r="HJ23" s="61">
        <v>22</v>
      </c>
      <c r="HK23" s="61">
        <v>20</v>
      </c>
      <c r="HL23" s="61">
        <v>12</v>
      </c>
      <c r="HM23" s="62">
        <v>130</v>
      </c>
      <c r="HN23" s="63">
        <v>173</v>
      </c>
      <c r="HO23" s="60">
        <v>59</v>
      </c>
      <c r="HP23" s="61">
        <v>64</v>
      </c>
      <c r="HQ23" s="62">
        <v>123</v>
      </c>
      <c r="HR23" s="231"/>
      <c r="HS23" s="61">
        <v>128</v>
      </c>
      <c r="HT23" s="61">
        <v>76</v>
      </c>
      <c r="HU23" s="61">
        <v>64</v>
      </c>
      <c r="HV23" s="61">
        <v>62</v>
      </c>
      <c r="HW23" s="61">
        <v>37</v>
      </c>
      <c r="HX23" s="62">
        <v>367</v>
      </c>
      <c r="HY23" s="63">
        <v>490</v>
      </c>
      <c r="HZ23" s="60">
        <v>134</v>
      </c>
      <c r="IA23" s="61">
        <v>159</v>
      </c>
      <c r="IB23" s="62">
        <v>293</v>
      </c>
      <c r="IC23" s="231"/>
      <c r="ID23" s="61">
        <v>226</v>
      </c>
      <c r="IE23" s="61">
        <v>135</v>
      </c>
      <c r="IF23" s="61">
        <v>84</v>
      </c>
      <c r="IG23" s="61">
        <v>72</v>
      </c>
      <c r="IH23" s="61">
        <v>58</v>
      </c>
      <c r="II23" s="62">
        <v>575</v>
      </c>
      <c r="IJ23" s="63">
        <v>868</v>
      </c>
      <c r="IK23" s="60">
        <v>274</v>
      </c>
      <c r="IL23" s="61">
        <v>267</v>
      </c>
      <c r="IM23" s="62">
        <v>541</v>
      </c>
      <c r="IN23" s="231"/>
      <c r="IO23" s="61">
        <v>370</v>
      </c>
      <c r="IP23" s="61">
        <v>222</v>
      </c>
      <c r="IQ23" s="61">
        <v>195</v>
      </c>
      <c r="IR23" s="61">
        <v>132</v>
      </c>
      <c r="IS23" s="61">
        <v>92</v>
      </c>
      <c r="IT23" s="62">
        <v>1011</v>
      </c>
      <c r="IU23" s="63">
        <v>1552</v>
      </c>
      <c r="IV23" s="60">
        <v>198</v>
      </c>
      <c r="IW23" s="61">
        <v>270</v>
      </c>
      <c r="IX23" s="62">
        <v>468</v>
      </c>
      <c r="IY23" s="231"/>
      <c r="IZ23" s="61">
        <v>424</v>
      </c>
      <c r="JA23" s="61">
        <v>230</v>
      </c>
      <c r="JB23" s="61">
        <v>189</v>
      </c>
      <c r="JC23" s="61">
        <v>170</v>
      </c>
      <c r="JD23" s="61">
        <v>89</v>
      </c>
      <c r="JE23" s="62">
        <v>1102</v>
      </c>
      <c r="JF23" s="63">
        <v>1570</v>
      </c>
      <c r="JG23" s="60">
        <v>79</v>
      </c>
      <c r="JH23" s="61">
        <v>161</v>
      </c>
      <c r="JI23" s="62">
        <v>240</v>
      </c>
      <c r="JJ23" s="231"/>
      <c r="JK23" s="61">
        <v>282</v>
      </c>
      <c r="JL23" s="61">
        <v>232</v>
      </c>
      <c r="JM23" s="61">
        <v>209</v>
      </c>
      <c r="JN23" s="61">
        <v>214</v>
      </c>
      <c r="JO23" s="61">
        <v>106</v>
      </c>
      <c r="JP23" s="62">
        <v>1043</v>
      </c>
      <c r="JQ23" s="63">
        <v>1283</v>
      </c>
      <c r="JR23" s="60">
        <v>13</v>
      </c>
      <c r="JS23" s="61">
        <v>26</v>
      </c>
      <c r="JT23" s="62">
        <v>39</v>
      </c>
      <c r="JU23" s="231"/>
      <c r="JV23" s="61">
        <v>35</v>
      </c>
      <c r="JW23" s="61">
        <v>27</v>
      </c>
      <c r="JX23" s="61">
        <v>17</v>
      </c>
      <c r="JY23" s="61">
        <v>18</v>
      </c>
      <c r="JZ23" s="61">
        <v>16</v>
      </c>
      <c r="KA23" s="62">
        <v>113</v>
      </c>
      <c r="KB23" s="63">
        <v>152</v>
      </c>
      <c r="KC23" s="60">
        <v>777</v>
      </c>
      <c r="KD23" s="61">
        <v>970</v>
      </c>
      <c r="KE23" s="62">
        <v>1747</v>
      </c>
      <c r="KF23" s="231"/>
      <c r="KG23" s="61">
        <v>1511</v>
      </c>
      <c r="KH23" s="61">
        <v>952</v>
      </c>
      <c r="KI23" s="61">
        <v>780</v>
      </c>
      <c r="KJ23" s="61">
        <v>688</v>
      </c>
      <c r="KK23" s="61">
        <v>410</v>
      </c>
      <c r="KL23" s="62">
        <v>4341</v>
      </c>
      <c r="KM23" s="63">
        <v>6088</v>
      </c>
    </row>
    <row r="24" spans="2:299" ht="21" customHeight="1" x14ac:dyDescent="0.2">
      <c r="B24" s="472" t="s">
        <v>21</v>
      </c>
      <c r="C24" s="293">
        <v>310</v>
      </c>
      <c r="D24" s="72">
        <v>249</v>
      </c>
      <c r="E24" s="73">
        <v>559</v>
      </c>
      <c r="F24" s="228"/>
      <c r="G24" s="72">
        <v>452</v>
      </c>
      <c r="H24" s="72">
        <v>429</v>
      </c>
      <c r="I24" s="72">
        <v>290</v>
      </c>
      <c r="J24" s="72">
        <v>223</v>
      </c>
      <c r="K24" s="72">
        <v>148</v>
      </c>
      <c r="L24" s="74">
        <v>1542</v>
      </c>
      <c r="M24" s="75">
        <v>2101</v>
      </c>
      <c r="N24" s="60">
        <v>13</v>
      </c>
      <c r="O24" s="61">
        <v>18</v>
      </c>
      <c r="P24" s="62">
        <v>31</v>
      </c>
      <c r="Q24" s="231"/>
      <c r="R24" s="61">
        <v>20</v>
      </c>
      <c r="S24" s="61">
        <v>18</v>
      </c>
      <c r="T24" s="61">
        <v>13</v>
      </c>
      <c r="U24" s="61">
        <v>17</v>
      </c>
      <c r="V24" s="61">
        <v>13</v>
      </c>
      <c r="W24" s="62">
        <v>81</v>
      </c>
      <c r="X24" s="63">
        <v>112</v>
      </c>
      <c r="Y24" s="60">
        <v>32</v>
      </c>
      <c r="Z24" s="61">
        <v>29</v>
      </c>
      <c r="AA24" s="62">
        <v>61</v>
      </c>
      <c r="AB24" s="231"/>
      <c r="AC24" s="61">
        <v>43</v>
      </c>
      <c r="AD24" s="61">
        <v>51</v>
      </c>
      <c r="AE24" s="61">
        <v>32</v>
      </c>
      <c r="AF24" s="61">
        <v>31</v>
      </c>
      <c r="AG24" s="61">
        <v>18</v>
      </c>
      <c r="AH24" s="62">
        <v>175</v>
      </c>
      <c r="AI24" s="63">
        <v>236</v>
      </c>
      <c r="AJ24" s="60">
        <v>61</v>
      </c>
      <c r="AK24" s="61">
        <v>42</v>
      </c>
      <c r="AL24" s="62">
        <v>103</v>
      </c>
      <c r="AM24" s="231"/>
      <c r="AN24" s="61">
        <v>85</v>
      </c>
      <c r="AO24" s="61">
        <v>61</v>
      </c>
      <c r="AP24" s="61">
        <v>62</v>
      </c>
      <c r="AQ24" s="61">
        <v>43</v>
      </c>
      <c r="AR24" s="61">
        <v>28</v>
      </c>
      <c r="AS24" s="62">
        <v>279</v>
      </c>
      <c r="AT24" s="63">
        <v>382</v>
      </c>
      <c r="AU24" s="60">
        <v>83</v>
      </c>
      <c r="AV24" s="61">
        <v>50</v>
      </c>
      <c r="AW24" s="62">
        <v>133</v>
      </c>
      <c r="AX24" s="231"/>
      <c r="AY24" s="61">
        <v>125</v>
      </c>
      <c r="AZ24" s="61">
        <v>133</v>
      </c>
      <c r="BA24" s="61">
        <v>76</v>
      </c>
      <c r="BB24" s="61">
        <v>56</v>
      </c>
      <c r="BC24" s="61">
        <v>33</v>
      </c>
      <c r="BD24" s="62">
        <v>423</v>
      </c>
      <c r="BE24" s="63">
        <v>556</v>
      </c>
      <c r="BF24" s="60">
        <v>85</v>
      </c>
      <c r="BG24" s="61">
        <v>74</v>
      </c>
      <c r="BH24" s="62">
        <v>159</v>
      </c>
      <c r="BI24" s="231"/>
      <c r="BJ24" s="61">
        <v>130</v>
      </c>
      <c r="BK24" s="61">
        <v>97</v>
      </c>
      <c r="BL24" s="61">
        <v>57</v>
      </c>
      <c r="BM24" s="61">
        <v>46</v>
      </c>
      <c r="BN24" s="61">
        <v>35</v>
      </c>
      <c r="BO24" s="62">
        <v>365</v>
      </c>
      <c r="BP24" s="63">
        <v>524</v>
      </c>
      <c r="BQ24" s="60">
        <v>36</v>
      </c>
      <c r="BR24" s="61">
        <v>36</v>
      </c>
      <c r="BS24" s="62">
        <v>72</v>
      </c>
      <c r="BT24" s="231"/>
      <c r="BU24" s="61">
        <v>49</v>
      </c>
      <c r="BV24" s="61">
        <v>69</v>
      </c>
      <c r="BW24" s="61">
        <v>50</v>
      </c>
      <c r="BX24" s="61">
        <v>30</v>
      </c>
      <c r="BY24" s="61">
        <v>21</v>
      </c>
      <c r="BZ24" s="62">
        <v>219</v>
      </c>
      <c r="CA24" s="63">
        <v>291</v>
      </c>
      <c r="CB24" s="60">
        <v>10</v>
      </c>
      <c r="CC24" s="61">
        <v>12</v>
      </c>
      <c r="CD24" s="62">
        <v>22</v>
      </c>
      <c r="CE24" s="231"/>
      <c r="CF24" s="61">
        <v>6</v>
      </c>
      <c r="CG24" s="61">
        <v>22</v>
      </c>
      <c r="CH24" s="61">
        <v>9</v>
      </c>
      <c r="CI24" s="61">
        <v>9</v>
      </c>
      <c r="CJ24" s="61">
        <v>11</v>
      </c>
      <c r="CK24" s="62">
        <v>57</v>
      </c>
      <c r="CL24" s="63">
        <v>79</v>
      </c>
      <c r="CM24" s="60">
        <v>320</v>
      </c>
      <c r="CN24" s="61">
        <v>261</v>
      </c>
      <c r="CO24" s="62">
        <v>581</v>
      </c>
      <c r="CP24" s="231"/>
      <c r="CQ24" s="61">
        <v>458</v>
      </c>
      <c r="CR24" s="61">
        <v>451</v>
      </c>
      <c r="CS24" s="61">
        <v>299</v>
      </c>
      <c r="CT24" s="61">
        <v>232</v>
      </c>
      <c r="CU24" s="61">
        <v>159</v>
      </c>
      <c r="CV24" s="62">
        <v>1599</v>
      </c>
      <c r="CW24" s="63">
        <v>2180</v>
      </c>
      <c r="CX24" s="113">
        <v>613</v>
      </c>
      <c r="CY24" s="72">
        <v>568</v>
      </c>
      <c r="CZ24" s="73">
        <v>1181</v>
      </c>
      <c r="DA24" s="228"/>
      <c r="DB24" s="72">
        <v>736</v>
      </c>
      <c r="DC24" s="72">
        <v>713</v>
      </c>
      <c r="DD24" s="72">
        <v>561</v>
      </c>
      <c r="DE24" s="72">
        <v>470</v>
      </c>
      <c r="DF24" s="72">
        <v>360</v>
      </c>
      <c r="DG24" s="74">
        <v>2840</v>
      </c>
      <c r="DH24" s="75">
        <v>4021</v>
      </c>
      <c r="DI24" s="60">
        <v>15</v>
      </c>
      <c r="DJ24" s="61">
        <v>15</v>
      </c>
      <c r="DK24" s="62">
        <v>30</v>
      </c>
      <c r="DL24" s="231"/>
      <c r="DM24" s="61">
        <v>18</v>
      </c>
      <c r="DN24" s="61">
        <v>20</v>
      </c>
      <c r="DO24" s="61">
        <v>8</v>
      </c>
      <c r="DP24" s="61">
        <v>5</v>
      </c>
      <c r="DQ24" s="61">
        <v>15</v>
      </c>
      <c r="DR24" s="62">
        <v>66</v>
      </c>
      <c r="DS24" s="63">
        <v>96</v>
      </c>
      <c r="DT24" s="60">
        <v>46</v>
      </c>
      <c r="DU24" s="61">
        <v>39</v>
      </c>
      <c r="DV24" s="62">
        <v>85</v>
      </c>
      <c r="DW24" s="231"/>
      <c r="DX24" s="61">
        <v>42</v>
      </c>
      <c r="DY24" s="61">
        <v>38</v>
      </c>
      <c r="DZ24" s="61">
        <v>29</v>
      </c>
      <c r="EA24" s="61">
        <v>24</v>
      </c>
      <c r="EB24" s="61">
        <v>31</v>
      </c>
      <c r="EC24" s="62">
        <v>164</v>
      </c>
      <c r="ED24" s="63">
        <v>249</v>
      </c>
      <c r="EE24" s="60">
        <v>91</v>
      </c>
      <c r="EF24" s="61">
        <v>89</v>
      </c>
      <c r="EG24" s="62">
        <v>180</v>
      </c>
      <c r="EH24" s="231"/>
      <c r="EI24" s="61">
        <v>95</v>
      </c>
      <c r="EJ24" s="61">
        <v>80</v>
      </c>
      <c r="EK24" s="61">
        <v>69</v>
      </c>
      <c r="EL24" s="61">
        <v>49</v>
      </c>
      <c r="EM24" s="61">
        <v>33</v>
      </c>
      <c r="EN24" s="62">
        <v>326</v>
      </c>
      <c r="EO24" s="63">
        <v>506</v>
      </c>
      <c r="EP24" s="60">
        <v>201</v>
      </c>
      <c r="EQ24" s="61">
        <v>176</v>
      </c>
      <c r="ER24" s="62">
        <v>377</v>
      </c>
      <c r="ES24" s="231"/>
      <c r="ET24" s="61">
        <v>208</v>
      </c>
      <c r="EU24" s="61">
        <v>152</v>
      </c>
      <c r="EV24" s="61">
        <v>111</v>
      </c>
      <c r="EW24" s="61">
        <v>107</v>
      </c>
      <c r="EX24" s="61">
        <v>76</v>
      </c>
      <c r="EY24" s="62">
        <v>654</v>
      </c>
      <c r="EZ24" s="63">
        <v>1031</v>
      </c>
      <c r="FA24" s="60">
        <v>178</v>
      </c>
      <c r="FB24" s="61">
        <v>165</v>
      </c>
      <c r="FC24" s="62">
        <v>343</v>
      </c>
      <c r="FD24" s="231"/>
      <c r="FE24" s="61">
        <v>208</v>
      </c>
      <c r="FF24" s="61">
        <v>225</v>
      </c>
      <c r="FG24" s="61">
        <v>171</v>
      </c>
      <c r="FH24" s="61">
        <v>114</v>
      </c>
      <c r="FI24" s="61">
        <v>82</v>
      </c>
      <c r="FJ24" s="62">
        <v>800</v>
      </c>
      <c r="FK24" s="63">
        <v>1143</v>
      </c>
      <c r="FL24" s="60">
        <v>82</v>
      </c>
      <c r="FM24" s="61">
        <v>84</v>
      </c>
      <c r="FN24" s="62">
        <v>166</v>
      </c>
      <c r="FO24" s="231"/>
      <c r="FP24" s="61">
        <v>165</v>
      </c>
      <c r="FQ24" s="61">
        <v>198</v>
      </c>
      <c r="FR24" s="61">
        <v>173</v>
      </c>
      <c r="FS24" s="61">
        <v>171</v>
      </c>
      <c r="FT24" s="61">
        <v>123</v>
      </c>
      <c r="FU24" s="62">
        <v>830</v>
      </c>
      <c r="FV24" s="63">
        <v>996</v>
      </c>
      <c r="FW24" s="60">
        <v>6</v>
      </c>
      <c r="FX24" s="61">
        <v>11</v>
      </c>
      <c r="FY24" s="62">
        <v>17</v>
      </c>
      <c r="FZ24" s="231"/>
      <c r="GA24" s="61">
        <v>3</v>
      </c>
      <c r="GB24" s="61">
        <v>19</v>
      </c>
      <c r="GC24" s="61">
        <v>18</v>
      </c>
      <c r="GD24" s="61">
        <v>9</v>
      </c>
      <c r="GE24" s="61">
        <v>6</v>
      </c>
      <c r="GF24" s="62">
        <v>55</v>
      </c>
      <c r="GG24" s="63">
        <v>72</v>
      </c>
      <c r="GH24" s="60">
        <v>619</v>
      </c>
      <c r="GI24" s="61">
        <v>579</v>
      </c>
      <c r="GJ24" s="62">
        <v>1198</v>
      </c>
      <c r="GK24" s="231"/>
      <c r="GL24" s="61">
        <v>739</v>
      </c>
      <c r="GM24" s="61">
        <v>732</v>
      </c>
      <c r="GN24" s="61">
        <v>579</v>
      </c>
      <c r="GO24" s="61">
        <v>479</v>
      </c>
      <c r="GP24" s="61">
        <v>366</v>
      </c>
      <c r="GQ24" s="62">
        <v>2895</v>
      </c>
      <c r="GR24" s="63">
        <v>4093</v>
      </c>
      <c r="GS24" s="113">
        <v>923</v>
      </c>
      <c r="GT24" s="72">
        <v>817</v>
      </c>
      <c r="GU24" s="73">
        <v>1740</v>
      </c>
      <c r="GV24" s="228"/>
      <c r="GW24" s="72">
        <v>1188</v>
      </c>
      <c r="GX24" s="72">
        <v>1142</v>
      </c>
      <c r="GY24" s="72">
        <v>851</v>
      </c>
      <c r="GZ24" s="72">
        <v>693</v>
      </c>
      <c r="HA24" s="72">
        <v>508</v>
      </c>
      <c r="HB24" s="74">
        <v>4382</v>
      </c>
      <c r="HC24" s="75">
        <v>6122</v>
      </c>
      <c r="HD24" s="60">
        <v>28</v>
      </c>
      <c r="HE24" s="61">
        <v>33</v>
      </c>
      <c r="HF24" s="62">
        <v>61</v>
      </c>
      <c r="HG24" s="231"/>
      <c r="HH24" s="61">
        <v>38</v>
      </c>
      <c r="HI24" s="61">
        <v>38</v>
      </c>
      <c r="HJ24" s="61">
        <v>21</v>
      </c>
      <c r="HK24" s="61">
        <v>22</v>
      </c>
      <c r="HL24" s="61">
        <v>28</v>
      </c>
      <c r="HM24" s="62">
        <v>147</v>
      </c>
      <c r="HN24" s="63">
        <v>208</v>
      </c>
      <c r="HO24" s="60">
        <v>78</v>
      </c>
      <c r="HP24" s="61">
        <v>68</v>
      </c>
      <c r="HQ24" s="62">
        <v>146</v>
      </c>
      <c r="HR24" s="231"/>
      <c r="HS24" s="61">
        <v>85</v>
      </c>
      <c r="HT24" s="61">
        <v>89</v>
      </c>
      <c r="HU24" s="61">
        <v>61</v>
      </c>
      <c r="HV24" s="61">
        <v>55</v>
      </c>
      <c r="HW24" s="61">
        <v>49</v>
      </c>
      <c r="HX24" s="62">
        <v>339</v>
      </c>
      <c r="HY24" s="63">
        <v>485</v>
      </c>
      <c r="HZ24" s="60">
        <v>152</v>
      </c>
      <c r="IA24" s="61">
        <v>131</v>
      </c>
      <c r="IB24" s="62">
        <v>283</v>
      </c>
      <c r="IC24" s="231"/>
      <c r="ID24" s="61">
        <v>180</v>
      </c>
      <c r="IE24" s="61">
        <v>141</v>
      </c>
      <c r="IF24" s="61">
        <v>131</v>
      </c>
      <c r="IG24" s="61">
        <v>92</v>
      </c>
      <c r="IH24" s="61">
        <v>61</v>
      </c>
      <c r="II24" s="62">
        <v>605</v>
      </c>
      <c r="IJ24" s="63">
        <v>888</v>
      </c>
      <c r="IK24" s="60">
        <v>284</v>
      </c>
      <c r="IL24" s="61">
        <v>226</v>
      </c>
      <c r="IM24" s="62">
        <v>510</v>
      </c>
      <c r="IN24" s="231"/>
      <c r="IO24" s="61">
        <v>333</v>
      </c>
      <c r="IP24" s="61">
        <v>285</v>
      </c>
      <c r="IQ24" s="61">
        <v>187</v>
      </c>
      <c r="IR24" s="61">
        <v>163</v>
      </c>
      <c r="IS24" s="61">
        <v>109</v>
      </c>
      <c r="IT24" s="62">
        <v>1077</v>
      </c>
      <c r="IU24" s="63">
        <v>1587</v>
      </c>
      <c r="IV24" s="60">
        <v>263</v>
      </c>
      <c r="IW24" s="61">
        <v>239</v>
      </c>
      <c r="IX24" s="62">
        <v>502</v>
      </c>
      <c r="IY24" s="231"/>
      <c r="IZ24" s="61">
        <v>338</v>
      </c>
      <c r="JA24" s="61">
        <v>322</v>
      </c>
      <c r="JB24" s="61">
        <v>228</v>
      </c>
      <c r="JC24" s="61">
        <v>160</v>
      </c>
      <c r="JD24" s="61">
        <v>117</v>
      </c>
      <c r="JE24" s="62">
        <v>1165</v>
      </c>
      <c r="JF24" s="63">
        <v>1667</v>
      </c>
      <c r="JG24" s="60">
        <v>118</v>
      </c>
      <c r="JH24" s="61">
        <v>120</v>
      </c>
      <c r="JI24" s="62">
        <v>238</v>
      </c>
      <c r="JJ24" s="231"/>
      <c r="JK24" s="61">
        <v>214</v>
      </c>
      <c r="JL24" s="61">
        <v>267</v>
      </c>
      <c r="JM24" s="61">
        <v>223</v>
      </c>
      <c r="JN24" s="61">
        <v>201</v>
      </c>
      <c r="JO24" s="61">
        <v>144</v>
      </c>
      <c r="JP24" s="62">
        <v>1049</v>
      </c>
      <c r="JQ24" s="63">
        <v>1287</v>
      </c>
      <c r="JR24" s="60">
        <v>16</v>
      </c>
      <c r="JS24" s="61">
        <v>23</v>
      </c>
      <c r="JT24" s="62">
        <v>39</v>
      </c>
      <c r="JU24" s="231"/>
      <c r="JV24" s="61">
        <v>9</v>
      </c>
      <c r="JW24" s="61">
        <v>41</v>
      </c>
      <c r="JX24" s="61">
        <v>27</v>
      </c>
      <c r="JY24" s="61">
        <v>18</v>
      </c>
      <c r="JZ24" s="61">
        <v>17</v>
      </c>
      <c r="KA24" s="62">
        <v>112</v>
      </c>
      <c r="KB24" s="63">
        <v>151</v>
      </c>
      <c r="KC24" s="60">
        <v>939</v>
      </c>
      <c r="KD24" s="61">
        <v>840</v>
      </c>
      <c r="KE24" s="62">
        <v>1779</v>
      </c>
      <c r="KF24" s="231"/>
      <c r="KG24" s="61">
        <v>1197</v>
      </c>
      <c r="KH24" s="61">
        <v>1183</v>
      </c>
      <c r="KI24" s="61">
        <v>878</v>
      </c>
      <c r="KJ24" s="61">
        <v>711</v>
      </c>
      <c r="KK24" s="61">
        <v>525</v>
      </c>
      <c r="KL24" s="62">
        <v>4494</v>
      </c>
      <c r="KM24" s="63">
        <v>6273</v>
      </c>
    </row>
    <row r="25" spans="2:299" ht="21" customHeight="1" x14ac:dyDescent="0.2">
      <c r="B25" s="472" t="s">
        <v>22</v>
      </c>
      <c r="C25" s="293">
        <v>78</v>
      </c>
      <c r="D25" s="72">
        <v>78</v>
      </c>
      <c r="E25" s="73">
        <v>156</v>
      </c>
      <c r="F25" s="228"/>
      <c r="G25" s="72">
        <v>174</v>
      </c>
      <c r="H25" s="72">
        <v>152</v>
      </c>
      <c r="I25" s="72">
        <v>99</v>
      </c>
      <c r="J25" s="72">
        <v>72</v>
      </c>
      <c r="K25" s="72">
        <v>50</v>
      </c>
      <c r="L25" s="74">
        <v>547</v>
      </c>
      <c r="M25" s="75">
        <v>703</v>
      </c>
      <c r="N25" s="60">
        <v>3</v>
      </c>
      <c r="O25" s="61">
        <v>3</v>
      </c>
      <c r="P25" s="62">
        <v>6</v>
      </c>
      <c r="Q25" s="231"/>
      <c r="R25" s="61">
        <v>5</v>
      </c>
      <c r="S25" s="61">
        <v>5</v>
      </c>
      <c r="T25" s="61">
        <v>1</v>
      </c>
      <c r="U25" s="61">
        <v>2</v>
      </c>
      <c r="V25" s="61">
        <v>2</v>
      </c>
      <c r="W25" s="62">
        <v>15</v>
      </c>
      <c r="X25" s="63">
        <v>21</v>
      </c>
      <c r="Y25" s="60">
        <v>8</v>
      </c>
      <c r="Z25" s="61">
        <v>6</v>
      </c>
      <c r="AA25" s="62">
        <v>14</v>
      </c>
      <c r="AB25" s="231"/>
      <c r="AC25" s="61">
        <v>10</v>
      </c>
      <c r="AD25" s="61">
        <v>10</v>
      </c>
      <c r="AE25" s="61">
        <v>5</v>
      </c>
      <c r="AF25" s="61">
        <v>7</v>
      </c>
      <c r="AG25" s="61">
        <v>11</v>
      </c>
      <c r="AH25" s="62">
        <v>43</v>
      </c>
      <c r="AI25" s="63">
        <v>57</v>
      </c>
      <c r="AJ25" s="60">
        <v>5</v>
      </c>
      <c r="AK25" s="61">
        <v>11</v>
      </c>
      <c r="AL25" s="62">
        <v>16</v>
      </c>
      <c r="AM25" s="231"/>
      <c r="AN25" s="61">
        <v>28</v>
      </c>
      <c r="AO25" s="61">
        <v>22</v>
      </c>
      <c r="AP25" s="61">
        <v>18</v>
      </c>
      <c r="AQ25" s="61">
        <v>14</v>
      </c>
      <c r="AR25" s="61">
        <v>9</v>
      </c>
      <c r="AS25" s="62">
        <v>91</v>
      </c>
      <c r="AT25" s="63">
        <v>107</v>
      </c>
      <c r="AU25" s="60">
        <v>20</v>
      </c>
      <c r="AV25" s="61">
        <v>30</v>
      </c>
      <c r="AW25" s="62">
        <v>50</v>
      </c>
      <c r="AX25" s="231"/>
      <c r="AY25" s="61">
        <v>28</v>
      </c>
      <c r="AZ25" s="61">
        <v>44</v>
      </c>
      <c r="BA25" s="61">
        <v>24</v>
      </c>
      <c r="BB25" s="61">
        <v>17</v>
      </c>
      <c r="BC25" s="61">
        <v>15</v>
      </c>
      <c r="BD25" s="62">
        <v>128</v>
      </c>
      <c r="BE25" s="63">
        <v>178</v>
      </c>
      <c r="BF25" s="60">
        <v>28</v>
      </c>
      <c r="BG25" s="61">
        <v>19</v>
      </c>
      <c r="BH25" s="62">
        <v>47</v>
      </c>
      <c r="BI25" s="231"/>
      <c r="BJ25" s="61">
        <v>52</v>
      </c>
      <c r="BK25" s="61">
        <v>37</v>
      </c>
      <c r="BL25" s="61">
        <v>26</v>
      </c>
      <c r="BM25" s="61">
        <v>12</v>
      </c>
      <c r="BN25" s="61">
        <v>8</v>
      </c>
      <c r="BO25" s="62">
        <v>135</v>
      </c>
      <c r="BP25" s="63">
        <v>182</v>
      </c>
      <c r="BQ25" s="60">
        <v>14</v>
      </c>
      <c r="BR25" s="61">
        <v>9</v>
      </c>
      <c r="BS25" s="62">
        <v>23</v>
      </c>
      <c r="BT25" s="231"/>
      <c r="BU25" s="61">
        <v>51</v>
      </c>
      <c r="BV25" s="61">
        <v>34</v>
      </c>
      <c r="BW25" s="61">
        <v>25</v>
      </c>
      <c r="BX25" s="61">
        <v>20</v>
      </c>
      <c r="BY25" s="61">
        <v>5</v>
      </c>
      <c r="BZ25" s="62">
        <v>135</v>
      </c>
      <c r="CA25" s="63">
        <v>158</v>
      </c>
      <c r="CB25" s="60">
        <v>2</v>
      </c>
      <c r="CC25" s="61">
        <v>4</v>
      </c>
      <c r="CD25" s="62">
        <v>6</v>
      </c>
      <c r="CE25" s="231"/>
      <c r="CF25" s="61">
        <v>9</v>
      </c>
      <c r="CG25" s="61">
        <v>5</v>
      </c>
      <c r="CH25" s="61">
        <v>1</v>
      </c>
      <c r="CI25" s="61">
        <v>3</v>
      </c>
      <c r="CJ25" s="61">
        <v>5</v>
      </c>
      <c r="CK25" s="62">
        <v>23</v>
      </c>
      <c r="CL25" s="63">
        <v>29</v>
      </c>
      <c r="CM25" s="60">
        <v>80</v>
      </c>
      <c r="CN25" s="61">
        <v>82</v>
      </c>
      <c r="CO25" s="62">
        <v>162</v>
      </c>
      <c r="CP25" s="231"/>
      <c r="CQ25" s="61">
        <v>183</v>
      </c>
      <c r="CR25" s="61">
        <v>157</v>
      </c>
      <c r="CS25" s="61">
        <v>100</v>
      </c>
      <c r="CT25" s="61">
        <v>75</v>
      </c>
      <c r="CU25" s="61">
        <v>55</v>
      </c>
      <c r="CV25" s="62">
        <v>570</v>
      </c>
      <c r="CW25" s="63">
        <v>732</v>
      </c>
      <c r="CX25" s="113">
        <v>114</v>
      </c>
      <c r="CY25" s="72">
        <v>231</v>
      </c>
      <c r="CZ25" s="73">
        <v>345</v>
      </c>
      <c r="DA25" s="228"/>
      <c r="DB25" s="72">
        <v>307</v>
      </c>
      <c r="DC25" s="72">
        <v>282</v>
      </c>
      <c r="DD25" s="72">
        <v>209</v>
      </c>
      <c r="DE25" s="72">
        <v>203</v>
      </c>
      <c r="DF25" s="72">
        <v>106</v>
      </c>
      <c r="DG25" s="74">
        <v>1107</v>
      </c>
      <c r="DH25" s="75">
        <v>1452</v>
      </c>
      <c r="DI25" s="60">
        <v>7</v>
      </c>
      <c r="DJ25" s="61">
        <v>8</v>
      </c>
      <c r="DK25" s="62">
        <v>15</v>
      </c>
      <c r="DL25" s="231"/>
      <c r="DM25" s="61">
        <v>1</v>
      </c>
      <c r="DN25" s="61">
        <v>5</v>
      </c>
      <c r="DO25" s="61">
        <v>4</v>
      </c>
      <c r="DP25" s="61">
        <v>1</v>
      </c>
      <c r="DQ25" s="61">
        <v>3</v>
      </c>
      <c r="DR25" s="62">
        <v>14</v>
      </c>
      <c r="DS25" s="63">
        <v>29</v>
      </c>
      <c r="DT25" s="60">
        <v>6</v>
      </c>
      <c r="DU25" s="61">
        <v>4</v>
      </c>
      <c r="DV25" s="62">
        <v>10</v>
      </c>
      <c r="DW25" s="231"/>
      <c r="DX25" s="61">
        <v>12</v>
      </c>
      <c r="DY25" s="61">
        <v>14</v>
      </c>
      <c r="DZ25" s="61">
        <v>5</v>
      </c>
      <c r="EA25" s="61">
        <v>5</v>
      </c>
      <c r="EB25" s="61">
        <v>5</v>
      </c>
      <c r="EC25" s="62">
        <v>41</v>
      </c>
      <c r="ED25" s="63">
        <v>51</v>
      </c>
      <c r="EE25" s="60">
        <v>26</v>
      </c>
      <c r="EF25" s="61">
        <v>37</v>
      </c>
      <c r="EG25" s="62">
        <v>63</v>
      </c>
      <c r="EH25" s="231"/>
      <c r="EI25" s="61">
        <v>35</v>
      </c>
      <c r="EJ25" s="61">
        <v>31</v>
      </c>
      <c r="EK25" s="61">
        <v>20</v>
      </c>
      <c r="EL25" s="61">
        <v>14</v>
      </c>
      <c r="EM25" s="61">
        <v>14</v>
      </c>
      <c r="EN25" s="62">
        <v>114</v>
      </c>
      <c r="EO25" s="63">
        <v>177</v>
      </c>
      <c r="EP25" s="60">
        <v>31</v>
      </c>
      <c r="EQ25" s="61">
        <v>76</v>
      </c>
      <c r="ER25" s="62">
        <v>107</v>
      </c>
      <c r="ES25" s="231"/>
      <c r="ET25" s="61">
        <v>72</v>
      </c>
      <c r="EU25" s="61">
        <v>57</v>
      </c>
      <c r="EV25" s="61">
        <v>46</v>
      </c>
      <c r="EW25" s="61">
        <v>39</v>
      </c>
      <c r="EX25" s="61">
        <v>16</v>
      </c>
      <c r="EY25" s="62">
        <v>230</v>
      </c>
      <c r="EZ25" s="63">
        <v>337</v>
      </c>
      <c r="FA25" s="60">
        <v>31</v>
      </c>
      <c r="FB25" s="61">
        <v>63</v>
      </c>
      <c r="FC25" s="62">
        <v>94</v>
      </c>
      <c r="FD25" s="231"/>
      <c r="FE25" s="61">
        <v>105</v>
      </c>
      <c r="FF25" s="61">
        <v>84</v>
      </c>
      <c r="FG25" s="61">
        <v>47</v>
      </c>
      <c r="FH25" s="61">
        <v>50</v>
      </c>
      <c r="FI25" s="61">
        <v>33</v>
      </c>
      <c r="FJ25" s="62">
        <v>319</v>
      </c>
      <c r="FK25" s="63">
        <v>413</v>
      </c>
      <c r="FL25" s="60">
        <v>13</v>
      </c>
      <c r="FM25" s="61">
        <v>43</v>
      </c>
      <c r="FN25" s="62">
        <v>56</v>
      </c>
      <c r="FO25" s="231"/>
      <c r="FP25" s="61">
        <v>82</v>
      </c>
      <c r="FQ25" s="61">
        <v>91</v>
      </c>
      <c r="FR25" s="61">
        <v>87</v>
      </c>
      <c r="FS25" s="61">
        <v>94</v>
      </c>
      <c r="FT25" s="61">
        <v>35</v>
      </c>
      <c r="FU25" s="62">
        <v>389</v>
      </c>
      <c r="FV25" s="63">
        <v>445</v>
      </c>
      <c r="FW25" s="60">
        <v>1</v>
      </c>
      <c r="FX25" s="61">
        <v>3</v>
      </c>
      <c r="FY25" s="62">
        <v>4</v>
      </c>
      <c r="FZ25" s="231"/>
      <c r="GA25" s="61">
        <v>1</v>
      </c>
      <c r="GB25" s="61">
        <v>8</v>
      </c>
      <c r="GC25" s="61">
        <v>5</v>
      </c>
      <c r="GD25" s="61">
        <v>2</v>
      </c>
      <c r="GE25" s="61">
        <v>1</v>
      </c>
      <c r="GF25" s="62">
        <v>17</v>
      </c>
      <c r="GG25" s="63">
        <v>21</v>
      </c>
      <c r="GH25" s="60">
        <v>115</v>
      </c>
      <c r="GI25" s="61">
        <v>234</v>
      </c>
      <c r="GJ25" s="62">
        <v>349</v>
      </c>
      <c r="GK25" s="231"/>
      <c r="GL25" s="61">
        <v>308</v>
      </c>
      <c r="GM25" s="61">
        <v>290</v>
      </c>
      <c r="GN25" s="61">
        <v>214</v>
      </c>
      <c r="GO25" s="61">
        <v>205</v>
      </c>
      <c r="GP25" s="61">
        <v>107</v>
      </c>
      <c r="GQ25" s="62">
        <v>1124</v>
      </c>
      <c r="GR25" s="63">
        <v>1473</v>
      </c>
      <c r="GS25" s="113">
        <v>192</v>
      </c>
      <c r="GT25" s="72">
        <v>309</v>
      </c>
      <c r="GU25" s="73">
        <v>501</v>
      </c>
      <c r="GV25" s="228"/>
      <c r="GW25" s="72">
        <v>481</v>
      </c>
      <c r="GX25" s="72">
        <v>434</v>
      </c>
      <c r="GY25" s="72">
        <v>308</v>
      </c>
      <c r="GZ25" s="72">
        <v>275</v>
      </c>
      <c r="HA25" s="72">
        <v>156</v>
      </c>
      <c r="HB25" s="74">
        <v>1654</v>
      </c>
      <c r="HC25" s="75">
        <v>2155</v>
      </c>
      <c r="HD25" s="60">
        <v>10</v>
      </c>
      <c r="HE25" s="61">
        <v>11</v>
      </c>
      <c r="HF25" s="62">
        <v>21</v>
      </c>
      <c r="HG25" s="231"/>
      <c r="HH25" s="61">
        <v>6</v>
      </c>
      <c r="HI25" s="61">
        <v>10</v>
      </c>
      <c r="HJ25" s="61">
        <v>5</v>
      </c>
      <c r="HK25" s="61">
        <v>3</v>
      </c>
      <c r="HL25" s="61">
        <v>5</v>
      </c>
      <c r="HM25" s="62">
        <v>29</v>
      </c>
      <c r="HN25" s="63">
        <v>50</v>
      </c>
      <c r="HO25" s="60">
        <v>14</v>
      </c>
      <c r="HP25" s="61">
        <v>10</v>
      </c>
      <c r="HQ25" s="62">
        <v>24</v>
      </c>
      <c r="HR25" s="231"/>
      <c r="HS25" s="61">
        <v>22</v>
      </c>
      <c r="HT25" s="61">
        <v>24</v>
      </c>
      <c r="HU25" s="61">
        <v>10</v>
      </c>
      <c r="HV25" s="61">
        <v>12</v>
      </c>
      <c r="HW25" s="61">
        <v>16</v>
      </c>
      <c r="HX25" s="62">
        <v>84</v>
      </c>
      <c r="HY25" s="63">
        <v>108</v>
      </c>
      <c r="HZ25" s="60">
        <v>31</v>
      </c>
      <c r="IA25" s="61">
        <v>48</v>
      </c>
      <c r="IB25" s="62">
        <v>79</v>
      </c>
      <c r="IC25" s="231"/>
      <c r="ID25" s="61">
        <v>63</v>
      </c>
      <c r="IE25" s="61">
        <v>53</v>
      </c>
      <c r="IF25" s="61">
        <v>38</v>
      </c>
      <c r="IG25" s="61">
        <v>28</v>
      </c>
      <c r="IH25" s="61">
        <v>23</v>
      </c>
      <c r="II25" s="62">
        <v>205</v>
      </c>
      <c r="IJ25" s="63">
        <v>284</v>
      </c>
      <c r="IK25" s="60">
        <v>51</v>
      </c>
      <c r="IL25" s="61">
        <v>106</v>
      </c>
      <c r="IM25" s="62">
        <v>157</v>
      </c>
      <c r="IN25" s="231"/>
      <c r="IO25" s="61">
        <v>100</v>
      </c>
      <c r="IP25" s="61">
        <v>101</v>
      </c>
      <c r="IQ25" s="61">
        <v>70</v>
      </c>
      <c r="IR25" s="61">
        <v>56</v>
      </c>
      <c r="IS25" s="61">
        <v>31</v>
      </c>
      <c r="IT25" s="62">
        <v>358</v>
      </c>
      <c r="IU25" s="63">
        <v>515</v>
      </c>
      <c r="IV25" s="60">
        <v>59</v>
      </c>
      <c r="IW25" s="61">
        <v>82</v>
      </c>
      <c r="IX25" s="62">
        <v>141</v>
      </c>
      <c r="IY25" s="231"/>
      <c r="IZ25" s="61">
        <v>157</v>
      </c>
      <c r="JA25" s="61">
        <v>121</v>
      </c>
      <c r="JB25" s="61">
        <v>73</v>
      </c>
      <c r="JC25" s="61">
        <v>62</v>
      </c>
      <c r="JD25" s="61">
        <v>41</v>
      </c>
      <c r="JE25" s="62">
        <v>454</v>
      </c>
      <c r="JF25" s="63">
        <v>595</v>
      </c>
      <c r="JG25" s="60">
        <v>27</v>
      </c>
      <c r="JH25" s="61">
        <v>52</v>
      </c>
      <c r="JI25" s="62">
        <v>79</v>
      </c>
      <c r="JJ25" s="231"/>
      <c r="JK25" s="61">
        <v>133</v>
      </c>
      <c r="JL25" s="61">
        <v>125</v>
      </c>
      <c r="JM25" s="61">
        <v>112</v>
      </c>
      <c r="JN25" s="61">
        <v>114</v>
      </c>
      <c r="JO25" s="61">
        <v>40</v>
      </c>
      <c r="JP25" s="62">
        <v>524</v>
      </c>
      <c r="JQ25" s="63">
        <v>603</v>
      </c>
      <c r="JR25" s="60">
        <v>3</v>
      </c>
      <c r="JS25" s="61">
        <v>7</v>
      </c>
      <c r="JT25" s="62">
        <v>10</v>
      </c>
      <c r="JU25" s="231"/>
      <c r="JV25" s="61">
        <v>10</v>
      </c>
      <c r="JW25" s="61">
        <v>13</v>
      </c>
      <c r="JX25" s="61">
        <v>6</v>
      </c>
      <c r="JY25" s="61">
        <v>5</v>
      </c>
      <c r="JZ25" s="61">
        <v>6</v>
      </c>
      <c r="KA25" s="62">
        <v>40</v>
      </c>
      <c r="KB25" s="63">
        <v>50</v>
      </c>
      <c r="KC25" s="60">
        <v>195</v>
      </c>
      <c r="KD25" s="61">
        <v>316</v>
      </c>
      <c r="KE25" s="62">
        <v>511</v>
      </c>
      <c r="KF25" s="231"/>
      <c r="KG25" s="61">
        <v>491</v>
      </c>
      <c r="KH25" s="61">
        <v>447</v>
      </c>
      <c r="KI25" s="61">
        <v>314</v>
      </c>
      <c r="KJ25" s="61">
        <v>280</v>
      </c>
      <c r="KK25" s="61">
        <v>162</v>
      </c>
      <c r="KL25" s="62">
        <v>1694</v>
      </c>
      <c r="KM25" s="63">
        <v>2205</v>
      </c>
    </row>
    <row r="26" spans="2:299" ht="21" customHeight="1" x14ac:dyDescent="0.2">
      <c r="B26" s="472" t="s">
        <v>23</v>
      </c>
      <c r="C26" s="293">
        <v>193</v>
      </c>
      <c r="D26" s="72">
        <v>200</v>
      </c>
      <c r="E26" s="73">
        <v>393</v>
      </c>
      <c r="F26" s="228"/>
      <c r="G26" s="72">
        <v>319</v>
      </c>
      <c r="H26" s="72">
        <v>263</v>
      </c>
      <c r="I26" s="72">
        <v>173</v>
      </c>
      <c r="J26" s="72">
        <v>169</v>
      </c>
      <c r="K26" s="72">
        <v>84</v>
      </c>
      <c r="L26" s="74">
        <v>1008</v>
      </c>
      <c r="M26" s="75">
        <v>1401</v>
      </c>
      <c r="N26" s="60">
        <v>4</v>
      </c>
      <c r="O26" s="61">
        <v>8</v>
      </c>
      <c r="P26" s="62">
        <v>12</v>
      </c>
      <c r="Q26" s="231"/>
      <c r="R26" s="61">
        <v>9</v>
      </c>
      <c r="S26" s="61">
        <v>14</v>
      </c>
      <c r="T26" s="61">
        <v>4</v>
      </c>
      <c r="U26" s="61">
        <v>8</v>
      </c>
      <c r="V26" s="61">
        <v>5</v>
      </c>
      <c r="W26" s="62">
        <v>40</v>
      </c>
      <c r="X26" s="63">
        <v>52</v>
      </c>
      <c r="Y26" s="60">
        <v>24</v>
      </c>
      <c r="Z26" s="61">
        <v>20</v>
      </c>
      <c r="AA26" s="62">
        <v>44</v>
      </c>
      <c r="AB26" s="231"/>
      <c r="AC26" s="61">
        <v>29</v>
      </c>
      <c r="AD26" s="61">
        <v>31</v>
      </c>
      <c r="AE26" s="61">
        <v>20</v>
      </c>
      <c r="AF26" s="61">
        <v>16</v>
      </c>
      <c r="AG26" s="61">
        <v>8</v>
      </c>
      <c r="AH26" s="62">
        <v>104</v>
      </c>
      <c r="AI26" s="63">
        <v>148</v>
      </c>
      <c r="AJ26" s="60">
        <v>44</v>
      </c>
      <c r="AK26" s="61">
        <v>32</v>
      </c>
      <c r="AL26" s="62">
        <v>76</v>
      </c>
      <c r="AM26" s="231"/>
      <c r="AN26" s="61">
        <v>56</v>
      </c>
      <c r="AO26" s="61">
        <v>41</v>
      </c>
      <c r="AP26" s="61">
        <v>25</v>
      </c>
      <c r="AQ26" s="61">
        <v>29</v>
      </c>
      <c r="AR26" s="61">
        <v>23</v>
      </c>
      <c r="AS26" s="62">
        <v>174</v>
      </c>
      <c r="AT26" s="63">
        <v>250</v>
      </c>
      <c r="AU26" s="60">
        <v>49</v>
      </c>
      <c r="AV26" s="61">
        <v>71</v>
      </c>
      <c r="AW26" s="62">
        <v>120</v>
      </c>
      <c r="AX26" s="231"/>
      <c r="AY26" s="61">
        <v>102</v>
      </c>
      <c r="AZ26" s="61">
        <v>70</v>
      </c>
      <c r="BA26" s="61">
        <v>48</v>
      </c>
      <c r="BB26" s="61">
        <v>51</v>
      </c>
      <c r="BC26" s="61">
        <v>15</v>
      </c>
      <c r="BD26" s="62">
        <v>286</v>
      </c>
      <c r="BE26" s="63">
        <v>406</v>
      </c>
      <c r="BF26" s="60">
        <v>56</v>
      </c>
      <c r="BG26" s="61">
        <v>53</v>
      </c>
      <c r="BH26" s="62">
        <v>109</v>
      </c>
      <c r="BI26" s="231"/>
      <c r="BJ26" s="61">
        <v>91</v>
      </c>
      <c r="BK26" s="61">
        <v>66</v>
      </c>
      <c r="BL26" s="61">
        <v>49</v>
      </c>
      <c r="BM26" s="61">
        <v>39</v>
      </c>
      <c r="BN26" s="61">
        <v>23</v>
      </c>
      <c r="BO26" s="62">
        <v>268</v>
      </c>
      <c r="BP26" s="63">
        <v>377</v>
      </c>
      <c r="BQ26" s="60">
        <v>16</v>
      </c>
      <c r="BR26" s="61">
        <v>16</v>
      </c>
      <c r="BS26" s="62">
        <v>32</v>
      </c>
      <c r="BT26" s="231"/>
      <c r="BU26" s="61">
        <v>32</v>
      </c>
      <c r="BV26" s="61">
        <v>41</v>
      </c>
      <c r="BW26" s="61">
        <v>27</v>
      </c>
      <c r="BX26" s="61">
        <v>26</v>
      </c>
      <c r="BY26" s="61">
        <v>10</v>
      </c>
      <c r="BZ26" s="62">
        <v>136</v>
      </c>
      <c r="CA26" s="63">
        <v>168</v>
      </c>
      <c r="CB26" s="60">
        <v>6</v>
      </c>
      <c r="CC26" s="61">
        <v>11</v>
      </c>
      <c r="CD26" s="62">
        <v>17</v>
      </c>
      <c r="CE26" s="231"/>
      <c r="CF26" s="61">
        <v>4</v>
      </c>
      <c r="CG26" s="61">
        <v>13</v>
      </c>
      <c r="CH26" s="61">
        <v>7</v>
      </c>
      <c r="CI26" s="61">
        <v>8</v>
      </c>
      <c r="CJ26" s="61">
        <v>3</v>
      </c>
      <c r="CK26" s="62">
        <v>35</v>
      </c>
      <c r="CL26" s="63">
        <v>52</v>
      </c>
      <c r="CM26" s="60">
        <v>199</v>
      </c>
      <c r="CN26" s="61">
        <v>211</v>
      </c>
      <c r="CO26" s="62">
        <v>410</v>
      </c>
      <c r="CP26" s="231"/>
      <c r="CQ26" s="61">
        <v>323</v>
      </c>
      <c r="CR26" s="61">
        <v>276</v>
      </c>
      <c r="CS26" s="61">
        <v>180</v>
      </c>
      <c r="CT26" s="61">
        <v>177</v>
      </c>
      <c r="CU26" s="61">
        <v>87</v>
      </c>
      <c r="CV26" s="62">
        <v>1043</v>
      </c>
      <c r="CW26" s="63">
        <v>1453</v>
      </c>
      <c r="CX26" s="113">
        <v>318</v>
      </c>
      <c r="CY26" s="72">
        <v>430</v>
      </c>
      <c r="CZ26" s="73">
        <v>748</v>
      </c>
      <c r="DA26" s="228"/>
      <c r="DB26" s="72">
        <v>516</v>
      </c>
      <c r="DC26" s="72">
        <v>442</v>
      </c>
      <c r="DD26" s="72">
        <v>309</v>
      </c>
      <c r="DE26" s="72">
        <v>351</v>
      </c>
      <c r="DF26" s="72">
        <v>231</v>
      </c>
      <c r="DG26" s="74">
        <v>1849</v>
      </c>
      <c r="DH26" s="75">
        <v>2597</v>
      </c>
      <c r="DI26" s="60">
        <v>11</v>
      </c>
      <c r="DJ26" s="61">
        <v>11</v>
      </c>
      <c r="DK26" s="62">
        <v>22</v>
      </c>
      <c r="DL26" s="231"/>
      <c r="DM26" s="61">
        <v>12</v>
      </c>
      <c r="DN26" s="61">
        <v>8</v>
      </c>
      <c r="DO26" s="61">
        <v>7</v>
      </c>
      <c r="DP26" s="61">
        <v>9</v>
      </c>
      <c r="DQ26" s="61">
        <v>5</v>
      </c>
      <c r="DR26" s="62">
        <v>41</v>
      </c>
      <c r="DS26" s="63">
        <v>63</v>
      </c>
      <c r="DT26" s="60">
        <v>20</v>
      </c>
      <c r="DU26" s="61">
        <v>38</v>
      </c>
      <c r="DV26" s="62">
        <v>58</v>
      </c>
      <c r="DW26" s="231"/>
      <c r="DX26" s="61">
        <v>26</v>
      </c>
      <c r="DY26" s="61">
        <v>27</v>
      </c>
      <c r="DZ26" s="61">
        <v>14</v>
      </c>
      <c r="EA26" s="61">
        <v>23</v>
      </c>
      <c r="EB26" s="61">
        <v>11</v>
      </c>
      <c r="EC26" s="62">
        <v>101</v>
      </c>
      <c r="ED26" s="63">
        <v>159</v>
      </c>
      <c r="EE26" s="60">
        <v>66</v>
      </c>
      <c r="EF26" s="61">
        <v>77</v>
      </c>
      <c r="EG26" s="62">
        <v>143</v>
      </c>
      <c r="EH26" s="231"/>
      <c r="EI26" s="61">
        <v>69</v>
      </c>
      <c r="EJ26" s="61">
        <v>56</v>
      </c>
      <c r="EK26" s="61">
        <v>40</v>
      </c>
      <c r="EL26" s="61">
        <v>50</v>
      </c>
      <c r="EM26" s="61">
        <v>28</v>
      </c>
      <c r="EN26" s="62">
        <v>243</v>
      </c>
      <c r="EO26" s="63">
        <v>386</v>
      </c>
      <c r="EP26" s="60">
        <v>127</v>
      </c>
      <c r="EQ26" s="61">
        <v>128</v>
      </c>
      <c r="ER26" s="62">
        <v>255</v>
      </c>
      <c r="ES26" s="231"/>
      <c r="ET26" s="61">
        <v>138</v>
      </c>
      <c r="EU26" s="61">
        <v>117</v>
      </c>
      <c r="EV26" s="61">
        <v>68</v>
      </c>
      <c r="EW26" s="61">
        <v>65</v>
      </c>
      <c r="EX26" s="61">
        <v>50</v>
      </c>
      <c r="EY26" s="62">
        <v>438</v>
      </c>
      <c r="EZ26" s="63">
        <v>693</v>
      </c>
      <c r="FA26" s="60">
        <v>65</v>
      </c>
      <c r="FB26" s="61">
        <v>115</v>
      </c>
      <c r="FC26" s="62">
        <v>180</v>
      </c>
      <c r="FD26" s="231"/>
      <c r="FE26" s="61">
        <v>175</v>
      </c>
      <c r="FF26" s="61">
        <v>121</v>
      </c>
      <c r="FG26" s="61">
        <v>93</v>
      </c>
      <c r="FH26" s="61">
        <v>96</v>
      </c>
      <c r="FI26" s="61">
        <v>61</v>
      </c>
      <c r="FJ26" s="62">
        <v>546</v>
      </c>
      <c r="FK26" s="63">
        <v>726</v>
      </c>
      <c r="FL26" s="60">
        <v>29</v>
      </c>
      <c r="FM26" s="61">
        <v>61</v>
      </c>
      <c r="FN26" s="62">
        <v>90</v>
      </c>
      <c r="FO26" s="231"/>
      <c r="FP26" s="61">
        <v>96</v>
      </c>
      <c r="FQ26" s="61">
        <v>113</v>
      </c>
      <c r="FR26" s="61">
        <v>87</v>
      </c>
      <c r="FS26" s="61">
        <v>108</v>
      </c>
      <c r="FT26" s="61">
        <v>76</v>
      </c>
      <c r="FU26" s="62">
        <v>480</v>
      </c>
      <c r="FV26" s="63">
        <v>570</v>
      </c>
      <c r="FW26" s="60">
        <v>6</v>
      </c>
      <c r="FX26" s="61">
        <v>6</v>
      </c>
      <c r="FY26" s="62">
        <v>12</v>
      </c>
      <c r="FZ26" s="231"/>
      <c r="GA26" s="61">
        <v>6</v>
      </c>
      <c r="GB26" s="61">
        <v>11</v>
      </c>
      <c r="GC26" s="61">
        <v>4</v>
      </c>
      <c r="GD26" s="61">
        <v>3</v>
      </c>
      <c r="GE26" s="61">
        <v>4</v>
      </c>
      <c r="GF26" s="62">
        <v>28</v>
      </c>
      <c r="GG26" s="63">
        <v>40</v>
      </c>
      <c r="GH26" s="60">
        <v>324</v>
      </c>
      <c r="GI26" s="61">
        <v>436</v>
      </c>
      <c r="GJ26" s="62">
        <v>760</v>
      </c>
      <c r="GK26" s="231"/>
      <c r="GL26" s="61">
        <v>522</v>
      </c>
      <c r="GM26" s="61">
        <v>453</v>
      </c>
      <c r="GN26" s="61">
        <v>313</v>
      </c>
      <c r="GO26" s="61">
        <v>354</v>
      </c>
      <c r="GP26" s="61">
        <v>235</v>
      </c>
      <c r="GQ26" s="62">
        <v>1877</v>
      </c>
      <c r="GR26" s="63">
        <v>2637</v>
      </c>
      <c r="GS26" s="113">
        <v>511</v>
      </c>
      <c r="GT26" s="72">
        <v>630</v>
      </c>
      <c r="GU26" s="73">
        <v>1141</v>
      </c>
      <c r="GV26" s="228"/>
      <c r="GW26" s="72">
        <v>835</v>
      </c>
      <c r="GX26" s="72">
        <v>705</v>
      </c>
      <c r="GY26" s="72">
        <v>482</v>
      </c>
      <c r="GZ26" s="72">
        <v>520</v>
      </c>
      <c r="HA26" s="72">
        <v>315</v>
      </c>
      <c r="HB26" s="74">
        <v>2857</v>
      </c>
      <c r="HC26" s="75">
        <v>3998</v>
      </c>
      <c r="HD26" s="60">
        <v>15</v>
      </c>
      <c r="HE26" s="61">
        <v>19</v>
      </c>
      <c r="HF26" s="62">
        <v>34</v>
      </c>
      <c r="HG26" s="231"/>
      <c r="HH26" s="61">
        <v>21</v>
      </c>
      <c r="HI26" s="61">
        <v>22</v>
      </c>
      <c r="HJ26" s="61">
        <v>11</v>
      </c>
      <c r="HK26" s="61">
        <v>17</v>
      </c>
      <c r="HL26" s="61">
        <v>10</v>
      </c>
      <c r="HM26" s="62">
        <v>81</v>
      </c>
      <c r="HN26" s="63">
        <v>115</v>
      </c>
      <c r="HO26" s="60">
        <v>44</v>
      </c>
      <c r="HP26" s="61">
        <v>58</v>
      </c>
      <c r="HQ26" s="62">
        <v>102</v>
      </c>
      <c r="HR26" s="231"/>
      <c r="HS26" s="61">
        <v>55</v>
      </c>
      <c r="HT26" s="61">
        <v>58</v>
      </c>
      <c r="HU26" s="61">
        <v>34</v>
      </c>
      <c r="HV26" s="61">
        <v>39</v>
      </c>
      <c r="HW26" s="61">
        <v>19</v>
      </c>
      <c r="HX26" s="62">
        <v>205</v>
      </c>
      <c r="HY26" s="63">
        <v>307</v>
      </c>
      <c r="HZ26" s="60">
        <v>110</v>
      </c>
      <c r="IA26" s="61">
        <v>109</v>
      </c>
      <c r="IB26" s="62">
        <v>219</v>
      </c>
      <c r="IC26" s="231"/>
      <c r="ID26" s="61">
        <v>125</v>
      </c>
      <c r="IE26" s="61">
        <v>97</v>
      </c>
      <c r="IF26" s="61">
        <v>65</v>
      </c>
      <c r="IG26" s="61">
        <v>79</v>
      </c>
      <c r="IH26" s="61">
        <v>51</v>
      </c>
      <c r="II26" s="62">
        <v>417</v>
      </c>
      <c r="IJ26" s="63">
        <v>636</v>
      </c>
      <c r="IK26" s="60">
        <v>176</v>
      </c>
      <c r="IL26" s="61">
        <v>199</v>
      </c>
      <c r="IM26" s="62">
        <v>375</v>
      </c>
      <c r="IN26" s="231"/>
      <c r="IO26" s="61">
        <v>240</v>
      </c>
      <c r="IP26" s="61">
        <v>187</v>
      </c>
      <c r="IQ26" s="61">
        <v>116</v>
      </c>
      <c r="IR26" s="61">
        <v>116</v>
      </c>
      <c r="IS26" s="61">
        <v>65</v>
      </c>
      <c r="IT26" s="62">
        <v>724</v>
      </c>
      <c r="IU26" s="63">
        <v>1099</v>
      </c>
      <c r="IV26" s="60">
        <v>121</v>
      </c>
      <c r="IW26" s="61">
        <v>168</v>
      </c>
      <c r="IX26" s="62">
        <v>289</v>
      </c>
      <c r="IY26" s="231"/>
      <c r="IZ26" s="61">
        <v>266</v>
      </c>
      <c r="JA26" s="61">
        <v>187</v>
      </c>
      <c r="JB26" s="61">
        <v>142</v>
      </c>
      <c r="JC26" s="61">
        <v>135</v>
      </c>
      <c r="JD26" s="61">
        <v>84</v>
      </c>
      <c r="JE26" s="62">
        <v>814</v>
      </c>
      <c r="JF26" s="63">
        <v>1103</v>
      </c>
      <c r="JG26" s="60">
        <v>45</v>
      </c>
      <c r="JH26" s="61">
        <v>77</v>
      </c>
      <c r="JI26" s="62">
        <v>122</v>
      </c>
      <c r="JJ26" s="231"/>
      <c r="JK26" s="61">
        <v>128</v>
      </c>
      <c r="JL26" s="61">
        <v>154</v>
      </c>
      <c r="JM26" s="61">
        <v>114</v>
      </c>
      <c r="JN26" s="61">
        <v>134</v>
      </c>
      <c r="JO26" s="61">
        <v>86</v>
      </c>
      <c r="JP26" s="62">
        <v>616</v>
      </c>
      <c r="JQ26" s="63">
        <v>738</v>
      </c>
      <c r="JR26" s="60">
        <v>12</v>
      </c>
      <c r="JS26" s="61">
        <v>17</v>
      </c>
      <c r="JT26" s="62">
        <v>29</v>
      </c>
      <c r="JU26" s="231"/>
      <c r="JV26" s="61">
        <v>10</v>
      </c>
      <c r="JW26" s="61">
        <v>24</v>
      </c>
      <c r="JX26" s="61">
        <v>11</v>
      </c>
      <c r="JY26" s="61">
        <v>11</v>
      </c>
      <c r="JZ26" s="61">
        <v>7</v>
      </c>
      <c r="KA26" s="62">
        <v>63</v>
      </c>
      <c r="KB26" s="63">
        <v>92</v>
      </c>
      <c r="KC26" s="60">
        <v>523</v>
      </c>
      <c r="KD26" s="61">
        <v>647</v>
      </c>
      <c r="KE26" s="62">
        <v>1170</v>
      </c>
      <c r="KF26" s="231"/>
      <c r="KG26" s="61">
        <v>845</v>
      </c>
      <c r="KH26" s="61">
        <v>729</v>
      </c>
      <c r="KI26" s="61">
        <v>493</v>
      </c>
      <c r="KJ26" s="61">
        <v>531</v>
      </c>
      <c r="KK26" s="61">
        <v>322</v>
      </c>
      <c r="KL26" s="62">
        <v>2920</v>
      </c>
      <c r="KM26" s="63">
        <v>4090</v>
      </c>
    </row>
    <row r="27" spans="2:299" ht="21" customHeight="1" x14ac:dyDescent="0.2">
      <c r="B27" s="472" t="s">
        <v>24</v>
      </c>
      <c r="C27" s="293">
        <v>111</v>
      </c>
      <c r="D27" s="72">
        <v>89</v>
      </c>
      <c r="E27" s="73">
        <v>200</v>
      </c>
      <c r="F27" s="228"/>
      <c r="G27" s="72">
        <v>169</v>
      </c>
      <c r="H27" s="72">
        <v>102</v>
      </c>
      <c r="I27" s="72">
        <v>66</v>
      </c>
      <c r="J27" s="72">
        <v>67</v>
      </c>
      <c r="K27" s="72">
        <v>47</v>
      </c>
      <c r="L27" s="74">
        <v>451</v>
      </c>
      <c r="M27" s="75">
        <v>651</v>
      </c>
      <c r="N27" s="60">
        <v>4</v>
      </c>
      <c r="O27" s="61">
        <v>2</v>
      </c>
      <c r="P27" s="62">
        <v>6</v>
      </c>
      <c r="Q27" s="231"/>
      <c r="R27" s="61">
        <v>5</v>
      </c>
      <c r="S27" s="61">
        <v>4</v>
      </c>
      <c r="T27" s="61">
        <v>2</v>
      </c>
      <c r="U27" s="61">
        <v>0</v>
      </c>
      <c r="V27" s="61">
        <v>6</v>
      </c>
      <c r="W27" s="62">
        <v>17</v>
      </c>
      <c r="X27" s="63">
        <v>23</v>
      </c>
      <c r="Y27" s="60">
        <v>6</v>
      </c>
      <c r="Z27" s="61">
        <v>6</v>
      </c>
      <c r="AA27" s="62">
        <v>12</v>
      </c>
      <c r="AB27" s="231"/>
      <c r="AC27" s="61">
        <v>14</v>
      </c>
      <c r="AD27" s="61">
        <v>5</v>
      </c>
      <c r="AE27" s="61">
        <v>3</v>
      </c>
      <c r="AF27" s="61">
        <v>5</v>
      </c>
      <c r="AG27" s="61">
        <v>8</v>
      </c>
      <c r="AH27" s="62">
        <v>35</v>
      </c>
      <c r="AI27" s="63">
        <v>47</v>
      </c>
      <c r="AJ27" s="60">
        <v>14</v>
      </c>
      <c r="AK27" s="61">
        <v>13</v>
      </c>
      <c r="AL27" s="62">
        <v>27</v>
      </c>
      <c r="AM27" s="231"/>
      <c r="AN27" s="61">
        <v>26</v>
      </c>
      <c r="AO27" s="61">
        <v>17</v>
      </c>
      <c r="AP27" s="61">
        <v>13</v>
      </c>
      <c r="AQ27" s="61">
        <v>11</v>
      </c>
      <c r="AR27" s="61">
        <v>2</v>
      </c>
      <c r="AS27" s="62">
        <v>69</v>
      </c>
      <c r="AT27" s="63">
        <v>96</v>
      </c>
      <c r="AU27" s="60">
        <v>22</v>
      </c>
      <c r="AV27" s="61">
        <v>21</v>
      </c>
      <c r="AW27" s="62">
        <v>43</v>
      </c>
      <c r="AX27" s="231"/>
      <c r="AY27" s="61">
        <v>46</v>
      </c>
      <c r="AZ27" s="61">
        <v>22</v>
      </c>
      <c r="BA27" s="61">
        <v>17</v>
      </c>
      <c r="BB27" s="61">
        <v>15</v>
      </c>
      <c r="BC27" s="61">
        <v>12</v>
      </c>
      <c r="BD27" s="62">
        <v>112</v>
      </c>
      <c r="BE27" s="63">
        <v>155</v>
      </c>
      <c r="BF27" s="60">
        <v>36</v>
      </c>
      <c r="BG27" s="61">
        <v>26</v>
      </c>
      <c r="BH27" s="62">
        <v>62</v>
      </c>
      <c r="BI27" s="231"/>
      <c r="BJ27" s="61">
        <v>41</v>
      </c>
      <c r="BK27" s="61">
        <v>33</v>
      </c>
      <c r="BL27" s="61">
        <v>14</v>
      </c>
      <c r="BM27" s="61">
        <v>19</v>
      </c>
      <c r="BN27" s="61">
        <v>10</v>
      </c>
      <c r="BO27" s="62">
        <v>117</v>
      </c>
      <c r="BP27" s="63">
        <v>179</v>
      </c>
      <c r="BQ27" s="60">
        <v>29</v>
      </c>
      <c r="BR27" s="61">
        <v>21</v>
      </c>
      <c r="BS27" s="62">
        <v>50</v>
      </c>
      <c r="BT27" s="231"/>
      <c r="BU27" s="61">
        <v>37</v>
      </c>
      <c r="BV27" s="61">
        <v>21</v>
      </c>
      <c r="BW27" s="61">
        <v>17</v>
      </c>
      <c r="BX27" s="61">
        <v>17</v>
      </c>
      <c r="BY27" s="61">
        <v>9</v>
      </c>
      <c r="BZ27" s="62">
        <v>101</v>
      </c>
      <c r="CA27" s="63">
        <v>151</v>
      </c>
      <c r="CB27" s="60">
        <v>3</v>
      </c>
      <c r="CC27" s="61">
        <v>2</v>
      </c>
      <c r="CD27" s="62">
        <v>5</v>
      </c>
      <c r="CE27" s="231"/>
      <c r="CF27" s="61">
        <v>4</v>
      </c>
      <c r="CG27" s="61">
        <v>5</v>
      </c>
      <c r="CH27" s="61">
        <v>3</v>
      </c>
      <c r="CI27" s="61">
        <v>2</v>
      </c>
      <c r="CJ27" s="61">
        <v>1</v>
      </c>
      <c r="CK27" s="62">
        <v>15</v>
      </c>
      <c r="CL27" s="63">
        <v>20</v>
      </c>
      <c r="CM27" s="60">
        <v>114</v>
      </c>
      <c r="CN27" s="61">
        <v>91</v>
      </c>
      <c r="CO27" s="62">
        <v>205</v>
      </c>
      <c r="CP27" s="231"/>
      <c r="CQ27" s="61">
        <v>173</v>
      </c>
      <c r="CR27" s="61">
        <v>107</v>
      </c>
      <c r="CS27" s="61">
        <v>69</v>
      </c>
      <c r="CT27" s="61">
        <v>69</v>
      </c>
      <c r="CU27" s="61">
        <v>48</v>
      </c>
      <c r="CV27" s="62">
        <v>466</v>
      </c>
      <c r="CW27" s="63">
        <v>671</v>
      </c>
      <c r="CX27" s="113">
        <v>229</v>
      </c>
      <c r="CY27" s="72">
        <v>177</v>
      </c>
      <c r="CZ27" s="73">
        <v>406</v>
      </c>
      <c r="DA27" s="228"/>
      <c r="DB27" s="72">
        <v>270</v>
      </c>
      <c r="DC27" s="72">
        <v>183</v>
      </c>
      <c r="DD27" s="72">
        <v>148</v>
      </c>
      <c r="DE27" s="72">
        <v>186</v>
      </c>
      <c r="DF27" s="72">
        <v>110</v>
      </c>
      <c r="DG27" s="74">
        <v>897</v>
      </c>
      <c r="DH27" s="75">
        <v>1303</v>
      </c>
      <c r="DI27" s="60">
        <v>3</v>
      </c>
      <c r="DJ27" s="61">
        <v>5</v>
      </c>
      <c r="DK27" s="62">
        <v>8</v>
      </c>
      <c r="DL27" s="231"/>
      <c r="DM27" s="61">
        <v>3</v>
      </c>
      <c r="DN27" s="61">
        <v>1</v>
      </c>
      <c r="DO27" s="61">
        <v>2</v>
      </c>
      <c r="DP27" s="61">
        <v>2</v>
      </c>
      <c r="DQ27" s="61">
        <v>2</v>
      </c>
      <c r="DR27" s="62">
        <v>10</v>
      </c>
      <c r="DS27" s="63">
        <v>18</v>
      </c>
      <c r="DT27" s="60">
        <v>12</v>
      </c>
      <c r="DU27" s="61">
        <v>6</v>
      </c>
      <c r="DV27" s="62">
        <v>18</v>
      </c>
      <c r="DW27" s="231"/>
      <c r="DX27" s="61">
        <v>8</v>
      </c>
      <c r="DY27" s="61">
        <v>6</v>
      </c>
      <c r="DZ27" s="61">
        <v>3</v>
      </c>
      <c r="EA27" s="61">
        <v>7</v>
      </c>
      <c r="EB27" s="61">
        <v>2</v>
      </c>
      <c r="EC27" s="62">
        <v>26</v>
      </c>
      <c r="ED27" s="63">
        <v>44</v>
      </c>
      <c r="EE27" s="60">
        <v>30</v>
      </c>
      <c r="EF27" s="61">
        <v>23</v>
      </c>
      <c r="EG27" s="62">
        <v>53</v>
      </c>
      <c r="EH27" s="231"/>
      <c r="EI27" s="61">
        <v>23</v>
      </c>
      <c r="EJ27" s="61">
        <v>16</v>
      </c>
      <c r="EK27" s="61">
        <v>11</v>
      </c>
      <c r="EL27" s="61">
        <v>15</v>
      </c>
      <c r="EM27" s="61">
        <v>7</v>
      </c>
      <c r="EN27" s="62">
        <v>72</v>
      </c>
      <c r="EO27" s="63">
        <v>125</v>
      </c>
      <c r="EP27" s="60">
        <v>59</v>
      </c>
      <c r="EQ27" s="61">
        <v>42</v>
      </c>
      <c r="ER27" s="62">
        <v>101</v>
      </c>
      <c r="ES27" s="231"/>
      <c r="ET27" s="61">
        <v>66</v>
      </c>
      <c r="EU27" s="61">
        <v>35</v>
      </c>
      <c r="EV27" s="61">
        <v>22</v>
      </c>
      <c r="EW27" s="61">
        <v>27</v>
      </c>
      <c r="EX27" s="61">
        <v>17</v>
      </c>
      <c r="EY27" s="62">
        <v>167</v>
      </c>
      <c r="EZ27" s="63">
        <v>268</v>
      </c>
      <c r="FA27" s="60">
        <v>84</v>
      </c>
      <c r="FB27" s="61">
        <v>57</v>
      </c>
      <c r="FC27" s="62">
        <v>141</v>
      </c>
      <c r="FD27" s="231"/>
      <c r="FE27" s="61">
        <v>93</v>
      </c>
      <c r="FF27" s="61">
        <v>53</v>
      </c>
      <c r="FG27" s="61">
        <v>37</v>
      </c>
      <c r="FH27" s="61">
        <v>44</v>
      </c>
      <c r="FI27" s="61">
        <v>22</v>
      </c>
      <c r="FJ27" s="62">
        <v>249</v>
      </c>
      <c r="FK27" s="63">
        <v>390</v>
      </c>
      <c r="FL27" s="60">
        <v>41</v>
      </c>
      <c r="FM27" s="61">
        <v>44</v>
      </c>
      <c r="FN27" s="62">
        <v>85</v>
      </c>
      <c r="FO27" s="231"/>
      <c r="FP27" s="61">
        <v>77</v>
      </c>
      <c r="FQ27" s="61">
        <v>72</v>
      </c>
      <c r="FR27" s="61">
        <v>73</v>
      </c>
      <c r="FS27" s="61">
        <v>91</v>
      </c>
      <c r="FT27" s="61">
        <v>60</v>
      </c>
      <c r="FU27" s="62">
        <v>373</v>
      </c>
      <c r="FV27" s="63">
        <v>458</v>
      </c>
      <c r="FW27" s="60">
        <v>2</v>
      </c>
      <c r="FX27" s="61">
        <v>2</v>
      </c>
      <c r="FY27" s="62">
        <v>4</v>
      </c>
      <c r="FZ27" s="231"/>
      <c r="GA27" s="61">
        <v>2</v>
      </c>
      <c r="GB27" s="61">
        <v>2</v>
      </c>
      <c r="GC27" s="61">
        <v>3</v>
      </c>
      <c r="GD27" s="61">
        <v>2</v>
      </c>
      <c r="GE27" s="61">
        <v>4</v>
      </c>
      <c r="GF27" s="62">
        <v>13</v>
      </c>
      <c r="GG27" s="63">
        <v>17</v>
      </c>
      <c r="GH27" s="60">
        <v>231</v>
      </c>
      <c r="GI27" s="61">
        <v>179</v>
      </c>
      <c r="GJ27" s="62">
        <v>410</v>
      </c>
      <c r="GK27" s="231"/>
      <c r="GL27" s="61">
        <v>272</v>
      </c>
      <c r="GM27" s="61">
        <v>185</v>
      </c>
      <c r="GN27" s="61">
        <v>151</v>
      </c>
      <c r="GO27" s="61">
        <v>188</v>
      </c>
      <c r="GP27" s="61">
        <v>114</v>
      </c>
      <c r="GQ27" s="62">
        <v>910</v>
      </c>
      <c r="GR27" s="63">
        <v>1320</v>
      </c>
      <c r="GS27" s="113">
        <v>340</v>
      </c>
      <c r="GT27" s="72">
        <v>266</v>
      </c>
      <c r="GU27" s="73">
        <v>606</v>
      </c>
      <c r="GV27" s="228"/>
      <c r="GW27" s="72">
        <v>439</v>
      </c>
      <c r="GX27" s="72">
        <v>285</v>
      </c>
      <c r="GY27" s="72">
        <v>214</v>
      </c>
      <c r="GZ27" s="72">
        <v>253</v>
      </c>
      <c r="HA27" s="72">
        <v>157</v>
      </c>
      <c r="HB27" s="74">
        <v>1348</v>
      </c>
      <c r="HC27" s="75">
        <v>1954</v>
      </c>
      <c r="HD27" s="60">
        <v>7</v>
      </c>
      <c r="HE27" s="61">
        <v>7</v>
      </c>
      <c r="HF27" s="62">
        <v>14</v>
      </c>
      <c r="HG27" s="231"/>
      <c r="HH27" s="61">
        <v>8</v>
      </c>
      <c r="HI27" s="61">
        <v>5</v>
      </c>
      <c r="HJ27" s="61">
        <v>4</v>
      </c>
      <c r="HK27" s="61">
        <v>2</v>
      </c>
      <c r="HL27" s="61">
        <v>8</v>
      </c>
      <c r="HM27" s="62">
        <v>27</v>
      </c>
      <c r="HN27" s="63">
        <v>41</v>
      </c>
      <c r="HO27" s="60">
        <v>18</v>
      </c>
      <c r="HP27" s="61">
        <v>12</v>
      </c>
      <c r="HQ27" s="62">
        <v>30</v>
      </c>
      <c r="HR27" s="231"/>
      <c r="HS27" s="61">
        <v>22</v>
      </c>
      <c r="HT27" s="61">
        <v>11</v>
      </c>
      <c r="HU27" s="61">
        <v>6</v>
      </c>
      <c r="HV27" s="61">
        <v>12</v>
      </c>
      <c r="HW27" s="61">
        <v>10</v>
      </c>
      <c r="HX27" s="62">
        <v>61</v>
      </c>
      <c r="HY27" s="63">
        <v>91</v>
      </c>
      <c r="HZ27" s="60">
        <v>44</v>
      </c>
      <c r="IA27" s="61">
        <v>36</v>
      </c>
      <c r="IB27" s="62">
        <v>80</v>
      </c>
      <c r="IC27" s="231"/>
      <c r="ID27" s="61">
        <v>49</v>
      </c>
      <c r="IE27" s="61">
        <v>33</v>
      </c>
      <c r="IF27" s="61">
        <v>24</v>
      </c>
      <c r="IG27" s="61">
        <v>26</v>
      </c>
      <c r="IH27" s="61">
        <v>9</v>
      </c>
      <c r="II27" s="62">
        <v>141</v>
      </c>
      <c r="IJ27" s="63">
        <v>221</v>
      </c>
      <c r="IK27" s="60">
        <v>81</v>
      </c>
      <c r="IL27" s="61">
        <v>63</v>
      </c>
      <c r="IM27" s="62">
        <v>144</v>
      </c>
      <c r="IN27" s="231"/>
      <c r="IO27" s="61">
        <v>112</v>
      </c>
      <c r="IP27" s="61">
        <v>57</v>
      </c>
      <c r="IQ27" s="61">
        <v>39</v>
      </c>
      <c r="IR27" s="61">
        <v>42</v>
      </c>
      <c r="IS27" s="61">
        <v>29</v>
      </c>
      <c r="IT27" s="62">
        <v>279</v>
      </c>
      <c r="IU27" s="63">
        <v>423</v>
      </c>
      <c r="IV27" s="60">
        <v>120</v>
      </c>
      <c r="IW27" s="61">
        <v>83</v>
      </c>
      <c r="IX27" s="62">
        <v>203</v>
      </c>
      <c r="IY27" s="231"/>
      <c r="IZ27" s="61">
        <v>134</v>
      </c>
      <c r="JA27" s="61">
        <v>86</v>
      </c>
      <c r="JB27" s="61">
        <v>51</v>
      </c>
      <c r="JC27" s="61">
        <v>63</v>
      </c>
      <c r="JD27" s="61">
        <v>32</v>
      </c>
      <c r="JE27" s="62">
        <v>366</v>
      </c>
      <c r="JF27" s="63">
        <v>569</v>
      </c>
      <c r="JG27" s="60">
        <v>70</v>
      </c>
      <c r="JH27" s="61">
        <v>65</v>
      </c>
      <c r="JI27" s="62">
        <v>135</v>
      </c>
      <c r="JJ27" s="231"/>
      <c r="JK27" s="61">
        <v>114</v>
      </c>
      <c r="JL27" s="61">
        <v>93</v>
      </c>
      <c r="JM27" s="61">
        <v>90</v>
      </c>
      <c r="JN27" s="61">
        <v>108</v>
      </c>
      <c r="JO27" s="61">
        <v>69</v>
      </c>
      <c r="JP27" s="62">
        <v>474</v>
      </c>
      <c r="JQ27" s="63">
        <v>609</v>
      </c>
      <c r="JR27" s="60">
        <v>5</v>
      </c>
      <c r="JS27" s="61">
        <v>4</v>
      </c>
      <c r="JT27" s="62">
        <v>9</v>
      </c>
      <c r="JU27" s="231"/>
      <c r="JV27" s="61">
        <v>6</v>
      </c>
      <c r="JW27" s="61">
        <v>7</v>
      </c>
      <c r="JX27" s="61">
        <v>6</v>
      </c>
      <c r="JY27" s="61">
        <v>4</v>
      </c>
      <c r="JZ27" s="61">
        <v>5</v>
      </c>
      <c r="KA27" s="62">
        <v>28</v>
      </c>
      <c r="KB27" s="63">
        <v>37</v>
      </c>
      <c r="KC27" s="60">
        <v>345</v>
      </c>
      <c r="KD27" s="61">
        <v>270</v>
      </c>
      <c r="KE27" s="62">
        <v>615</v>
      </c>
      <c r="KF27" s="231"/>
      <c r="KG27" s="61">
        <v>445</v>
      </c>
      <c r="KH27" s="61">
        <v>292</v>
      </c>
      <c r="KI27" s="61">
        <v>220</v>
      </c>
      <c r="KJ27" s="61">
        <v>257</v>
      </c>
      <c r="KK27" s="61">
        <v>162</v>
      </c>
      <c r="KL27" s="62">
        <v>1376</v>
      </c>
      <c r="KM27" s="63">
        <v>1991</v>
      </c>
    </row>
    <row r="28" spans="2:299" ht="21" customHeight="1" x14ac:dyDescent="0.2">
      <c r="B28" s="472" t="s">
        <v>25</v>
      </c>
      <c r="C28" s="293">
        <v>123</v>
      </c>
      <c r="D28" s="72">
        <v>110</v>
      </c>
      <c r="E28" s="73">
        <v>233</v>
      </c>
      <c r="F28" s="228"/>
      <c r="G28" s="72">
        <v>202</v>
      </c>
      <c r="H28" s="72">
        <v>144</v>
      </c>
      <c r="I28" s="72">
        <v>97</v>
      </c>
      <c r="J28" s="72">
        <v>118</v>
      </c>
      <c r="K28" s="72">
        <v>61</v>
      </c>
      <c r="L28" s="74">
        <v>622</v>
      </c>
      <c r="M28" s="75">
        <v>855</v>
      </c>
      <c r="N28" s="60">
        <v>4</v>
      </c>
      <c r="O28" s="61">
        <v>5</v>
      </c>
      <c r="P28" s="62">
        <v>9</v>
      </c>
      <c r="Q28" s="231"/>
      <c r="R28" s="61">
        <v>8</v>
      </c>
      <c r="S28" s="61">
        <v>9</v>
      </c>
      <c r="T28" s="61">
        <v>2</v>
      </c>
      <c r="U28" s="61">
        <v>6</v>
      </c>
      <c r="V28" s="61">
        <v>2</v>
      </c>
      <c r="W28" s="62">
        <v>27</v>
      </c>
      <c r="X28" s="63">
        <v>36</v>
      </c>
      <c r="Y28" s="60">
        <v>15</v>
      </c>
      <c r="Z28" s="61">
        <v>11</v>
      </c>
      <c r="AA28" s="62">
        <v>26</v>
      </c>
      <c r="AB28" s="231"/>
      <c r="AC28" s="61">
        <v>21</v>
      </c>
      <c r="AD28" s="61">
        <v>17</v>
      </c>
      <c r="AE28" s="61">
        <v>11</v>
      </c>
      <c r="AF28" s="61">
        <v>16</v>
      </c>
      <c r="AG28" s="61">
        <v>3</v>
      </c>
      <c r="AH28" s="62">
        <v>68</v>
      </c>
      <c r="AI28" s="63">
        <v>94</v>
      </c>
      <c r="AJ28" s="60">
        <v>21</v>
      </c>
      <c r="AK28" s="61">
        <v>18</v>
      </c>
      <c r="AL28" s="62">
        <v>39</v>
      </c>
      <c r="AM28" s="231"/>
      <c r="AN28" s="61">
        <v>36</v>
      </c>
      <c r="AO28" s="61">
        <v>25</v>
      </c>
      <c r="AP28" s="61">
        <v>17</v>
      </c>
      <c r="AQ28" s="61">
        <v>24</v>
      </c>
      <c r="AR28" s="61">
        <v>10</v>
      </c>
      <c r="AS28" s="62">
        <v>112</v>
      </c>
      <c r="AT28" s="63">
        <v>151</v>
      </c>
      <c r="AU28" s="60">
        <v>41</v>
      </c>
      <c r="AV28" s="61">
        <v>38</v>
      </c>
      <c r="AW28" s="62">
        <v>79</v>
      </c>
      <c r="AX28" s="231"/>
      <c r="AY28" s="61">
        <v>58</v>
      </c>
      <c r="AZ28" s="61">
        <v>36</v>
      </c>
      <c r="BA28" s="61">
        <v>30</v>
      </c>
      <c r="BB28" s="61">
        <v>32</v>
      </c>
      <c r="BC28" s="61">
        <v>19</v>
      </c>
      <c r="BD28" s="62">
        <v>175</v>
      </c>
      <c r="BE28" s="63">
        <v>254</v>
      </c>
      <c r="BF28" s="60">
        <v>32</v>
      </c>
      <c r="BG28" s="61">
        <v>27</v>
      </c>
      <c r="BH28" s="62">
        <v>59</v>
      </c>
      <c r="BI28" s="231"/>
      <c r="BJ28" s="61">
        <v>53</v>
      </c>
      <c r="BK28" s="61">
        <v>34</v>
      </c>
      <c r="BL28" s="61">
        <v>29</v>
      </c>
      <c r="BM28" s="61">
        <v>25</v>
      </c>
      <c r="BN28" s="61">
        <v>15</v>
      </c>
      <c r="BO28" s="62">
        <v>156</v>
      </c>
      <c r="BP28" s="63">
        <v>215</v>
      </c>
      <c r="BQ28" s="60">
        <v>10</v>
      </c>
      <c r="BR28" s="61">
        <v>11</v>
      </c>
      <c r="BS28" s="62">
        <v>21</v>
      </c>
      <c r="BT28" s="231"/>
      <c r="BU28" s="61">
        <v>26</v>
      </c>
      <c r="BV28" s="61">
        <v>23</v>
      </c>
      <c r="BW28" s="61">
        <v>8</v>
      </c>
      <c r="BX28" s="61">
        <v>15</v>
      </c>
      <c r="BY28" s="61">
        <v>12</v>
      </c>
      <c r="BZ28" s="62">
        <v>84</v>
      </c>
      <c r="CA28" s="63">
        <v>105</v>
      </c>
      <c r="CB28" s="60">
        <v>2</v>
      </c>
      <c r="CC28" s="61">
        <v>2</v>
      </c>
      <c r="CD28" s="62">
        <v>4</v>
      </c>
      <c r="CE28" s="231"/>
      <c r="CF28" s="61">
        <v>2</v>
      </c>
      <c r="CG28" s="61">
        <v>11</v>
      </c>
      <c r="CH28" s="61">
        <v>3</v>
      </c>
      <c r="CI28" s="61">
        <v>3</v>
      </c>
      <c r="CJ28" s="61">
        <v>2</v>
      </c>
      <c r="CK28" s="62">
        <v>21</v>
      </c>
      <c r="CL28" s="63">
        <v>25</v>
      </c>
      <c r="CM28" s="60">
        <v>125</v>
      </c>
      <c r="CN28" s="61">
        <v>112</v>
      </c>
      <c r="CO28" s="62">
        <v>237</v>
      </c>
      <c r="CP28" s="231"/>
      <c r="CQ28" s="61">
        <v>204</v>
      </c>
      <c r="CR28" s="61">
        <v>155</v>
      </c>
      <c r="CS28" s="61">
        <v>100</v>
      </c>
      <c r="CT28" s="61">
        <v>121</v>
      </c>
      <c r="CU28" s="61">
        <v>63</v>
      </c>
      <c r="CV28" s="62">
        <v>643</v>
      </c>
      <c r="CW28" s="63">
        <v>880</v>
      </c>
      <c r="CX28" s="113">
        <v>213</v>
      </c>
      <c r="CY28" s="72">
        <v>239</v>
      </c>
      <c r="CZ28" s="73">
        <v>452</v>
      </c>
      <c r="DA28" s="228"/>
      <c r="DB28" s="72">
        <v>326</v>
      </c>
      <c r="DC28" s="72">
        <v>213</v>
      </c>
      <c r="DD28" s="72">
        <v>180</v>
      </c>
      <c r="DE28" s="72">
        <v>182</v>
      </c>
      <c r="DF28" s="72">
        <v>99</v>
      </c>
      <c r="DG28" s="74">
        <v>1000</v>
      </c>
      <c r="DH28" s="75">
        <v>1452</v>
      </c>
      <c r="DI28" s="60">
        <v>4</v>
      </c>
      <c r="DJ28" s="61">
        <v>4</v>
      </c>
      <c r="DK28" s="62">
        <v>8</v>
      </c>
      <c r="DL28" s="231"/>
      <c r="DM28" s="61">
        <v>8</v>
      </c>
      <c r="DN28" s="61">
        <v>7</v>
      </c>
      <c r="DO28" s="61">
        <v>5</v>
      </c>
      <c r="DP28" s="61">
        <v>1</v>
      </c>
      <c r="DQ28" s="61">
        <v>2</v>
      </c>
      <c r="DR28" s="62">
        <v>23</v>
      </c>
      <c r="DS28" s="63">
        <v>31</v>
      </c>
      <c r="DT28" s="60">
        <v>18</v>
      </c>
      <c r="DU28" s="61">
        <v>22</v>
      </c>
      <c r="DV28" s="62">
        <v>40</v>
      </c>
      <c r="DW28" s="231"/>
      <c r="DX28" s="61">
        <v>23</v>
      </c>
      <c r="DY28" s="61">
        <v>14</v>
      </c>
      <c r="DZ28" s="61">
        <v>12</v>
      </c>
      <c r="EA28" s="61">
        <v>7</v>
      </c>
      <c r="EB28" s="61">
        <v>11</v>
      </c>
      <c r="EC28" s="62">
        <v>67</v>
      </c>
      <c r="ED28" s="63">
        <v>107</v>
      </c>
      <c r="EE28" s="60">
        <v>30</v>
      </c>
      <c r="EF28" s="61">
        <v>25</v>
      </c>
      <c r="EG28" s="62">
        <v>55</v>
      </c>
      <c r="EH28" s="231"/>
      <c r="EI28" s="61">
        <v>52</v>
      </c>
      <c r="EJ28" s="61">
        <v>34</v>
      </c>
      <c r="EK28" s="61">
        <v>21</v>
      </c>
      <c r="EL28" s="61">
        <v>25</v>
      </c>
      <c r="EM28" s="61">
        <v>15</v>
      </c>
      <c r="EN28" s="62">
        <v>147</v>
      </c>
      <c r="EO28" s="63">
        <v>202</v>
      </c>
      <c r="EP28" s="60">
        <v>74</v>
      </c>
      <c r="EQ28" s="61">
        <v>71</v>
      </c>
      <c r="ER28" s="62">
        <v>145</v>
      </c>
      <c r="ES28" s="231"/>
      <c r="ET28" s="61">
        <v>86</v>
      </c>
      <c r="EU28" s="61">
        <v>44</v>
      </c>
      <c r="EV28" s="61">
        <v>41</v>
      </c>
      <c r="EW28" s="61">
        <v>36</v>
      </c>
      <c r="EX28" s="61">
        <v>14</v>
      </c>
      <c r="EY28" s="62">
        <v>221</v>
      </c>
      <c r="EZ28" s="63">
        <v>366</v>
      </c>
      <c r="FA28" s="60">
        <v>58</v>
      </c>
      <c r="FB28" s="61">
        <v>73</v>
      </c>
      <c r="FC28" s="62">
        <v>131</v>
      </c>
      <c r="FD28" s="231"/>
      <c r="FE28" s="61">
        <v>81</v>
      </c>
      <c r="FF28" s="61">
        <v>60</v>
      </c>
      <c r="FG28" s="61">
        <v>50</v>
      </c>
      <c r="FH28" s="61">
        <v>48</v>
      </c>
      <c r="FI28" s="61">
        <v>25</v>
      </c>
      <c r="FJ28" s="62">
        <v>264</v>
      </c>
      <c r="FK28" s="63">
        <v>395</v>
      </c>
      <c r="FL28" s="60">
        <v>29</v>
      </c>
      <c r="FM28" s="61">
        <v>44</v>
      </c>
      <c r="FN28" s="62">
        <v>73</v>
      </c>
      <c r="FO28" s="231"/>
      <c r="FP28" s="61">
        <v>76</v>
      </c>
      <c r="FQ28" s="61">
        <v>54</v>
      </c>
      <c r="FR28" s="61">
        <v>51</v>
      </c>
      <c r="FS28" s="61">
        <v>65</v>
      </c>
      <c r="FT28" s="61">
        <v>32</v>
      </c>
      <c r="FU28" s="62">
        <v>278</v>
      </c>
      <c r="FV28" s="63">
        <v>351</v>
      </c>
      <c r="FW28" s="60">
        <v>2</v>
      </c>
      <c r="FX28" s="61">
        <v>4</v>
      </c>
      <c r="FY28" s="62">
        <v>6</v>
      </c>
      <c r="FZ28" s="231"/>
      <c r="GA28" s="61">
        <v>3</v>
      </c>
      <c r="GB28" s="61">
        <v>4</v>
      </c>
      <c r="GC28" s="61">
        <v>2</v>
      </c>
      <c r="GD28" s="61">
        <v>2</v>
      </c>
      <c r="GE28" s="61">
        <v>6</v>
      </c>
      <c r="GF28" s="62">
        <v>17</v>
      </c>
      <c r="GG28" s="63">
        <v>23</v>
      </c>
      <c r="GH28" s="60">
        <v>215</v>
      </c>
      <c r="GI28" s="61">
        <v>243</v>
      </c>
      <c r="GJ28" s="62">
        <v>458</v>
      </c>
      <c r="GK28" s="231"/>
      <c r="GL28" s="61">
        <v>329</v>
      </c>
      <c r="GM28" s="61">
        <v>217</v>
      </c>
      <c r="GN28" s="61">
        <v>182</v>
      </c>
      <c r="GO28" s="61">
        <v>184</v>
      </c>
      <c r="GP28" s="61">
        <v>105</v>
      </c>
      <c r="GQ28" s="62">
        <v>1017</v>
      </c>
      <c r="GR28" s="63">
        <v>1475</v>
      </c>
      <c r="GS28" s="113">
        <v>336</v>
      </c>
      <c r="GT28" s="72">
        <v>349</v>
      </c>
      <c r="GU28" s="73">
        <v>685</v>
      </c>
      <c r="GV28" s="228"/>
      <c r="GW28" s="72">
        <v>528</v>
      </c>
      <c r="GX28" s="72">
        <v>357</v>
      </c>
      <c r="GY28" s="72">
        <v>277</v>
      </c>
      <c r="GZ28" s="72">
        <v>300</v>
      </c>
      <c r="HA28" s="72">
        <v>160</v>
      </c>
      <c r="HB28" s="74">
        <v>1622</v>
      </c>
      <c r="HC28" s="75">
        <v>2307</v>
      </c>
      <c r="HD28" s="60">
        <v>8</v>
      </c>
      <c r="HE28" s="61">
        <v>9</v>
      </c>
      <c r="HF28" s="62">
        <v>17</v>
      </c>
      <c r="HG28" s="231"/>
      <c r="HH28" s="61">
        <v>16</v>
      </c>
      <c r="HI28" s="61">
        <v>16</v>
      </c>
      <c r="HJ28" s="61">
        <v>7</v>
      </c>
      <c r="HK28" s="61">
        <v>7</v>
      </c>
      <c r="HL28" s="61">
        <v>4</v>
      </c>
      <c r="HM28" s="62">
        <v>50</v>
      </c>
      <c r="HN28" s="63">
        <v>67</v>
      </c>
      <c r="HO28" s="60">
        <v>33</v>
      </c>
      <c r="HP28" s="61">
        <v>33</v>
      </c>
      <c r="HQ28" s="62">
        <v>66</v>
      </c>
      <c r="HR28" s="231"/>
      <c r="HS28" s="61">
        <v>44</v>
      </c>
      <c r="HT28" s="61">
        <v>31</v>
      </c>
      <c r="HU28" s="61">
        <v>23</v>
      </c>
      <c r="HV28" s="61">
        <v>23</v>
      </c>
      <c r="HW28" s="61">
        <v>14</v>
      </c>
      <c r="HX28" s="62">
        <v>135</v>
      </c>
      <c r="HY28" s="63">
        <v>201</v>
      </c>
      <c r="HZ28" s="60">
        <v>51</v>
      </c>
      <c r="IA28" s="61">
        <v>43</v>
      </c>
      <c r="IB28" s="62">
        <v>94</v>
      </c>
      <c r="IC28" s="231"/>
      <c r="ID28" s="61">
        <v>88</v>
      </c>
      <c r="IE28" s="61">
        <v>59</v>
      </c>
      <c r="IF28" s="61">
        <v>38</v>
      </c>
      <c r="IG28" s="61">
        <v>49</v>
      </c>
      <c r="IH28" s="61">
        <v>25</v>
      </c>
      <c r="II28" s="62">
        <v>259</v>
      </c>
      <c r="IJ28" s="63">
        <v>353</v>
      </c>
      <c r="IK28" s="60">
        <v>115</v>
      </c>
      <c r="IL28" s="61">
        <v>109</v>
      </c>
      <c r="IM28" s="62">
        <v>224</v>
      </c>
      <c r="IN28" s="231"/>
      <c r="IO28" s="61">
        <v>144</v>
      </c>
      <c r="IP28" s="61">
        <v>80</v>
      </c>
      <c r="IQ28" s="61">
        <v>71</v>
      </c>
      <c r="IR28" s="61">
        <v>68</v>
      </c>
      <c r="IS28" s="61">
        <v>33</v>
      </c>
      <c r="IT28" s="62">
        <v>396</v>
      </c>
      <c r="IU28" s="63">
        <v>620</v>
      </c>
      <c r="IV28" s="60">
        <v>90</v>
      </c>
      <c r="IW28" s="61">
        <v>100</v>
      </c>
      <c r="IX28" s="62">
        <v>190</v>
      </c>
      <c r="IY28" s="231"/>
      <c r="IZ28" s="61">
        <v>134</v>
      </c>
      <c r="JA28" s="61">
        <v>94</v>
      </c>
      <c r="JB28" s="61">
        <v>79</v>
      </c>
      <c r="JC28" s="61">
        <v>73</v>
      </c>
      <c r="JD28" s="61">
        <v>40</v>
      </c>
      <c r="JE28" s="62">
        <v>420</v>
      </c>
      <c r="JF28" s="63">
        <v>610</v>
      </c>
      <c r="JG28" s="60">
        <v>39</v>
      </c>
      <c r="JH28" s="61">
        <v>55</v>
      </c>
      <c r="JI28" s="62">
        <v>94</v>
      </c>
      <c r="JJ28" s="231"/>
      <c r="JK28" s="61">
        <v>102</v>
      </c>
      <c r="JL28" s="61">
        <v>77</v>
      </c>
      <c r="JM28" s="61">
        <v>59</v>
      </c>
      <c r="JN28" s="61">
        <v>80</v>
      </c>
      <c r="JO28" s="61">
        <v>44</v>
      </c>
      <c r="JP28" s="62">
        <v>362</v>
      </c>
      <c r="JQ28" s="63">
        <v>456</v>
      </c>
      <c r="JR28" s="60">
        <v>4</v>
      </c>
      <c r="JS28" s="61">
        <v>6</v>
      </c>
      <c r="JT28" s="62">
        <v>10</v>
      </c>
      <c r="JU28" s="231"/>
      <c r="JV28" s="61">
        <v>5</v>
      </c>
      <c r="JW28" s="61">
        <v>15</v>
      </c>
      <c r="JX28" s="61">
        <v>5</v>
      </c>
      <c r="JY28" s="61">
        <v>5</v>
      </c>
      <c r="JZ28" s="61">
        <v>8</v>
      </c>
      <c r="KA28" s="62">
        <v>38</v>
      </c>
      <c r="KB28" s="63">
        <v>48</v>
      </c>
      <c r="KC28" s="60">
        <v>340</v>
      </c>
      <c r="KD28" s="61">
        <v>355</v>
      </c>
      <c r="KE28" s="62">
        <v>695</v>
      </c>
      <c r="KF28" s="231"/>
      <c r="KG28" s="61">
        <v>533</v>
      </c>
      <c r="KH28" s="61">
        <v>372</v>
      </c>
      <c r="KI28" s="61">
        <v>282</v>
      </c>
      <c r="KJ28" s="61">
        <v>305</v>
      </c>
      <c r="KK28" s="61">
        <v>168</v>
      </c>
      <c r="KL28" s="62">
        <v>1660</v>
      </c>
      <c r="KM28" s="63">
        <v>2355</v>
      </c>
    </row>
    <row r="29" spans="2:299" ht="21" customHeight="1" x14ac:dyDescent="0.2">
      <c r="B29" s="472" t="s">
        <v>26</v>
      </c>
      <c r="C29" s="293">
        <v>77</v>
      </c>
      <c r="D29" s="72">
        <v>71</v>
      </c>
      <c r="E29" s="73">
        <v>148</v>
      </c>
      <c r="F29" s="228"/>
      <c r="G29" s="72">
        <v>146</v>
      </c>
      <c r="H29" s="72">
        <v>105</v>
      </c>
      <c r="I29" s="72">
        <v>106</v>
      </c>
      <c r="J29" s="72">
        <v>72</v>
      </c>
      <c r="K29" s="72">
        <v>50</v>
      </c>
      <c r="L29" s="74">
        <v>479</v>
      </c>
      <c r="M29" s="75">
        <v>627</v>
      </c>
      <c r="N29" s="60">
        <v>3</v>
      </c>
      <c r="O29" s="61">
        <v>3</v>
      </c>
      <c r="P29" s="62">
        <v>6</v>
      </c>
      <c r="Q29" s="231"/>
      <c r="R29" s="61">
        <v>5</v>
      </c>
      <c r="S29" s="61">
        <v>1</v>
      </c>
      <c r="T29" s="61">
        <v>8</v>
      </c>
      <c r="U29" s="61">
        <v>2</v>
      </c>
      <c r="V29" s="61">
        <v>3</v>
      </c>
      <c r="W29" s="62">
        <v>19</v>
      </c>
      <c r="X29" s="63">
        <v>25</v>
      </c>
      <c r="Y29" s="60">
        <v>5</v>
      </c>
      <c r="Z29" s="61">
        <v>7</v>
      </c>
      <c r="AA29" s="62">
        <v>12</v>
      </c>
      <c r="AB29" s="231"/>
      <c r="AC29" s="61">
        <v>13</v>
      </c>
      <c r="AD29" s="61">
        <v>14</v>
      </c>
      <c r="AE29" s="61">
        <v>7</v>
      </c>
      <c r="AF29" s="61">
        <v>8</v>
      </c>
      <c r="AG29" s="61">
        <v>9</v>
      </c>
      <c r="AH29" s="62">
        <v>51</v>
      </c>
      <c r="AI29" s="63">
        <v>63</v>
      </c>
      <c r="AJ29" s="60">
        <v>7</v>
      </c>
      <c r="AK29" s="61">
        <v>14</v>
      </c>
      <c r="AL29" s="62">
        <v>21</v>
      </c>
      <c r="AM29" s="231"/>
      <c r="AN29" s="61">
        <v>22</v>
      </c>
      <c r="AO29" s="61">
        <v>10</v>
      </c>
      <c r="AP29" s="61">
        <v>17</v>
      </c>
      <c r="AQ29" s="61">
        <v>12</v>
      </c>
      <c r="AR29" s="61">
        <v>7</v>
      </c>
      <c r="AS29" s="62">
        <v>68</v>
      </c>
      <c r="AT29" s="63">
        <v>89</v>
      </c>
      <c r="AU29" s="60">
        <v>24</v>
      </c>
      <c r="AV29" s="61">
        <v>18</v>
      </c>
      <c r="AW29" s="62">
        <v>42</v>
      </c>
      <c r="AX29" s="231"/>
      <c r="AY29" s="61">
        <v>45</v>
      </c>
      <c r="AZ29" s="61">
        <v>26</v>
      </c>
      <c r="BA29" s="61">
        <v>22</v>
      </c>
      <c r="BB29" s="61">
        <v>20</v>
      </c>
      <c r="BC29" s="61">
        <v>10</v>
      </c>
      <c r="BD29" s="62">
        <v>123</v>
      </c>
      <c r="BE29" s="63">
        <v>165</v>
      </c>
      <c r="BF29" s="60">
        <v>19</v>
      </c>
      <c r="BG29" s="61">
        <v>20</v>
      </c>
      <c r="BH29" s="62">
        <v>39</v>
      </c>
      <c r="BI29" s="231"/>
      <c r="BJ29" s="61">
        <v>32</v>
      </c>
      <c r="BK29" s="61">
        <v>29</v>
      </c>
      <c r="BL29" s="61">
        <v>34</v>
      </c>
      <c r="BM29" s="61">
        <v>19</v>
      </c>
      <c r="BN29" s="61">
        <v>11</v>
      </c>
      <c r="BO29" s="62">
        <v>125</v>
      </c>
      <c r="BP29" s="63">
        <v>164</v>
      </c>
      <c r="BQ29" s="60">
        <v>19</v>
      </c>
      <c r="BR29" s="61">
        <v>9</v>
      </c>
      <c r="BS29" s="62">
        <v>28</v>
      </c>
      <c r="BT29" s="231"/>
      <c r="BU29" s="61">
        <v>29</v>
      </c>
      <c r="BV29" s="61">
        <v>25</v>
      </c>
      <c r="BW29" s="61">
        <v>18</v>
      </c>
      <c r="BX29" s="61">
        <v>11</v>
      </c>
      <c r="BY29" s="61">
        <v>10</v>
      </c>
      <c r="BZ29" s="62">
        <v>93</v>
      </c>
      <c r="CA29" s="63">
        <v>121</v>
      </c>
      <c r="CB29" s="60">
        <v>5</v>
      </c>
      <c r="CC29" s="61">
        <v>0</v>
      </c>
      <c r="CD29" s="62">
        <v>5</v>
      </c>
      <c r="CE29" s="231"/>
      <c r="CF29" s="61">
        <v>6</v>
      </c>
      <c r="CG29" s="61">
        <v>5</v>
      </c>
      <c r="CH29" s="61">
        <v>2</v>
      </c>
      <c r="CI29" s="61">
        <v>2</v>
      </c>
      <c r="CJ29" s="61">
        <v>1</v>
      </c>
      <c r="CK29" s="62">
        <v>16</v>
      </c>
      <c r="CL29" s="63">
        <v>21</v>
      </c>
      <c r="CM29" s="60">
        <v>82</v>
      </c>
      <c r="CN29" s="61">
        <v>71</v>
      </c>
      <c r="CO29" s="62">
        <v>153</v>
      </c>
      <c r="CP29" s="231"/>
      <c r="CQ29" s="61">
        <v>152</v>
      </c>
      <c r="CR29" s="61">
        <v>110</v>
      </c>
      <c r="CS29" s="61">
        <v>108</v>
      </c>
      <c r="CT29" s="61">
        <v>74</v>
      </c>
      <c r="CU29" s="61">
        <v>51</v>
      </c>
      <c r="CV29" s="62">
        <v>495</v>
      </c>
      <c r="CW29" s="63">
        <v>648</v>
      </c>
      <c r="CX29" s="113">
        <v>177</v>
      </c>
      <c r="CY29" s="72">
        <v>212</v>
      </c>
      <c r="CZ29" s="73">
        <v>389</v>
      </c>
      <c r="DA29" s="228"/>
      <c r="DB29" s="72">
        <v>257</v>
      </c>
      <c r="DC29" s="72">
        <v>227</v>
      </c>
      <c r="DD29" s="72">
        <v>179</v>
      </c>
      <c r="DE29" s="72">
        <v>142</v>
      </c>
      <c r="DF29" s="72">
        <v>119</v>
      </c>
      <c r="DG29" s="74">
        <v>924</v>
      </c>
      <c r="DH29" s="75">
        <v>1313</v>
      </c>
      <c r="DI29" s="60">
        <v>2</v>
      </c>
      <c r="DJ29" s="61">
        <v>5</v>
      </c>
      <c r="DK29" s="62">
        <v>7</v>
      </c>
      <c r="DL29" s="231"/>
      <c r="DM29" s="61">
        <v>5</v>
      </c>
      <c r="DN29" s="61">
        <v>4</v>
      </c>
      <c r="DO29" s="61">
        <v>4</v>
      </c>
      <c r="DP29" s="61">
        <v>2</v>
      </c>
      <c r="DQ29" s="61">
        <v>1</v>
      </c>
      <c r="DR29" s="62">
        <v>16</v>
      </c>
      <c r="DS29" s="63">
        <v>23</v>
      </c>
      <c r="DT29" s="60">
        <v>13</v>
      </c>
      <c r="DU29" s="61">
        <v>15</v>
      </c>
      <c r="DV29" s="62">
        <v>28</v>
      </c>
      <c r="DW29" s="231"/>
      <c r="DX29" s="61">
        <v>17</v>
      </c>
      <c r="DY29" s="61">
        <v>14</v>
      </c>
      <c r="DZ29" s="61">
        <v>3</v>
      </c>
      <c r="EA29" s="61">
        <v>6</v>
      </c>
      <c r="EB29" s="61">
        <v>5</v>
      </c>
      <c r="EC29" s="62">
        <v>45</v>
      </c>
      <c r="ED29" s="63">
        <v>73</v>
      </c>
      <c r="EE29" s="60">
        <v>18</v>
      </c>
      <c r="EF29" s="61">
        <v>30</v>
      </c>
      <c r="EG29" s="62">
        <v>48</v>
      </c>
      <c r="EH29" s="231"/>
      <c r="EI29" s="61">
        <v>33</v>
      </c>
      <c r="EJ29" s="61">
        <v>30</v>
      </c>
      <c r="EK29" s="61">
        <v>13</v>
      </c>
      <c r="EL29" s="61">
        <v>12</v>
      </c>
      <c r="EM29" s="61">
        <v>8</v>
      </c>
      <c r="EN29" s="62">
        <v>96</v>
      </c>
      <c r="EO29" s="63">
        <v>144</v>
      </c>
      <c r="EP29" s="60">
        <v>48</v>
      </c>
      <c r="EQ29" s="61">
        <v>58</v>
      </c>
      <c r="ER29" s="62">
        <v>106</v>
      </c>
      <c r="ES29" s="231"/>
      <c r="ET29" s="61">
        <v>59</v>
      </c>
      <c r="EU29" s="61">
        <v>38</v>
      </c>
      <c r="EV29" s="61">
        <v>42</v>
      </c>
      <c r="EW29" s="61">
        <v>16</v>
      </c>
      <c r="EX29" s="61">
        <v>21</v>
      </c>
      <c r="EY29" s="62">
        <v>176</v>
      </c>
      <c r="EZ29" s="63">
        <v>282</v>
      </c>
      <c r="FA29" s="60">
        <v>54</v>
      </c>
      <c r="FB29" s="61">
        <v>63</v>
      </c>
      <c r="FC29" s="62">
        <v>117</v>
      </c>
      <c r="FD29" s="231"/>
      <c r="FE29" s="61">
        <v>77</v>
      </c>
      <c r="FF29" s="61">
        <v>58</v>
      </c>
      <c r="FG29" s="61">
        <v>44</v>
      </c>
      <c r="FH29" s="61">
        <v>35</v>
      </c>
      <c r="FI29" s="61">
        <v>27</v>
      </c>
      <c r="FJ29" s="62">
        <v>241</v>
      </c>
      <c r="FK29" s="63">
        <v>358</v>
      </c>
      <c r="FL29" s="60">
        <v>42</v>
      </c>
      <c r="FM29" s="61">
        <v>41</v>
      </c>
      <c r="FN29" s="62">
        <v>83</v>
      </c>
      <c r="FO29" s="231"/>
      <c r="FP29" s="61">
        <v>66</v>
      </c>
      <c r="FQ29" s="61">
        <v>83</v>
      </c>
      <c r="FR29" s="61">
        <v>73</v>
      </c>
      <c r="FS29" s="61">
        <v>71</v>
      </c>
      <c r="FT29" s="61">
        <v>57</v>
      </c>
      <c r="FU29" s="62">
        <v>350</v>
      </c>
      <c r="FV29" s="63">
        <v>433</v>
      </c>
      <c r="FW29" s="60">
        <v>0</v>
      </c>
      <c r="FX29" s="61">
        <v>1</v>
      </c>
      <c r="FY29" s="62">
        <v>1</v>
      </c>
      <c r="FZ29" s="231"/>
      <c r="GA29" s="61">
        <v>2</v>
      </c>
      <c r="GB29" s="61">
        <v>1</v>
      </c>
      <c r="GC29" s="61">
        <v>3</v>
      </c>
      <c r="GD29" s="61">
        <v>6</v>
      </c>
      <c r="GE29" s="61">
        <v>2</v>
      </c>
      <c r="GF29" s="62">
        <v>14</v>
      </c>
      <c r="GG29" s="63">
        <v>15</v>
      </c>
      <c r="GH29" s="60">
        <v>177</v>
      </c>
      <c r="GI29" s="61">
        <v>213</v>
      </c>
      <c r="GJ29" s="62">
        <v>390</v>
      </c>
      <c r="GK29" s="231"/>
      <c r="GL29" s="61">
        <v>259</v>
      </c>
      <c r="GM29" s="61">
        <v>228</v>
      </c>
      <c r="GN29" s="61">
        <v>182</v>
      </c>
      <c r="GO29" s="61">
        <v>148</v>
      </c>
      <c r="GP29" s="61">
        <v>121</v>
      </c>
      <c r="GQ29" s="62">
        <v>938</v>
      </c>
      <c r="GR29" s="63">
        <v>1328</v>
      </c>
      <c r="GS29" s="113">
        <v>254</v>
      </c>
      <c r="GT29" s="72">
        <v>283</v>
      </c>
      <c r="GU29" s="73">
        <v>537</v>
      </c>
      <c r="GV29" s="228"/>
      <c r="GW29" s="72">
        <v>403</v>
      </c>
      <c r="GX29" s="72">
        <v>332</v>
      </c>
      <c r="GY29" s="72">
        <v>285</v>
      </c>
      <c r="GZ29" s="72">
        <v>214</v>
      </c>
      <c r="HA29" s="72">
        <v>169</v>
      </c>
      <c r="HB29" s="74">
        <v>1403</v>
      </c>
      <c r="HC29" s="75">
        <v>1940</v>
      </c>
      <c r="HD29" s="60">
        <v>5</v>
      </c>
      <c r="HE29" s="61">
        <v>8</v>
      </c>
      <c r="HF29" s="62">
        <v>13</v>
      </c>
      <c r="HG29" s="231"/>
      <c r="HH29" s="61">
        <v>10</v>
      </c>
      <c r="HI29" s="61">
        <v>5</v>
      </c>
      <c r="HJ29" s="61">
        <v>12</v>
      </c>
      <c r="HK29" s="61">
        <v>4</v>
      </c>
      <c r="HL29" s="61">
        <v>4</v>
      </c>
      <c r="HM29" s="62">
        <v>35</v>
      </c>
      <c r="HN29" s="63">
        <v>48</v>
      </c>
      <c r="HO29" s="60">
        <v>18</v>
      </c>
      <c r="HP29" s="61">
        <v>22</v>
      </c>
      <c r="HQ29" s="62">
        <v>40</v>
      </c>
      <c r="HR29" s="231"/>
      <c r="HS29" s="61">
        <v>30</v>
      </c>
      <c r="HT29" s="61">
        <v>28</v>
      </c>
      <c r="HU29" s="61">
        <v>10</v>
      </c>
      <c r="HV29" s="61">
        <v>14</v>
      </c>
      <c r="HW29" s="61">
        <v>14</v>
      </c>
      <c r="HX29" s="62">
        <v>96</v>
      </c>
      <c r="HY29" s="63">
        <v>136</v>
      </c>
      <c r="HZ29" s="60">
        <v>25</v>
      </c>
      <c r="IA29" s="61">
        <v>44</v>
      </c>
      <c r="IB29" s="62">
        <v>69</v>
      </c>
      <c r="IC29" s="231"/>
      <c r="ID29" s="61">
        <v>55</v>
      </c>
      <c r="IE29" s="61">
        <v>40</v>
      </c>
      <c r="IF29" s="61">
        <v>30</v>
      </c>
      <c r="IG29" s="61">
        <v>24</v>
      </c>
      <c r="IH29" s="61">
        <v>15</v>
      </c>
      <c r="II29" s="62">
        <v>164</v>
      </c>
      <c r="IJ29" s="63">
        <v>233</v>
      </c>
      <c r="IK29" s="60">
        <v>72</v>
      </c>
      <c r="IL29" s="61">
        <v>76</v>
      </c>
      <c r="IM29" s="62">
        <v>148</v>
      </c>
      <c r="IN29" s="231"/>
      <c r="IO29" s="61">
        <v>104</v>
      </c>
      <c r="IP29" s="61">
        <v>64</v>
      </c>
      <c r="IQ29" s="61">
        <v>64</v>
      </c>
      <c r="IR29" s="61">
        <v>36</v>
      </c>
      <c r="IS29" s="61">
        <v>31</v>
      </c>
      <c r="IT29" s="62">
        <v>299</v>
      </c>
      <c r="IU29" s="63">
        <v>447</v>
      </c>
      <c r="IV29" s="60">
        <v>73</v>
      </c>
      <c r="IW29" s="61">
        <v>83</v>
      </c>
      <c r="IX29" s="62">
        <v>156</v>
      </c>
      <c r="IY29" s="231"/>
      <c r="IZ29" s="61">
        <v>109</v>
      </c>
      <c r="JA29" s="61">
        <v>87</v>
      </c>
      <c r="JB29" s="61">
        <v>78</v>
      </c>
      <c r="JC29" s="61">
        <v>54</v>
      </c>
      <c r="JD29" s="61">
        <v>38</v>
      </c>
      <c r="JE29" s="62">
        <v>366</v>
      </c>
      <c r="JF29" s="63">
        <v>522</v>
      </c>
      <c r="JG29" s="60">
        <v>61</v>
      </c>
      <c r="JH29" s="61">
        <v>50</v>
      </c>
      <c r="JI29" s="62">
        <v>111</v>
      </c>
      <c r="JJ29" s="231"/>
      <c r="JK29" s="61">
        <v>95</v>
      </c>
      <c r="JL29" s="61">
        <v>108</v>
      </c>
      <c r="JM29" s="61">
        <v>91</v>
      </c>
      <c r="JN29" s="61">
        <v>82</v>
      </c>
      <c r="JO29" s="61">
        <v>67</v>
      </c>
      <c r="JP29" s="62">
        <v>443</v>
      </c>
      <c r="JQ29" s="63">
        <v>554</v>
      </c>
      <c r="JR29" s="60">
        <v>5</v>
      </c>
      <c r="JS29" s="61">
        <v>1</v>
      </c>
      <c r="JT29" s="62">
        <v>6</v>
      </c>
      <c r="JU29" s="231"/>
      <c r="JV29" s="61">
        <v>8</v>
      </c>
      <c r="JW29" s="61">
        <v>6</v>
      </c>
      <c r="JX29" s="61">
        <v>5</v>
      </c>
      <c r="JY29" s="61">
        <v>8</v>
      </c>
      <c r="JZ29" s="61">
        <v>3</v>
      </c>
      <c r="KA29" s="62">
        <v>30</v>
      </c>
      <c r="KB29" s="63">
        <v>36</v>
      </c>
      <c r="KC29" s="60">
        <v>259</v>
      </c>
      <c r="KD29" s="61">
        <v>284</v>
      </c>
      <c r="KE29" s="62">
        <v>543</v>
      </c>
      <c r="KF29" s="231"/>
      <c r="KG29" s="61">
        <v>411</v>
      </c>
      <c r="KH29" s="61">
        <v>338</v>
      </c>
      <c r="KI29" s="61">
        <v>290</v>
      </c>
      <c r="KJ29" s="61">
        <v>222</v>
      </c>
      <c r="KK29" s="61">
        <v>172</v>
      </c>
      <c r="KL29" s="62">
        <v>1433</v>
      </c>
      <c r="KM29" s="63">
        <v>1976</v>
      </c>
    </row>
    <row r="30" spans="2:299" ht="21" customHeight="1" x14ac:dyDescent="0.2">
      <c r="B30" s="472" t="s">
        <v>27</v>
      </c>
      <c r="C30" s="293">
        <v>100</v>
      </c>
      <c r="D30" s="72">
        <v>116</v>
      </c>
      <c r="E30" s="73">
        <v>216</v>
      </c>
      <c r="F30" s="228"/>
      <c r="G30" s="72">
        <v>103</v>
      </c>
      <c r="H30" s="72">
        <v>93</v>
      </c>
      <c r="I30" s="72">
        <v>58</v>
      </c>
      <c r="J30" s="72">
        <v>68</v>
      </c>
      <c r="K30" s="72">
        <v>31</v>
      </c>
      <c r="L30" s="74">
        <v>353</v>
      </c>
      <c r="M30" s="75">
        <v>569</v>
      </c>
      <c r="N30" s="60">
        <v>2</v>
      </c>
      <c r="O30" s="61">
        <v>6</v>
      </c>
      <c r="P30" s="62">
        <v>8</v>
      </c>
      <c r="Q30" s="231"/>
      <c r="R30" s="61">
        <v>2</v>
      </c>
      <c r="S30" s="61">
        <v>4</v>
      </c>
      <c r="T30" s="61">
        <v>1</v>
      </c>
      <c r="U30" s="61">
        <v>0</v>
      </c>
      <c r="V30" s="61">
        <v>0</v>
      </c>
      <c r="W30" s="62">
        <v>7</v>
      </c>
      <c r="X30" s="63">
        <v>15</v>
      </c>
      <c r="Y30" s="60">
        <v>8</v>
      </c>
      <c r="Z30" s="61">
        <v>8</v>
      </c>
      <c r="AA30" s="62">
        <v>16</v>
      </c>
      <c r="AB30" s="231"/>
      <c r="AC30" s="61">
        <v>10</v>
      </c>
      <c r="AD30" s="61">
        <v>14</v>
      </c>
      <c r="AE30" s="61">
        <v>4</v>
      </c>
      <c r="AF30" s="61">
        <v>7</v>
      </c>
      <c r="AG30" s="61">
        <v>1</v>
      </c>
      <c r="AH30" s="62">
        <v>36</v>
      </c>
      <c r="AI30" s="63">
        <v>52</v>
      </c>
      <c r="AJ30" s="60">
        <v>21</v>
      </c>
      <c r="AK30" s="61">
        <v>18</v>
      </c>
      <c r="AL30" s="62">
        <v>39</v>
      </c>
      <c r="AM30" s="231"/>
      <c r="AN30" s="61">
        <v>14</v>
      </c>
      <c r="AO30" s="61">
        <v>17</v>
      </c>
      <c r="AP30" s="61">
        <v>8</v>
      </c>
      <c r="AQ30" s="61">
        <v>12</v>
      </c>
      <c r="AR30" s="61">
        <v>8</v>
      </c>
      <c r="AS30" s="62">
        <v>59</v>
      </c>
      <c r="AT30" s="63">
        <v>98</v>
      </c>
      <c r="AU30" s="60">
        <v>22</v>
      </c>
      <c r="AV30" s="61">
        <v>31</v>
      </c>
      <c r="AW30" s="62">
        <v>53</v>
      </c>
      <c r="AX30" s="231"/>
      <c r="AY30" s="61">
        <v>25</v>
      </c>
      <c r="AZ30" s="61">
        <v>19</v>
      </c>
      <c r="BA30" s="61">
        <v>15</v>
      </c>
      <c r="BB30" s="61">
        <v>12</v>
      </c>
      <c r="BC30" s="61">
        <v>4</v>
      </c>
      <c r="BD30" s="62">
        <v>75</v>
      </c>
      <c r="BE30" s="63">
        <v>128</v>
      </c>
      <c r="BF30" s="60">
        <v>31</v>
      </c>
      <c r="BG30" s="61">
        <v>29</v>
      </c>
      <c r="BH30" s="62">
        <v>60</v>
      </c>
      <c r="BI30" s="231"/>
      <c r="BJ30" s="61">
        <v>25</v>
      </c>
      <c r="BK30" s="61">
        <v>14</v>
      </c>
      <c r="BL30" s="61">
        <v>15</v>
      </c>
      <c r="BM30" s="61">
        <v>19</v>
      </c>
      <c r="BN30" s="61">
        <v>15</v>
      </c>
      <c r="BO30" s="62">
        <v>88</v>
      </c>
      <c r="BP30" s="63">
        <v>148</v>
      </c>
      <c r="BQ30" s="60">
        <v>16</v>
      </c>
      <c r="BR30" s="61">
        <v>24</v>
      </c>
      <c r="BS30" s="62">
        <v>40</v>
      </c>
      <c r="BT30" s="231"/>
      <c r="BU30" s="61">
        <v>27</v>
      </c>
      <c r="BV30" s="61">
        <v>25</v>
      </c>
      <c r="BW30" s="61">
        <v>15</v>
      </c>
      <c r="BX30" s="61">
        <v>18</v>
      </c>
      <c r="BY30" s="61">
        <v>3</v>
      </c>
      <c r="BZ30" s="62">
        <v>88</v>
      </c>
      <c r="CA30" s="63">
        <v>128</v>
      </c>
      <c r="CB30" s="60">
        <v>4</v>
      </c>
      <c r="CC30" s="61">
        <v>0</v>
      </c>
      <c r="CD30" s="62">
        <v>4</v>
      </c>
      <c r="CE30" s="231"/>
      <c r="CF30" s="61">
        <v>2</v>
      </c>
      <c r="CG30" s="61">
        <v>3</v>
      </c>
      <c r="CH30" s="61">
        <v>7</v>
      </c>
      <c r="CI30" s="61">
        <v>2</v>
      </c>
      <c r="CJ30" s="61">
        <v>2</v>
      </c>
      <c r="CK30" s="62">
        <v>16</v>
      </c>
      <c r="CL30" s="63">
        <v>20</v>
      </c>
      <c r="CM30" s="60">
        <v>104</v>
      </c>
      <c r="CN30" s="61">
        <v>116</v>
      </c>
      <c r="CO30" s="62">
        <v>220</v>
      </c>
      <c r="CP30" s="231"/>
      <c r="CQ30" s="61">
        <v>105</v>
      </c>
      <c r="CR30" s="61">
        <v>96</v>
      </c>
      <c r="CS30" s="61">
        <v>65</v>
      </c>
      <c r="CT30" s="61">
        <v>70</v>
      </c>
      <c r="CU30" s="61">
        <v>33</v>
      </c>
      <c r="CV30" s="62">
        <v>369</v>
      </c>
      <c r="CW30" s="63">
        <v>589</v>
      </c>
      <c r="CX30" s="113">
        <v>258</v>
      </c>
      <c r="CY30" s="72">
        <v>201</v>
      </c>
      <c r="CZ30" s="73">
        <v>459</v>
      </c>
      <c r="DA30" s="228"/>
      <c r="DB30" s="72">
        <v>232</v>
      </c>
      <c r="DC30" s="72">
        <v>127</v>
      </c>
      <c r="DD30" s="72">
        <v>145</v>
      </c>
      <c r="DE30" s="72">
        <v>129</v>
      </c>
      <c r="DF30" s="72">
        <v>121</v>
      </c>
      <c r="DG30" s="74">
        <v>754</v>
      </c>
      <c r="DH30" s="75">
        <v>1213</v>
      </c>
      <c r="DI30" s="60">
        <v>2</v>
      </c>
      <c r="DJ30" s="61">
        <v>6</v>
      </c>
      <c r="DK30" s="62">
        <v>8</v>
      </c>
      <c r="DL30" s="231"/>
      <c r="DM30" s="61">
        <v>1</v>
      </c>
      <c r="DN30" s="61">
        <v>0</v>
      </c>
      <c r="DO30" s="61">
        <v>1</v>
      </c>
      <c r="DP30" s="61">
        <v>2</v>
      </c>
      <c r="DQ30" s="61">
        <v>2</v>
      </c>
      <c r="DR30" s="62">
        <v>6</v>
      </c>
      <c r="DS30" s="63">
        <v>14</v>
      </c>
      <c r="DT30" s="60">
        <v>17</v>
      </c>
      <c r="DU30" s="61">
        <v>15</v>
      </c>
      <c r="DV30" s="62">
        <v>32</v>
      </c>
      <c r="DW30" s="231"/>
      <c r="DX30" s="61">
        <v>10</v>
      </c>
      <c r="DY30" s="61">
        <v>10</v>
      </c>
      <c r="DZ30" s="61">
        <v>8</v>
      </c>
      <c r="EA30" s="61">
        <v>4</v>
      </c>
      <c r="EB30" s="61">
        <v>0</v>
      </c>
      <c r="EC30" s="62">
        <v>32</v>
      </c>
      <c r="ED30" s="63">
        <v>64</v>
      </c>
      <c r="EE30" s="60">
        <v>35</v>
      </c>
      <c r="EF30" s="61">
        <v>25</v>
      </c>
      <c r="EG30" s="62">
        <v>60</v>
      </c>
      <c r="EH30" s="231"/>
      <c r="EI30" s="61">
        <v>21</v>
      </c>
      <c r="EJ30" s="61">
        <v>14</v>
      </c>
      <c r="EK30" s="61">
        <v>11</v>
      </c>
      <c r="EL30" s="61">
        <v>13</v>
      </c>
      <c r="EM30" s="61">
        <v>7</v>
      </c>
      <c r="EN30" s="62">
        <v>66</v>
      </c>
      <c r="EO30" s="63">
        <v>126</v>
      </c>
      <c r="EP30" s="60">
        <v>72</v>
      </c>
      <c r="EQ30" s="61">
        <v>41</v>
      </c>
      <c r="ER30" s="62">
        <v>113</v>
      </c>
      <c r="ES30" s="231"/>
      <c r="ET30" s="61">
        <v>46</v>
      </c>
      <c r="EU30" s="61">
        <v>24</v>
      </c>
      <c r="EV30" s="61">
        <v>26</v>
      </c>
      <c r="EW30" s="61">
        <v>20</v>
      </c>
      <c r="EX30" s="61">
        <v>22</v>
      </c>
      <c r="EY30" s="62">
        <v>138</v>
      </c>
      <c r="EZ30" s="63">
        <v>251</v>
      </c>
      <c r="FA30" s="60">
        <v>75</v>
      </c>
      <c r="FB30" s="61">
        <v>68</v>
      </c>
      <c r="FC30" s="62">
        <v>143</v>
      </c>
      <c r="FD30" s="231"/>
      <c r="FE30" s="61">
        <v>76</v>
      </c>
      <c r="FF30" s="61">
        <v>36</v>
      </c>
      <c r="FG30" s="61">
        <v>35</v>
      </c>
      <c r="FH30" s="61">
        <v>22</v>
      </c>
      <c r="FI30" s="61">
        <v>35</v>
      </c>
      <c r="FJ30" s="62">
        <v>204</v>
      </c>
      <c r="FK30" s="63">
        <v>347</v>
      </c>
      <c r="FL30" s="60">
        <v>57</v>
      </c>
      <c r="FM30" s="61">
        <v>46</v>
      </c>
      <c r="FN30" s="62">
        <v>103</v>
      </c>
      <c r="FO30" s="231"/>
      <c r="FP30" s="61">
        <v>78</v>
      </c>
      <c r="FQ30" s="61">
        <v>43</v>
      </c>
      <c r="FR30" s="61">
        <v>64</v>
      </c>
      <c r="FS30" s="61">
        <v>68</v>
      </c>
      <c r="FT30" s="61">
        <v>55</v>
      </c>
      <c r="FU30" s="62">
        <v>308</v>
      </c>
      <c r="FV30" s="63">
        <v>411</v>
      </c>
      <c r="FW30" s="60">
        <v>1</v>
      </c>
      <c r="FX30" s="61">
        <v>3</v>
      </c>
      <c r="FY30" s="62">
        <v>4</v>
      </c>
      <c r="FZ30" s="231"/>
      <c r="GA30" s="61">
        <v>6</v>
      </c>
      <c r="GB30" s="61">
        <v>6</v>
      </c>
      <c r="GC30" s="61">
        <v>1</v>
      </c>
      <c r="GD30" s="61">
        <v>2</v>
      </c>
      <c r="GE30" s="61">
        <v>2</v>
      </c>
      <c r="GF30" s="62">
        <v>17</v>
      </c>
      <c r="GG30" s="63">
        <v>21</v>
      </c>
      <c r="GH30" s="60">
        <v>259</v>
      </c>
      <c r="GI30" s="61">
        <v>204</v>
      </c>
      <c r="GJ30" s="62">
        <v>463</v>
      </c>
      <c r="GK30" s="231"/>
      <c r="GL30" s="61">
        <v>238</v>
      </c>
      <c r="GM30" s="61">
        <v>133</v>
      </c>
      <c r="GN30" s="61">
        <v>146</v>
      </c>
      <c r="GO30" s="61">
        <v>131</v>
      </c>
      <c r="GP30" s="61">
        <v>123</v>
      </c>
      <c r="GQ30" s="62">
        <v>771</v>
      </c>
      <c r="GR30" s="63">
        <v>1234</v>
      </c>
      <c r="GS30" s="113">
        <v>358</v>
      </c>
      <c r="GT30" s="72">
        <v>317</v>
      </c>
      <c r="GU30" s="73">
        <v>675</v>
      </c>
      <c r="GV30" s="228"/>
      <c r="GW30" s="72">
        <v>335</v>
      </c>
      <c r="GX30" s="72">
        <v>220</v>
      </c>
      <c r="GY30" s="72">
        <v>203</v>
      </c>
      <c r="GZ30" s="72">
        <v>197</v>
      </c>
      <c r="HA30" s="72">
        <v>152</v>
      </c>
      <c r="HB30" s="74">
        <v>1107</v>
      </c>
      <c r="HC30" s="75">
        <v>1782</v>
      </c>
      <c r="HD30" s="60">
        <v>4</v>
      </c>
      <c r="HE30" s="61">
        <v>12</v>
      </c>
      <c r="HF30" s="62">
        <v>16</v>
      </c>
      <c r="HG30" s="231"/>
      <c r="HH30" s="61">
        <v>3</v>
      </c>
      <c r="HI30" s="61">
        <v>4</v>
      </c>
      <c r="HJ30" s="61">
        <v>2</v>
      </c>
      <c r="HK30" s="61">
        <v>2</v>
      </c>
      <c r="HL30" s="61">
        <v>2</v>
      </c>
      <c r="HM30" s="62">
        <v>13</v>
      </c>
      <c r="HN30" s="63">
        <v>29</v>
      </c>
      <c r="HO30" s="60">
        <v>25</v>
      </c>
      <c r="HP30" s="61">
        <v>23</v>
      </c>
      <c r="HQ30" s="62">
        <v>48</v>
      </c>
      <c r="HR30" s="231"/>
      <c r="HS30" s="61">
        <v>20</v>
      </c>
      <c r="HT30" s="61">
        <v>24</v>
      </c>
      <c r="HU30" s="61">
        <v>12</v>
      </c>
      <c r="HV30" s="61">
        <v>11</v>
      </c>
      <c r="HW30" s="61">
        <v>1</v>
      </c>
      <c r="HX30" s="62">
        <v>68</v>
      </c>
      <c r="HY30" s="63">
        <v>116</v>
      </c>
      <c r="HZ30" s="60">
        <v>56</v>
      </c>
      <c r="IA30" s="61">
        <v>43</v>
      </c>
      <c r="IB30" s="62">
        <v>99</v>
      </c>
      <c r="IC30" s="231"/>
      <c r="ID30" s="61">
        <v>35</v>
      </c>
      <c r="IE30" s="61">
        <v>31</v>
      </c>
      <c r="IF30" s="61">
        <v>19</v>
      </c>
      <c r="IG30" s="61">
        <v>25</v>
      </c>
      <c r="IH30" s="61">
        <v>15</v>
      </c>
      <c r="II30" s="62">
        <v>125</v>
      </c>
      <c r="IJ30" s="63">
        <v>224</v>
      </c>
      <c r="IK30" s="60">
        <v>94</v>
      </c>
      <c r="IL30" s="61">
        <v>72</v>
      </c>
      <c r="IM30" s="62">
        <v>166</v>
      </c>
      <c r="IN30" s="231"/>
      <c r="IO30" s="61">
        <v>71</v>
      </c>
      <c r="IP30" s="61">
        <v>43</v>
      </c>
      <c r="IQ30" s="61">
        <v>41</v>
      </c>
      <c r="IR30" s="61">
        <v>32</v>
      </c>
      <c r="IS30" s="61">
        <v>26</v>
      </c>
      <c r="IT30" s="62">
        <v>213</v>
      </c>
      <c r="IU30" s="63">
        <v>379</v>
      </c>
      <c r="IV30" s="60">
        <v>106</v>
      </c>
      <c r="IW30" s="61">
        <v>97</v>
      </c>
      <c r="IX30" s="62">
        <v>203</v>
      </c>
      <c r="IY30" s="231"/>
      <c r="IZ30" s="61">
        <v>101</v>
      </c>
      <c r="JA30" s="61">
        <v>50</v>
      </c>
      <c r="JB30" s="61">
        <v>50</v>
      </c>
      <c r="JC30" s="61">
        <v>41</v>
      </c>
      <c r="JD30" s="61">
        <v>50</v>
      </c>
      <c r="JE30" s="62">
        <v>292</v>
      </c>
      <c r="JF30" s="63">
        <v>495</v>
      </c>
      <c r="JG30" s="60">
        <v>73</v>
      </c>
      <c r="JH30" s="61">
        <v>70</v>
      </c>
      <c r="JI30" s="62">
        <v>143</v>
      </c>
      <c r="JJ30" s="231"/>
      <c r="JK30" s="61">
        <v>105</v>
      </c>
      <c r="JL30" s="61">
        <v>68</v>
      </c>
      <c r="JM30" s="61">
        <v>79</v>
      </c>
      <c r="JN30" s="61">
        <v>86</v>
      </c>
      <c r="JO30" s="61">
        <v>58</v>
      </c>
      <c r="JP30" s="62">
        <v>396</v>
      </c>
      <c r="JQ30" s="63">
        <v>539</v>
      </c>
      <c r="JR30" s="60">
        <v>5</v>
      </c>
      <c r="JS30" s="61">
        <v>3</v>
      </c>
      <c r="JT30" s="62">
        <v>8</v>
      </c>
      <c r="JU30" s="231"/>
      <c r="JV30" s="61">
        <v>8</v>
      </c>
      <c r="JW30" s="61">
        <v>9</v>
      </c>
      <c r="JX30" s="61">
        <v>8</v>
      </c>
      <c r="JY30" s="61">
        <v>4</v>
      </c>
      <c r="JZ30" s="61">
        <v>4</v>
      </c>
      <c r="KA30" s="62">
        <v>33</v>
      </c>
      <c r="KB30" s="63">
        <v>41</v>
      </c>
      <c r="KC30" s="60">
        <v>363</v>
      </c>
      <c r="KD30" s="61">
        <v>320</v>
      </c>
      <c r="KE30" s="62">
        <v>683</v>
      </c>
      <c r="KF30" s="231"/>
      <c r="KG30" s="61">
        <v>343</v>
      </c>
      <c r="KH30" s="61">
        <v>229</v>
      </c>
      <c r="KI30" s="61">
        <v>211</v>
      </c>
      <c r="KJ30" s="61">
        <v>201</v>
      </c>
      <c r="KK30" s="61">
        <v>156</v>
      </c>
      <c r="KL30" s="62">
        <v>1140</v>
      </c>
      <c r="KM30" s="63">
        <v>1823</v>
      </c>
    </row>
    <row r="31" spans="2:299" ht="21" customHeight="1" x14ac:dyDescent="0.2">
      <c r="B31" s="472" t="s">
        <v>28</v>
      </c>
      <c r="C31" s="293">
        <v>6</v>
      </c>
      <c r="D31" s="72">
        <v>16</v>
      </c>
      <c r="E31" s="73">
        <v>22</v>
      </c>
      <c r="F31" s="228"/>
      <c r="G31" s="72">
        <v>54</v>
      </c>
      <c r="H31" s="72">
        <v>40</v>
      </c>
      <c r="I31" s="72">
        <v>27</v>
      </c>
      <c r="J31" s="72">
        <v>14</v>
      </c>
      <c r="K31" s="72">
        <v>15</v>
      </c>
      <c r="L31" s="74">
        <v>150</v>
      </c>
      <c r="M31" s="75">
        <v>172</v>
      </c>
      <c r="N31" s="60">
        <v>0</v>
      </c>
      <c r="O31" s="61">
        <v>3</v>
      </c>
      <c r="P31" s="62">
        <v>3</v>
      </c>
      <c r="Q31" s="231"/>
      <c r="R31" s="61">
        <v>2</v>
      </c>
      <c r="S31" s="61">
        <v>1</v>
      </c>
      <c r="T31" s="61">
        <v>2</v>
      </c>
      <c r="U31" s="61">
        <v>2</v>
      </c>
      <c r="V31" s="61">
        <v>1</v>
      </c>
      <c r="W31" s="62">
        <v>8</v>
      </c>
      <c r="X31" s="63">
        <v>11</v>
      </c>
      <c r="Y31" s="60">
        <v>0</v>
      </c>
      <c r="Z31" s="61">
        <v>5</v>
      </c>
      <c r="AA31" s="62">
        <v>5</v>
      </c>
      <c r="AB31" s="231"/>
      <c r="AC31" s="61">
        <v>9</v>
      </c>
      <c r="AD31" s="61">
        <v>3</v>
      </c>
      <c r="AE31" s="61">
        <v>5</v>
      </c>
      <c r="AF31" s="61">
        <v>1</v>
      </c>
      <c r="AG31" s="61">
        <v>0</v>
      </c>
      <c r="AH31" s="62">
        <v>18</v>
      </c>
      <c r="AI31" s="63">
        <v>23</v>
      </c>
      <c r="AJ31" s="60">
        <v>1</v>
      </c>
      <c r="AK31" s="61">
        <v>1</v>
      </c>
      <c r="AL31" s="62">
        <v>2</v>
      </c>
      <c r="AM31" s="231"/>
      <c r="AN31" s="61">
        <v>11</v>
      </c>
      <c r="AO31" s="61">
        <v>6</v>
      </c>
      <c r="AP31" s="61">
        <v>4</v>
      </c>
      <c r="AQ31" s="61">
        <v>1</v>
      </c>
      <c r="AR31" s="61">
        <v>4</v>
      </c>
      <c r="AS31" s="62">
        <v>26</v>
      </c>
      <c r="AT31" s="63">
        <v>28</v>
      </c>
      <c r="AU31" s="60">
        <v>1</v>
      </c>
      <c r="AV31" s="61">
        <v>3</v>
      </c>
      <c r="AW31" s="62">
        <v>4</v>
      </c>
      <c r="AX31" s="231"/>
      <c r="AY31" s="61">
        <v>17</v>
      </c>
      <c r="AZ31" s="61">
        <v>11</v>
      </c>
      <c r="BA31" s="61">
        <v>2</v>
      </c>
      <c r="BB31" s="61">
        <v>5</v>
      </c>
      <c r="BC31" s="61">
        <v>2</v>
      </c>
      <c r="BD31" s="62">
        <v>37</v>
      </c>
      <c r="BE31" s="63">
        <v>41</v>
      </c>
      <c r="BF31" s="60">
        <v>3</v>
      </c>
      <c r="BG31" s="61">
        <v>3</v>
      </c>
      <c r="BH31" s="62">
        <v>6</v>
      </c>
      <c r="BI31" s="231"/>
      <c r="BJ31" s="61">
        <v>7</v>
      </c>
      <c r="BK31" s="61">
        <v>12</v>
      </c>
      <c r="BL31" s="61">
        <v>6</v>
      </c>
      <c r="BM31" s="61">
        <v>0</v>
      </c>
      <c r="BN31" s="61">
        <v>4</v>
      </c>
      <c r="BO31" s="62">
        <v>29</v>
      </c>
      <c r="BP31" s="63">
        <v>35</v>
      </c>
      <c r="BQ31" s="60">
        <v>1</v>
      </c>
      <c r="BR31" s="61">
        <v>1</v>
      </c>
      <c r="BS31" s="62">
        <v>2</v>
      </c>
      <c r="BT31" s="231"/>
      <c r="BU31" s="61">
        <v>8</v>
      </c>
      <c r="BV31" s="61">
        <v>7</v>
      </c>
      <c r="BW31" s="61">
        <v>8</v>
      </c>
      <c r="BX31" s="61">
        <v>5</v>
      </c>
      <c r="BY31" s="61">
        <v>4</v>
      </c>
      <c r="BZ31" s="62">
        <v>32</v>
      </c>
      <c r="CA31" s="63">
        <v>34</v>
      </c>
      <c r="CB31" s="60">
        <v>0</v>
      </c>
      <c r="CC31" s="61">
        <v>1</v>
      </c>
      <c r="CD31" s="62">
        <v>1</v>
      </c>
      <c r="CE31" s="231"/>
      <c r="CF31" s="61">
        <v>0</v>
      </c>
      <c r="CG31" s="61">
        <v>3</v>
      </c>
      <c r="CH31" s="61">
        <v>0</v>
      </c>
      <c r="CI31" s="61">
        <v>0</v>
      </c>
      <c r="CJ31" s="61">
        <v>3</v>
      </c>
      <c r="CK31" s="62">
        <v>6</v>
      </c>
      <c r="CL31" s="63">
        <v>7</v>
      </c>
      <c r="CM31" s="60">
        <v>6</v>
      </c>
      <c r="CN31" s="61">
        <v>17</v>
      </c>
      <c r="CO31" s="62">
        <v>23</v>
      </c>
      <c r="CP31" s="231"/>
      <c r="CQ31" s="61">
        <v>54</v>
      </c>
      <c r="CR31" s="61">
        <v>43</v>
      </c>
      <c r="CS31" s="61">
        <v>27</v>
      </c>
      <c r="CT31" s="61">
        <v>14</v>
      </c>
      <c r="CU31" s="61">
        <v>18</v>
      </c>
      <c r="CV31" s="62">
        <v>156</v>
      </c>
      <c r="CW31" s="63">
        <v>179</v>
      </c>
      <c r="CX31" s="113">
        <v>17</v>
      </c>
      <c r="CY31" s="72">
        <v>38</v>
      </c>
      <c r="CZ31" s="73">
        <v>55</v>
      </c>
      <c r="DA31" s="228"/>
      <c r="DB31" s="72">
        <v>57</v>
      </c>
      <c r="DC31" s="72">
        <v>76</v>
      </c>
      <c r="DD31" s="72">
        <v>53</v>
      </c>
      <c r="DE31" s="72">
        <v>50</v>
      </c>
      <c r="DF31" s="72">
        <v>28</v>
      </c>
      <c r="DG31" s="74">
        <v>264</v>
      </c>
      <c r="DH31" s="75">
        <v>319</v>
      </c>
      <c r="DI31" s="60">
        <v>1</v>
      </c>
      <c r="DJ31" s="61">
        <v>0</v>
      </c>
      <c r="DK31" s="62">
        <v>1</v>
      </c>
      <c r="DL31" s="231"/>
      <c r="DM31" s="61">
        <v>2</v>
      </c>
      <c r="DN31" s="61">
        <v>2</v>
      </c>
      <c r="DO31" s="61">
        <v>0</v>
      </c>
      <c r="DP31" s="61">
        <v>0</v>
      </c>
      <c r="DQ31" s="61">
        <v>0</v>
      </c>
      <c r="DR31" s="62">
        <v>4</v>
      </c>
      <c r="DS31" s="63">
        <v>5</v>
      </c>
      <c r="DT31" s="60">
        <v>1</v>
      </c>
      <c r="DU31" s="61">
        <v>7</v>
      </c>
      <c r="DV31" s="62">
        <v>8</v>
      </c>
      <c r="DW31" s="231"/>
      <c r="DX31" s="61">
        <v>2</v>
      </c>
      <c r="DY31" s="61">
        <v>7</v>
      </c>
      <c r="DZ31" s="61">
        <v>1</v>
      </c>
      <c r="EA31" s="61">
        <v>1</v>
      </c>
      <c r="EB31" s="61">
        <v>0</v>
      </c>
      <c r="EC31" s="62">
        <v>11</v>
      </c>
      <c r="ED31" s="63">
        <v>19</v>
      </c>
      <c r="EE31" s="60">
        <v>3</v>
      </c>
      <c r="EF31" s="61">
        <v>6</v>
      </c>
      <c r="EG31" s="62">
        <v>9</v>
      </c>
      <c r="EH31" s="231"/>
      <c r="EI31" s="61">
        <v>8</v>
      </c>
      <c r="EJ31" s="61">
        <v>9</v>
      </c>
      <c r="EK31" s="61">
        <v>6</v>
      </c>
      <c r="EL31" s="61">
        <v>4</v>
      </c>
      <c r="EM31" s="61">
        <v>6</v>
      </c>
      <c r="EN31" s="62">
        <v>33</v>
      </c>
      <c r="EO31" s="63">
        <v>42</v>
      </c>
      <c r="EP31" s="60">
        <v>7</v>
      </c>
      <c r="EQ31" s="61">
        <v>13</v>
      </c>
      <c r="ER31" s="62">
        <v>20</v>
      </c>
      <c r="ES31" s="231"/>
      <c r="ET31" s="61">
        <v>16</v>
      </c>
      <c r="EU31" s="61">
        <v>11</v>
      </c>
      <c r="EV31" s="61">
        <v>17</v>
      </c>
      <c r="EW31" s="61">
        <v>5</v>
      </c>
      <c r="EX31" s="61">
        <v>6</v>
      </c>
      <c r="EY31" s="62">
        <v>55</v>
      </c>
      <c r="EZ31" s="63">
        <v>75</v>
      </c>
      <c r="FA31" s="60">
        <v>4</v>
      </c>
      <c r="FB31" s="61">
        <v>8</v>
      </c>
      <c r="FC31" s="62">
        <v>12</v>
      </c>
      <c r="FD31" s="231"/>
      <c r="FE31" s="61">
        <v>13</v>
      </c>
      <c r="FF31" s="61">
        <v>28</v>
      </c>
      <c r="FG31" s="61">
        <v>9</v>
      </c>
      <c r="FH31" s="61">
        <v>17</v>
      </c>
      <c r="FI31" s="61">
        <v>8</v>
      </c>
      <c r="FJ31" s="62">
        <v>75</v>
      </c>
      <c r="FK31" s="63">
        <v>87</v>
      </c>
      <c r="FL31" s="60">
        <v>1</v>
      </c>
      <c r="FM31" s="61">
        <v>4</v>
      </c>
      <c r="FN31" s="62">
        <v>5</v>
      </c>
      <c r="FO31" s="231"/>
      <c r="FP31" s="61">
        <v>16</v>
      </c>
      <c r="FQ31" s="61">
        <v>19</v>
      </c>
      <c r="FR31" s="61">
        <v>20</v>
      </c>
      <c r="FS31" s="61">
        <v>23</v>
      </c>
      <c r="FT31" s="61">
        <v>8</v>
      </c>
      <c r="FU31" s="62">
        <v>86</v>
      </c>
      <c r="FV31" s="63">
        <v>91</v>
      </c>
      <c r="FW31" s="60">
        <v>2</v>
      </c>
      <c r="FX31" s="61">
        <v>0</v>
      </c>
      <c r="FY31" s="62">
        <v>2</v>
      </c>
      <c r="FZ31" s="231"/>
      <c r="GA31" s="61">
        <v>1</v>
      </c>
      <c r="GB31" s="61">
        <v>1</v>
      </c>
      <c r="GC31" s="61">
        <v>0</v>
      </c>
      <c r="GD31" s="61">
        <v>0</v>
      </c>
      <c r="GE31" s="61">
        <v>2</v>
      </c>
      <c r="GF31" s="62">
        <v>4</v>
      </c>
      <c r="GG31" s="63">
        <v>6</v>
      </c>
      <c r="GH31" s="60">
        <v>19</v>
      </c>
      <c r="GI31" s="61">
        <v>38</v>
      </c>
      <c r="GJ31" s="62">
        <v>57</v>
      </c>
      <c r="GK31" s="231"/>
      <c r="GL31" s="61">
        <v>58</v>
      </c>
      <c r="GM31" s="61">
        <v>77</v>
      </c>
      <c r="GN31" s="61">
        <v>53</v>
      </c>
      <c r="GO31" s="61">
        <v>50</v>
      </c>
      <c r="GP31" s="61">
        <v>30</v>
      </c>
      <c r="GQ31" s="62">
        <v>268</v>
      </c>
      <c r="GR31" s="63">
        <v>325</v>
      </c>
      <c r="GS31" s="113">
        <v>23</v>
      </c>
      <c r="GT31" s="72">
        <v>54</v>
      </c>
      <c r="GU31" s="73">
        <v>77</v>
      </c>
      <c r="GV31" s="228"/>
      <c r="GW31" s="72">
        <v>111</v>
      </c>
      <c r="GX31" s="72">
        <v>116</v>
      </c>
      <c r="GY31" s="72">
        <v>80</v>
      </c>
      <c r="GZ31" s="72">
        <v>64</v>
      </c>
      <c r="HA31" s="72">
        <v>43</v>
      </c>
      <c r="HB31" s="74">
        <v>414</v>
      </c>
      <c r="HC31" s="75">
        <v>491</v>
      </c>
      <c r="HD31" s="60">
        <v>1</v>
      </c>
      <c r="HE31" s="61">
        <v>3</v>
      </c>
      <c r="HF31" s="62">
        <v>4</v>
      </c>
      <c r="HG31" s="231"/>
      <c r="HH31" s="61">
        <v>4</v>
      </c>
      <c r="HI31" s="61">
        <v>3</v>
      </c>
      <c r="HJ31" s="61">
        <v>2</v>
      </c>
      <c r="HK31" s="61">
        <v>2</v>
      </c>
      <c r="HL31" s="61">
        <v>1</v>
      </c>
      <c r="HM31" s="62">
        <v>12</v>
      </c>
      <c r="HN31" s="63">
        <v>16</v>
      </c>
      <c r="HO31" s="60">
        <v>1</v>
      </c>
      <c r="HP31" s="61">
        <v>12</v>
      </c>
      <c r="HQ31" s="62">
        <v>13</v>
      </c>
      <c r="HR31" s="231"/>
      <c r="HS31" s="61">
        <v>11</v>
      </c>
      <c r="HT31" s="61">
        <v>10</v>
      </c>
      <c r="HU31" s="61">
        <v>6</v>
      </c>
      <c r="HV31" s="61">
        <v>2</v>
      </c>
      <c r="HW31" s="61">
        <v>0</v>
      </c>
      <c r="HX31" s="62">
        <v>29</v>
      </c>
      <c r="HY31" s="63">
        <v>42</v>
      </c>
      <c r="HZ31" s="60">
        <v>4</v>
      </c>
      <c r="IA31" s="61">
        <v>7</v>
      </c>
      <c r="IB31" s="62">
        <v>11</v>
      </c>
      <c r="IC31" s="231"/>
      <c r="ID31" s="61">
        <v>19</v>
      </c>
      <c r="IE31" s="61">
        <v>15</v>
      </c>
      <c r="IF31" s="61">
        <v>10</v>
      </c>
      <c r="IG31" s="61">
        <v>5</v>
      </c>
      <c r="IH31" s="61">
        <v>10</v>
      </c>
      <c r="II31" s="62">
        <v>59</v>
      </c>
      <c r="IJ31" s="63">
        <v>70</v>
      </c>
      <c r="IK31" s="60">
        <v>8</v>
      </c>
      <c r="IL31" s="61">
        <v>16</v>
      </c>
      <c r="IM31" s="62">
        <v>24</v>
      </c>
      <c r="IN31" s="231"/>
      <c r="IO31" s="61">
        <v>33</v>
      </c>
      <c r="IP31" s="61">
        <v>22</v>
      </c>
      <c r="IQ31" s="61">
        <v>19</v>
      </c>
      <c r="IR31" s="61">
        <v>10</v>
      </c>
      <c r="IS31" s="61">
        <v>8</v>
      </c>
      <c r="IT31" s="62">
        <v>92</v>
      </c>
      <c r="IU31" s="63">
        <v>116</v>
      </c>
      <c r="IV31" s="60">
        <v>7</v>
      </c>
      <c r="IW31" s="61">
        <v>11</v>
      </c>
      <c r="IX31" s="62">
        <v>18</v>
      </c>
      <c r="IY31" s="231"/>
      <c r="IZ31" s="61">
        <v>20</v>
      </c>
      <c r="JA31" s="61">
        <v>40</v>
      </c>
      <c r="JB31" s="61">
        <v>15</v>
      </c>
      <c r="JC31" s="61">
        <v>17</v>
      </c>
      <c r="JD31" s="61">
        <v>12</v>
      </c>
      <c r="JE31" s="62">
        <v>104</v>
      </c>
      <c r="JF31" s="63">
        <v>122</v>
      </c>
      <c r="JG31" s="60">
        <v>2</v>
      </c>
      <c r="JH31" s="61">
        <v>5</v>
      </c>
      <c r="JI31" s="62">
        <v>7</v>
      </c>
      <c r="JJ31" s="231"/>
      <c r="JK31" s="61">
        <v>24</v>
      </c>
      <c r="JL31" s="61">
        <v>26</v>
      </c>
      <c r="JM31" s="61">
        <v>28</v>
      </c>
      <c r="JN31" s="61">
        <v>28</v>
      </c>
      <c r="JO31" s="61">
        <v>12</v>
      </c>
      <c r="JP31" s="62">
        <v>118</v>
      </c>
      <c r="JQ31" s="63">
        <v>125</v>
      </c>
      <c r="JR31" s="60">
        <v>2</v>
      </c>
      <c r="JS31" s="61">
        <v>1</v>
      </c>
      <c r="JT31" s="62">
        <v>3</v>
      </c>
      <c r="JU31" s="231"/>
      <c r="JV31" s="61">
        <v>1</v>
      </c>
      <c r="JW31" s="61">
        <v>4</v>
      </c>
      <c r="JX31" s="61">
        <v>0</v>
      </c>
      <c r="JY31" s="61">
        <v>0</v>
      </c>
      <c r="JZ31" s="61">
        <v>5</v>
      </c>
      <c r="KA31" s="62">
        <v>10</v>
      </c>
      <c r="KB31" s="63">
        <v>13</v>
      </c>
      <c r="KC31" s="60">
        <v>25</v>
      </c>
      <c r="KD31" s="61">
        <v>55</v>
      </c>
      <c r="KE31" s="62">
        <v>80</v>
      </c>
      <c r="KF31" s="231"/>
      <c r="KG31" s="61">
        <v>112</v>
      </c>
      <c r="KH31" s="61">
        <v>120</v>
      </c>
      <c r="KI31" s="61">
        <v>80</v>
      </c>
      <c r="KJ31" s="61">
        <v>64</v>
      </c>
      <c r="KK31" s="61">
        <v>48</v>
      </c>
      <c r="KL31" s="62">
        <v>424</v>
      </c>
      <c r="KM31" s="63">
        <v>504</v>
      </c>
    </row>
    <row r="32" spans="2:299" ht="21" customHeight="1" x14ac:dyDescent="0.2">
      <c r="B32" s="472" t="s">
        <v>29</v>
      </c>
      <c r="C32" s="293">
        <v>23</v>
      </c>
      <c r="D32" s="72">
        <v>32</v>
      </c>
      <c r="E32" s="73">
        <v>55</v>
      </c>
      <c r="F32" s="228"/>
      <c r="G32" s="72">
        <v>49</v>
      </c>
      <c r="H32" s="72">
        <v>42</v>
      </c>
      <c r="I32" s="72">
        <v>45</v>
      </c>
      <c r="J32" s="72">
        <v>30</v>
      </c>
      <c r="K32" s="72">
        <v>18</v>
      </c>
      <c r="L32" s="74">
        <v>184</v>
      </c>
      <c r="M32" s="75">
        <v>239</v>
      </c>
      <c r="N32" s="60">
        <v>2</v>
      </c>
      <c r="O32" s="61">
        <v>1</v>
      </c>
      <c r="P32" s="62">
        <v>3</v>
      </c>
      <c r="Q32" s="231"/>
      <c r="R32" s="61">
        <v>4</v>
      </c>
      <c r="S32" s="61">
        <v>0</v>
      </c>
      <c r="T32" s="61">
        <v>3</v>
      </c>
      <c r="U32" s="61">
        <v>1</v>
      </c>
      <c r="V32" s="61">
        <v>2</v>
      </c>
      <c r="W32" s="62">
        <v>10</v>
      </c>
      <c r="X32" s="63">
        <v>13</v>
      </c>
      <c r="Y32" s="60">
        <v>3</v>
      </c>
      <c r="Z32" s="61">
        <v>3</v>
      </c>
      <c r="AA32" s="62">
        <v>6</v>
      </c>
      <c r="AB32" s="231"/>
      <c r="AC32" s="61">
        <v>6</v>
      </c>
      <c r="AD32" s="61">
        <v>2</v>
      </c>
      <c r="AE32" s="61">
        <v>8</v>
      </c>
      <c r="AF32" s="61">
        <v>2</v>
      </c>
      <c r="AG32" s="61">
        <v>1</v>
      </c>
      <c r="AH32" s="62">
        <v>19</v>
      </c>
      <c r="AI32" s="63">
        <v>25</v>
      </c>
      <c r="AJ32" s="60">
        <v>1</v>
      </c>
      <c r="AK32" s="61">
        <v>6</v>
      </c>
      <c r="AL32" s="62">
        <v>7</v>
      </c>
      <c r="AM32" s="231"/>
      <c r="AN32" s="61">
        <v>13</v>
      </c>
      <c r="AO32" s="61">
        <v>13</v>
      </c>
      <c r="AP32" s="61">
        <v>8</v>
      </c>
      <c r="AQ32" s="61">
        <v>5</v>
      </c>
      <c r="AR32" s="61">
        <v>1</v>
      </c>
      <c r="AS32" s="62">
        <v>40</v>
      </c>
      <c r="AT32" s="63">
        <v>47</v>
      </c>
      <c r="AU32" s="60">
        <v>9</v>
      </c>
      <c r="AV32" s="61">
        <v>8</v>
      </c>
      <c r="AW32" s="62">
        <v>17</v>
      </c>
      <c r="AX32" s="231"/>
      <c r="AY32" s="61">
        <v>4</v>
      </c>
      <c r="AZ32" s="61">
        <v>7</v>
      </c>
      <c r="BA32" s="61">
        <v>7</v>
      </c>
      <c r="BB32" s="61">
        <v>8</v>
      </c>
      <c r="BC32" s="61">
        <v>5</v>
      </c>
      <c r="BD32" s="62">
        <v>31</v>
      </c>
      <c r="BE32" s="63">
        <v>48</v>
      </c>
      <c r="BF32" s="60">
        <v>7</v>
      </c>
      <c r="BG32" s="61">
        <v>10</v>
      </c>
      <c r="BH32" s="62">
        <v>17</v>
      </c>
      <c r="BI32" s="231"/>
      <c r="BJ32" s="61">
        <v>13</v>
      </c>
      <c r="BK32" s="61">
        <v>7</v>
      </c>
      <c r="BL32" s="61">
        <v>12</v>
      </c>
      <c r="BM32" s="61">
        <v>10</v>
      </c>
      <c r="BN32" s="61">
        <v>5</v>
      </c>
      <c r="BO32" s="62">
        <v>47</v>
      </c>
      <c r="BP32" s="63">
        <v>64</v>
      </c>
      <c r="BQ32" s="60">
        <v>1</v>
      </c>
      <c r="BR32" s="61">
        <v>4</v>
      </c>
      <c r="BS32" s="62">
        <v>5</v>
      </c>
      <c r="BT32" s="231"/>
      <c r="BU32" s="61">
        <v>9</v>
      </c>
      <c r="BV32" s="61">
        <v>13</v>
      </c>
      <c r="BW32" s="61">
        <v>7</v>
      </c>
      <c r="BX32" s="61">
        <v>4</v>
      </c>
      <c r="BY32" s="61">
        <v>4</v>
      </c>
      <c r="BZ32" s="62">
        <v>37</v>
      </c>
      <c r="CA32" s="63">
        <v>42</v>
      </c>
      <c r="CB32" s="60">
        <v>2</v>
      </c>
      <c r="CC32" s="61">
        <v>1</v>
      </c>
      <c r="CD32" s="62">
        <v>3</v>
      </c>
      <c r="CE32" s="231"/>
      <c r="CF32" s="61">
        <v>3</v>
      </c>
      <c r="CG32" s="61">
        <v>5</v>
      </c>
      <c r="CH32" s="61">
        <v>1</v>
      </c>
      <c r="CI32" s="61">
        <v>1</v>
      </c>
      <c r="CJ32" s="61">
        <v>0</v>
      </c>
      <c r="CK32" s="62">
        <v>10</v>
      </c>
      <c r="CL32" s="63">
        <v>13</v>
      </c>
      <c r="CM32" s="60">
        <v>25</v>
      </c>
      <c r="CN32" s="61">
        <v>33</v>
      </c>
      <c r="CO32" s="62">
        <v>58</v>
      </c>
      <c r="CP32" s="231"/>
      <c r="CQ32" s="61">
        <v>52</v>
      </c>
      <c r="CR32" s="61">
        <v>47</v>
      </c>
      <c r="CS32" s="61">
        <v>46</v>
      </c>
      <c r="CT32" s="61">
        <v>31</v>
      </c>
      <c r="CU32" s="61">
        <v>18</v>
      </c>
      <c r="CV32" s="62">
        <v>194</v>
      </c>
      <c r="CW32" s="63">
        <v>252</v>
      </c>
      <c r="CX32" s="113">
        <v>45</v>
      </c>
      <c r="CY32" s="72">
        <v>48</v>
      </c>
      <c r="CZ32" s="73">
        <v>93</v>
      </c>
      <c r="DA32" s="228"/>
      <c r="DB32" s="72">
        <v>97</v>
      </c>
      <c r="DC32" s="72">
        <v>82</v>
      </c>
      <c r="DD32" s="72">
        <v>75</v>
      </c>
      <c r="DE32" s="72">
        <v>71</v>
      </c>
      <c r="DF32" s="72">
        <v>55</v>
      </c>
      <c r="DG32" s="74">
        <v>380</v>
      </c>
      <c r="DH32" s="75">
        <v>473</v>
      </c>
      <c r="DI32" s="60">
        <v>3</v>
      </c>
      <c r="DJ32" s="61">
        <v>1</v>
      </c>
      <c r="DK32" s="62">
        <v>4</v>
      </c>
      <c r="DL32" s="231"/>
      <c r="DM32" s="61">
        <v>3</v>
      </c>
      <c r="DN32" s="61">
        <v>2</v>
      </c>
      <c r="DO32" s="61">
        <v>2</v>
      </c>
      <c r="DP32" s="61">
        <v>0</v>
      </c>
      <c r="DQ32" s="61">
        <v>2</v>
      </c>
      <c r="DR32" s="62">
        <v>9</v>
      </c>
      <c r="DS32" s="63">
        <v>13</v>
      </c>
      <c r="DT32" s="60">
        <v>2</v>
      </c>
      <c r="DU32" s="61">
        <v>4</v>
      </c>
      <c r="DV32" s="62">
        <v>6</v>
      </c>
      <c r="DW32" s="231"/>
      <c r="DX32" s="61">
        <v>7</v>
      </c>
      <c r="DY32" s="61">
        <v>6</v>
      </c>
      <c r="DZ32" s="61">
        <v>2</v>
      </c>
      <c r="EA32" s="61">
        <v>2</v>
      </c>
      <c r="EB32" s="61">
        <v>3</v>
      </c>
      <c r="EC32" s="62">
        <v>20</v>
      </c>
      <c r="ED32" s="63">
        <v>26</v>
      </c>
      <c r="EE32" s="60">
        <v>10</v>
      </c>
      <c r="EF32" s="61">
        <v>6</v>
      </c>
      <c r="EG32" s="62">
        <v>16</v>
      </c>
      <c r="EH32" s="231"/>
      <c r="EI32" s="61">
        <v>11</v>
      </c>
      <c r="EJ32" s="61">
        <v>6</v>
      </c>
      <c r="EK32" s="61">
        <v>4</v>
      </c>
      <c r="EL32" s="61">
        <v>6</v>
      </c>
      <c r="EM32" s="61">
        <v>3</v>
      </c>
      <c r="EN32" s="62">
        <v>30</v>
      </c>
      <c r="EO32" s="63">
        <v>46</v>
      </c>
      <c r="EP32" s="60">
        <v>13</v>
      </c>
      <c r="EQ32" s="61">
        <v>16</v>
      </c>
      <c r="ER32" s="62">
        <v>29</v>
      </c>
      <c r="ES32" s="231"/>
      <c r="ET32" s="61">
        <v>25</v>
      </c>
      <c r="EU32" s="61">
        <v>18</v>
      </c>
      <c r="EV32" s="61">
        <v>18</v>
      </c>
      <c r="EW32" s="61">
        <v>11</v>
      </c>
      <c r="EX32" s="61">
        <v>10</v>
      </c>
      <c r="EY32" s="62">
        <v>82</v>
      </c>
      <c r="EZ32" s="63">
        <v>111</v>
      </c>
      <c r="FA32" s="60">
        <v>13</v>
      </c>
      <c r="FB32" s="61">
        <v>10</v>
      </c>
      <c r="FC32" s="62">
        <v>23</v>
      </c>
      <c r="FD32" s="231"/>
      <c r="FE32" s="61">
        <v>30</v>
      </c>
      <c r="FF32" s="61">
        <v>26</v>
      </c>
      <c r="FG32" s="61">
        <v>22</v>
      </c>
      <c r="FH32" s="61">
        <v>20</v>
      </c>
      <c r="FI32" s="61">
        <v>17</v>
      </c>
      <c r="FJ32" s="62">
        <v>115</v>
      </c>
      <c r="FK32" s="63">
        <v>138</v>
      </c>
      <c r="FL32" s="60">
        <v>4</v>
      </c>
      <c r="FM32" s="61">
        <v>11</v>
      </c>
      <c r="FN32" s="62">
        <v>15</v>
      </c>
      <c r="FO32" s="231"/>
      <c r="FP32" s="61">
        <v>21</v>
      </c>
      <c r="FQ32" s="61">
        <v>24</v>
      </c>
      <c r="FR32" s="61">
        <v>27</v>
      </c>
      <c r="FS32" s="61">
        <v>32</v>
      </c>
      <c r="FT32" s="61">
        <v>20</v>
      </c>
      <c r="FU32" s="62">
        <v>124</v>
      </c>
      <c r="FV32" s="63">
        <v>139</v>
      </c>
      <c r="FW32" s="60">
        <v>0</v>
      </c>
      <c r="FX32" s="61">
        <v>2</v>
      </c>
      <c r="FY32" s="62">
        <v>2</v>
      </c>
      <c r="FZ32" s="231"/>
      <c r="GA32" s="61">
        <v>1</v>
      </c>
      <c r="GB32" s="61">
        <v>1</v>
      </c>
      <c r="GC32" s="61">
        <v>2</v>
      </c>
      <c r="GD32" s="61">
        <v>0</v>
      </c>
      <c r="GE32" s="61">
        <v>0</v>
      </c>
      <c r="GF32" s="62">
        <v>4</v>
      </c>
      <c r="GG32" s="63">
        <v>6</v>
      </c>
      <c r="GH32" s="60">
        <v>45</v>
      </c>
      <c r="GI32" s="61">
        <v>50</v>
      </c>
      <c r="GJ32" s="62">
        <v>95</v>
      </c>
      <c r="GK32" s="231"/>
      <c r="GL32" s="61">
        <v>98</v>
      </c>
      <c r="GM32" s="61">
        <v>83</v>
      </c>
      <c r="GN32" s="61">
        <v>77</v>
      </c>
      <c r="GO32" s="61">
        <v>71</v>
      </c>
      <c r="GP32" s="61">
        <v>55</v>
      </c>
      <c r="GQ32" s="62">
        <v>384</v>
      </c>
      <c r="GR32" s="63">
        <v>479</v>
      </c>
      <c r="GS32" s="113">
        <v>68</v>
      </c>
      <c r="GT32" s="72">
        <v>80</v>
      </c>
      <c r="GU32" s="73">
        <v>148</v>
      </c>
      <c r="GV32" s="228"/>
      <c r="GW32" s="72">
        <v>146</v>
      </c>
      <c r="GX32" s="72">
        <v>124</v>
      </c>
      <c r="GY32" s="72">
        <v>120</v>
      </c>
      <c r="GZ32" s="72">
        <v>101</v>
      </c>
      <c r="HA32" s="72">
        <v>73</v>
      </c>
      <c r="HB32" s="74">
        <v>564</v>
      </c>
      <c r="HC32" s="75">
        <v>712</v>
      </c>
      <c r="HD32" s="60">
        <v>5</v>
      </c>
      <c r="HE32" s="61">
        <v>2</v>
      </c>
      <c r="HF32" s="62">
        <v>7</v>
      </c>
      <c r="HG32" s="231"/>
      <c r="HH32" s="61">
        <v>7</v>
      </c>
      <c r="HI32" s="61">
        <v>2</v>
      </c>
      <c r="HJ32" s="61">
        <v>5</v>
      </c>
      <c r="HK32" s="61">
        <v>1</v>
      </c>
      <c r="HL32" s="61">
        <v>4</v>
      </c>
      <c r="HM32" s="62">
        <v>19</v>
      </c>
      <c r="HN32" s="63">
        <v>26</v>
      </c>
      <c r="HO32" s="60">
        <v>5</v>
      </c>
      <c r="HP32" s="61">
        <v>7</v>
      </c>
      <c r="HQ32" s="62">
        <v>12</v>
      </c>
      <c r="HR32" s="231"/>
      <c r="HS32" s="61">
        <v>13</v>
      </c>
      <c r="HT32" s="61">
        <v>8</v>
      </c>
      <c r="HU32" s="61">
        <v>10</v>
      </c>
      <c r="HV32" s="61">
        <v>4</v>
      </c>
      <c r="HW32" s="61">
        <v>4</v>
      </c>
      <c r="HX32" s="62">
        <v>39</v>
      </c>
      <c r="HY32" s="63">
        <v>51</v>
      </c>
      <c r="HZ32" s="60">
        <v>11</v>
      </c>
      <c r="IA32" s="61">
        <v>12</v>
      </c>
      <c r="IB32" s="62">
        <v>23</v>
      </c>
      <c r="IC32" s="231"/>
      <c r="ID32" s="61">
        <v>24</v>
      </c>
      <c r="IE32" s="61">
        <v>19</v>
      </c>
      <c r="IF32" s="61">
        <v>12</v>
      </c>
      <c r="IG32" s="61">
        <v>11</v>
      </c>
      <c r="IH32" s="61">
        <v>4</v>
      </c>
      <c r="II32" s="62">
        <v>70</v>
      </c>
      <c r="IJ32" s="63">
        <v>93</v>
      </c>
      <c r="IK32" s="60">
        <v>22</v>
      </c>
      <c r="IL32" s="61">
        <v>24</v>
      </c>
      <c r="IM32" s="62">
        <v>46</v>
      </c>
      <c r="IN32" s="231"/>
      <c r="IO32" s="61">
        <v>29</v>
      </c>
      <c r="IP32" s="61">
        <v>25</v>
      </c>
      <c r="IQ32" s="61">
        <v>25</v>
      </c>
      <c r="IR32" s="61">
        <v>19</v>
      </c>
      <c r="IS32" s="61">
        <v>15</v>
      </c>
      <c r="IT32" s="62">
        <v>113</v>
      </c>
      <c r="IU32" s="63">
        <v>159</v>
      </c>
      <c r="IV32" s="60">
        <v>20</v>
      </c>
      <c r="IW32" s="61">
        <v>20</v>
      </c>
      <c r="IX32" s="62">
        <v>40</v>
      </c>
      <c r="IY32" s="231"/>
      <c r="IZ32" s="61">
        <v>43</v>
      </c>
      <c r="JA32" s="61">
        <v>33</v>
      </c>
      <c r="JB32" s="61">
        <v>34</v>
      </c>
      <c r="JC32" s="61">
        <v>30</v>
      </c>
      <c r="JD32" s="61">
        <v>22</v>
      </c>
      <c r="JE32" s="62">
        <v>162</v>
      </c>
      <c r="JF32" s="63">
        <v>202</v>
      </c>
      <c r="JG32" s="60">
        <v>5</v>
      </c>
      <c r="JH32" s="61">
        <v>15</v>
      </c>
      <c r="JI32" s="62">
        <v>20</v>
      </c>
      <c r="JJ32" s="231"/>
      <c r="JK32" s="61">
        <v>30</v>
      </c>
      <c r="JL32" s="61">
        <v>37</v>
      </c>
      <c r="JM32" s="61">
        <v>34</v>
      </c>
      <c r="JN32" s="61">
        <v>36</v>
      </c>
      <c r="JO32" s="61">
        <v>24</v>
      </c>
      <c r="JP32" s="62">
        <v>161</v>
      </c>
      <c r="JQ32" s="63">
        <v>181</v>
      </c>
      <c r="JR32" s="60">
        <v>2</v>
      </c>
      <c r="JS32" s="61">
        <v>3</v>
      </c>
      <c r="JT32" s="62">
        <v>5</v>
      </c>
      <c r="JU32" s="231"/>
      <c r="JV32" s="61">
        <v>4</v>
      </c>
      <c r="JW32" s="61">
        <v>6</v>
      </c>
      <c r="JX32" s="61">
        <v>3</v>
      </c>
      <c r="JY32" s="61">
        <v>1</v>
      </c>
      <c r="JZ32" s="61">
        <v>0</v>
      </c>
      <c r="KA32" s="62">
        <v>14</v>
      </c>
      <c r="KB32" s="63">
        <v>19</v>
      </c>
      <c r="KC32" s="60">
        <v>70</v>
      </c>
      <c r="KD32" s="61">
        <v>83</v>
      </c>
      <c r="KE32" s="62">
        <v>153</v>
      </c>
      <c r="KF32" s="231"/>
      <c r="KG32" s="61">
        <v>150</v>
      </c>
      <c r="KH32" s="61">
        <v>130</v>
      </c>
      <c r="KI32" s="61">
        <v>123</v>
      </c>
      <c r="KJ32" s="61">
        <v>102</v>
      </c>
      <c r="KK32" s="61">
        <v>73</v>
      </c>
      <c r="KL32" s="62">
        <v>578</v>
      </c>
      <c r="KM32" s="63">
        <v>731</v>
      </c>
    </row>
    <row r="33" spans="2:299" ht="21" customHeight="1" x14ac:dyDescent="0.2">
      <c r="B33" s="472" t="s">
        <v>30</v>
      </c>
      <c r="C33" s="293">
        <v>25</v>
      </c>
      <c r="D33" s="72">
        <v>10</v>
      </c>
      <c r="E33" s="73">
        <v>35</v>
      </c>
      <c r="F33" s="228"/>
      <c r="G33" s="72">
        <v>30</v>
      </c>
      <c r="H33" s="72">
        <v>26</v>
      </c>
      <c r="I33" s="72">
        <v>25</v>
      </c>
      <c r="J33" s="72">
        <v>33</v>
      </c>
      <c r="K33" s="72">
        <v>11</v>
      </c>
      <c r="L33" s="74">
        <v>125</v>
      </c>
      <c r="M33" s="75">
        <v>160</v>
      </c>
      <c r="N33" s="60">
        <v>3</v>
      </c>
      <c r="O33" s="61">
        <v>2</v>
      </c>
      <c r="P33" s="62">
        <v>5</v>
      </c>
      <c r="Q33" s="231"/>
      <c r="R33" s="61">
        <v>1</v>
      </c>
      <c r="S33" s="61">
        <v>1</v>
      </c>
      <c r="T33" s="61">
        <v>1</v>
      </c>
      <c r="U33" s="61">
        <v>1</v>
      </c>
      <c r="V33" s="61">
        <v>1</v>
      </c>
      <c r="W33" s="62">
        <v>5</v>
      </c>
      <c r="X33" s="63">
        <v>10</v>
      </c>
      <c r="Y33" s="60">
        <v>5</v>
      </c>
      <c r="Z33" s="61">
        <v>1</v>
      </c>
      <c r="AA33" s="62">
        <v>6</v>
      </c>
      <c r="AB33" s="231"/>
      <c r="AC33" s="61">
        <v>3</v>
      </c>
      <c r="AD33" s="61">
        <v>6</v>
      </c>
      <c r="AE33" s="61">
        <v>2</v>
      </c>
      <c r="AF33" s="61">
        <v>2</v>
      </c>
      <c r="AG33" s="61">
        <v>1</v>
      </c>
      <c r="AH33" s="62">
        <v>14</v>
      </c>
      <c r="AI33" s="63">
        <v>20</v>
      </c>
      <c r="AJ33" s="60">
        <v>3</v>
      </c>
      <c r="AK33" s="61">
        <v>1</v>
      </c>
      <c r="AL33" s="62">
        <v>4</v>
      </c>
      <c r="AM33" s="231"/>
      <c r="AN33" s="61">
        <v>1</v>
      </c>
      <c r="AO33" s="61">
        <v>5</v>
      </c>
      <c r="AP33" s="61">
        <v>3</v>
      </c>
      <c r="AQ33" s="61">
        <v>6</v>
      </c>
      <c r="AR33" s="61">
        <v>2</v>
      </c>
      <c r="AS33" s="62">
        <v>17</v>
      </c>
      <c r="AT33" s="63">
        <v>21</v>
      </c>
      <c r="AU33" s="60">
        <v>4</v>
      </c>
      <c r="AV33" s="61">
        <v>1</v>
      </c>
      <c r="AW33" s="62">
        <v>5</v>
      </c>
      <c r="AX33" s="231"/>
      <c r="AY33" s="61">
        <v>9</v>
      </c>
      <c r="AZ33" s="61">
        <v>5</v>
      </c>
      <c r="BA33" s="61">
        <v>4</v>
      </c>
      <c r="BB33" s="61">
        <v>8</v>
      </c>
      <c r="BC33" s="61">
        <v>2</v>
      </c>
      <c r="BD33" s="62">
        <v>28</v>
      </c>
      <c r="BE33" s="63">
        <v>33</v>
      </c>
      <c r="BF33" s="60">
        <v>7</v>
      </c>
      <c r="BG33" s="61">
        <v>1</v>
      </c>
      <c r="BH33" s="62">
        <v>8</v>
      </c>
      <c r="BI33" s="231"/>
      <c r="BJ33" s="61">
        <v>8</v>
      </c>
      <c r="BK33" s="61">
        <v>5</v>
      </c>
      <c r="BL33" s="61">
        <v>11</v>
      </c>
      <c r="BM33" s="61">
        <v>7</v>
      </c>
      <c r="BN33" s="61">
        <v>2</v>
      </c>
      <c r="BO33" s="62">
        <v>33</v>
      </c>
      <c r="BP33" s="63">
        <v>41</v>
      </c>
      <c r="BQ33" s="60">
        <v>3</v>
      </c>
      <c r="BR33" s="61">
        <v>4</v>
      </c>
      <c r="BS33" s="62">
        <v>7</v>
      </c>
      <c r="BT33" s="231"/>
      <c r="BU33" s="61">
        <v>8</v>
      </c>
      <c r="BV33" s="61">
        <v>4</v>
      </c>
      <c r="BW33" s="61">
        <v>4</v>
      </c>
      <c r="BX33" s="61">
        <v>9</v>
      </c>
      <c r="BY33" s="61">
        <v>3</v>
      </c>
      <c r="BZ33" s="62">
        <v>28</v>
      </c>
      <c r="CA33" s="63">
        <v>35</v>
      </c>
      <c r="CB33" s="60">
        <v>0</v>
      </c>
      <c r="CC33" s="61">
        <v>0</v>
      </c>
      <c r="CD33" s="62">
        <v>0</v>
      </c>
      <c r="CE33" s="231"/>
      <c r="CF33" s="61">
        <v>2</v>
      </c>
      <c r="CG33" s="61">
        <v>1</v>
      </c>
      <c r="CH33" s="61">
        <v>2</v>
      </c>
      <c r="CI33" s="61">
        <v>1</v>
      </c>
      <c r="CJ33" s="61">
        <v>1</v>
      </c>
      <c r="CK33" s="62">
        <v>7</v>
      </c>
      <c r="CL33" s="63">
        <v>7</v>
      </c>
      <c r="CM33" s="60">
        <v>25</v>
      </c>
      <c r="CN33" s="61">
        <v>10</v>
      </c>
      <c r="CO33" s="62">
        <v>35</v>
      </c>
      <c r="CP33" s="231"/>
      <c r="CQ33" s="61">
        <v>32</v>
      </c>
      <c r="CR33" s="61">
        <v>27</v>
      </c>
      <c r="CS33" s="61">
        <v>27</v>
      </c>
      <c r="CT33" s="61">
        <v>34</v>
      </c>
      <c r="CU33" s="61">
        <v>12</v>
      </c>
      <c r="CV33" s="62">
        <v>132</v>
      </c>
      <c r="CW33" s="63">
        <v>167</v>
      </c>
      <c r="CX33" s="113">
        <v>47</v>
      </c>
      <c r="CY33" s="72">
        <v>35</v>
      </c>
      <c r="CZ33" s="73">
        <v>82</v>
      </c>
      <c r="DA33" s="228"/>
      <c r="DB33" s="72">
        <v>98</v>
      </c>
      <c r="DC33" s="72">
        <v>55</v>
      </c>
      <c r="DD33" s="72">
        <v>75</v>
      </c>
      <c r="DE33" s="72">
        <v>69</v>
      </c>
      <c r="DF33" s="72">
        <v>36</v>
      </c>
      <c r="DG33" s="74">
        <v>333</v>
      </c>
      <c r="DH33" s="75">
        <v>415</v>
      </c>
      <c r="DI33" s="60">
        <v>2</v>
      </c>
      <c r="DJ33" s="61">
        <v>0</v>
      </c>
      <c r="DK33" s="62">
        <v>2</v>
      </c>
      <c r="DL33" s="231"/>
      <c r="DM33" s="61">
        <v>1</v>
      </c>
      <c r="DN33" s="61">
        <v>0</v>
      </c>
      <c r="DO33" s="61">
        <v>1</v>
      </c>
      <c r="DP33" s="61">
        <v>0</v>
      </c>
      <c r="DQ33" s="61">
        <v>2</v>
      </c>
      <c r="DR33" s="62">
        <v>4</v>
      </c>
      <c r="DS33" s="63">
        <v>6</v>
      </c>
      <c r="DT33" s="60">
        <v>5</v>
      </c>
      <c r="DU33" s="61">
        <v>1</v>
      </c>
      <c r="DV33" s="62">
        <v>6</v>
      </c>
      <c r="DW33" s="231"/>
      <c r="DX33" s="61">
        <v>0</v>
      </c>
      <c r="DY33" s="61">
        <v>4</v>
      </c>
      <c r="DZ33" s="61">
        <v>2</v>
      </c>
      <c r="EA33" s="61">
        <v>5</v>
      </c>
      <c r="EB33" s="61">
        <v>2</v>
      </c>
      <c r="EC33" s="62">
        <v>13</v>
      </c>
      <c r="ED33" s="63">
        <v>19</v>
      </c>
      <c r="EE33" s="60">
        <v>8</v>
      </c>
      <c r="EF33" s="61">
        <v>3</v>
      </c>
      <c r="EG33" s="62">
        <v>11</v>
      </c>
      <c r="EH33" s="231"/>
      <c r="EI33" s="61">
        <v>12</v>
      </c>
      <c r="EJ33" s="61">
        <v>6</v>
      </c>
      <c r="EK33" s="61">
        <v>10</v>
      </c>
      <c r="EL33" s="61">
        <v>2</v>
      </c>
      <c r="EM33" s="61">
        <v>2</v>
      </c>
      <c r="EN33" s="62">
        <v>32</v>
      </c>
      <c r="EO33" s="63">
        <v>43</v>
      </c>
      <c r="EP33" s="60">
        <v>15</v>
      </c>
      <c r="EQ33" s="61">
        <v>10</v>
      </c>
      <c r="ER33" s="62">
        <v>25</v>
      </c>
      <c r="ES33" s="231"/>
      <c r="ET33" s="61">
        <v>29</v>
      </c>
      <c r="EU33" s="61">
        <v>10</v>
      </c>
      <c r="EV33" s="61">
        <v>10</v>
      </c>
      <c r="EW33" s="61">
        <v>8</v>
      </c>
      <c r="EX33" s="61">
        <v>10</v>
      </c>
      <c r="EY33" s="62">
        <v>67</v>
      </c>
      <c r="EZ33" s="63">
        <v>92</v>
      </c>
      <c r="FA33" s="60">
        <v>9</v>
      </c>
      <c r="FB33" s="61">
        <v>9</v>
      </c>
      <c r="FC33" s="62">
        <v>18</v>
      </c>
      <c r="FD33" s="231"/>
      <c r="FE33" s="61">
        <v>30</v>
      </c>
      <c r="FF33" s="61">
        <v>16</v>
      </c>
      <c r="FG33" s="61">
        <v>15</v>
      </c>
      <c r="FH33" s="61">
        <v>20</v>
      </c>
      <c r="FI33" s="61">
        <v>8</v>
      </c>
      <c r="FJ33" s="62">
        <v>89</v>
      </c>
      <c r="FK33" s="63">
        <v>107</v>
      </c>
      <c r="FL33" s="60">
        <v>8</v>
      </c>
      <c r="FM33" s="61">
        <v>12</v>
      </c>
      <c r="FN33" s="62">
        <v>20</v>
      </c>
      <c r="FO33" s="231"/>
      <c r="FP33" s="61">
        <v>26</v>
      </c>
      <c r="FQ33" s="61">
        <v>19</v>
      </c>
      <c r="FR33" s="61">
        <v>37</v>
      </c>
      <c r="FS33" s="61">
        <v>34</v>
      </c>
      <c r="FT33" s="61">
        <v>12</v>
      </c>
      <c r="FU33" s="62">
        <v>128</v>
      </c>
      <c r="FV33" s="63">
        <v>148</v>
      </c>
      <c r="FW33" s="60">
        <v>0</v>
      </c>
      <c r="FX33" s="61">
        <v>0</v>
      </c>
      <c r="FY33" s="62">
        <v>0</v>
      </c>
      <c r="FZ33" s="231"/>
      <c r="GA33" s="61">
        <v>1</v>
      </c>
      <c r="GB33" s="61">
        <v>0</v>
      </c>
      <c r="GC33" s="61">
        <v>1</v>
      </c>
      <c r="GD33" s="61">
        <v>2</v>
      </c>
      <c r="GE33" s="61">
        <v>2</v>
      </c>
      <c r="GF33" s="62">
        <v>6</v>
      </c>
      <c r="GG33" s="63">
        <v>6</v>
      </c>
      <c r="GH33" s="60">
        <v>47</v>
      </c>
      <c r="GI33" s="61">
        <v>35</v>
      </c>
      <c r="GJ33" s="62">
        <v>82</v>
      </c>
      <c r="GK33" s="231"/>
      <c r="GL33" s="61">
        <v>99</v>
      </c>
      <c r="GM33" s="61">
        <v>55</v>
      </c>
      <c r="GN33" s="61">
        <v>76</v>
      </c>
      <c r="GO33" s="61">
        <v>71</v>
      </c>
      <c r="GP33" s="61">
        <v>38</v>
      </c>
      <c r="GQ33" s="62">
        <v>339</v>
      </c>
      <c r="GR33" s="63">
        <v>421</v>
      </c>
      <c r="GS33" s="113">
        <v>72</v>
      </c>
      <c r="GT33" s="72">
        <v>45</v>
      </c>
      <c r="GU33" s="73">
        <v>117</v>
      </c>
      <c r="GV33" s="228"/>
      <c r="GW33" s="72">
        <v>128</v>
      </c>
      <c r="GX33" s="72">
        <v>81</v>
      </c>
      <c r="GY33" s="72">
        <v>100</v>
      </c>
      <c r="GZ33" s="72">
        <v>102</v>
      </c>
      <c r="HA33" s="72">
        <v>47</v>
      </c>
      <c r="HB33" s="74">
        <v>458</v>
      </c>
      <c r="HC33" s="75">
        <v>575</v>
      </c>
      <c r="HD33" s="60">
        <v>5</v>
      </c>
      <c r="HE33" s="61">
        <v>2</v>
      </c>
      <c r="HF33" s="62">
        <v>7</v>
      </c>
      <c r="HG33" s="231"/>
      <c r="HH33" s="61">
        <v>2</v>
      </c>
      <c r="HI33" s="61">
        <v>1</v>
      </c>
      <c r="HJ33" s="61">
        <v>2</v>
      </c>
      <c r="HK33" s="61">
        <v>1</v>
      </c>
      <c r="HL33" s="61">
        <v>3</v>
      </c>
      <c r="HM33" s="62">
        <v>9</v>
      </c>
      <c r="HN33" s="63">
        <v>16</v>
      </c>
      <c r="HO33" s="60">
        <v>10</v>
      </c>
      <c r="HP33" s="61">
        <v>2</v>
      </c>
      <c r="HQ33" s="62">
        <v>12</v>
      </c>
      <c r="HR33" s="231"/>
      <c r="HS33" s="61">
        <v>3</v>
      </c>
      <c r="HT33" s="61">
        <v>10</v>
      </c>
      <c r="HU33" s="61">
        <v>4</v>
      </c>
      <c r="HV33" s="61">
        <v>7</v>
      </c>
      <c r="HW33" s="61">
        <v>3</v>
      </c>
      <c r="HX33" s="62">
        <v>27</v>
      </c>
      <c r="HY33" s="63">
        <v>39</v>
      </c>
      <c r="HZ33" s="60">
        <v>11</v>
      </c>
      <c r="IA33" s="61">
        <v>4</v>
      </c>
      <c r="IB33" s="62">
        <v>15</v>
      </c>
      <c r="IC33" s="231"/>
      <c r="ID33" s="61">
        <v>13</v>
      </c>
      <c r="IE33" s="61">
        <v>11</v>
      </c>
      <c r="IF33" s="61">
        <v>13</v>
      </c>
      <c r="IG33" s="61">
        <v>8</v>
      </c>
      <c r="IH33" s="61">
        <v>4</v>
      </c>
      <c r="II33" s="62">
        <v>49</v>
      </c>
      <c r="IJ33" s="63">
        <v>64</v>
      </c>
      <c r="IK33" s="60">
        <v>19</v>
      </c>
      <c r="IL33" s="61">
        <v>11</v>
      </c>
      <c r="IM33" s="62">
        <v>30</v>
      </c>
      <c r="IN33" s="231"/>
      <c r="IO33" s="61">
        <v>38</v>
      </c>
      <c r="IP33" s="61">
        <v>15</v>
      </c>
      <c r="IQ33" s="61">
        <v>14</v>
      </c>
      <c r="IR33" s="61">
        <v>16</v>
      </c>
      <c r="IS33" s="61">
        <v>12</v>
      </c>
      <c r="IT33" s="62">
        <v>95</v>
      </c>
      <c r="IU33" s="63">
        <v>125</v>
      </c>
      <c r="IV33" s="60">
        <v>16</v>
      </c>
      <c r="IW33" s="61">
        <v>10</v>
      </c>
      <c r="IX33" s="62">
        <v>26</v>
      </c>
      <c r="IY33" s="231"/>
      <c r="IZ33" s="61">
        <v>38</v>
      </c>
      <c r="JA33" s="61">
        <v>21</v>
      </c>
      <c r="JB33" s="61">
        <v>26</v>
      </c>
      <c r="JC33" s="61">
        <v>27</v>
      </c>
      <c r="JD33" s="61">
        <v>10</v>
      </c>
      <c r="JE33" s="62">
        <v>122</v>
      </c>
      <c r="JF33" s="63">
        <v>148</v>
      </c>
      <c r="JG33" s="60">
        <v>11</v>
      </c>
      <c r="JH33" s="61">
        <v>16</v>
      </c>
      <c r="JI33" s="62">
        <v>27</v>
      </c>
      <c r="JJ33" s="231"/>
      <c r="JK33" s="61">
        <v>34</v>
      </c>
      <c r="JL33" s="61">
        <v>23</v>
      </c>
      <c r="JM33" s="61">
        <v>41</v>
      </c>
      <c r="JN33" s="61">
        <v>43</v>
      </c>
      <c r="JO33" s="61">
        <v>15</v>
      </c>
      <c r="JP33" s="62">
        <v>156</v>
      </c>
      <c r="JQ33" s="63">
        <v>183</v>
      </c>
      <c r="JR33" s="60">
        <v>0</v>
      </c>
      <c r="JS33" s="61">
        <v>0</v>
      </c>
      <c r="JT33" s="62">
        <v>0</v>
      </c>
      <c r="JU33" s="231"/>
      <c r="JV33" s="61">
        <v>3</v>
      </c>
      <c r="JW33" s="61">
        <v>1</v>
      </c>
      <c r="JX33" s="61">
        <v>3</v>
      </c>
      <c r="JY33" s="61">
        <v>3</v>
      </c>
      <c r="JZ33" s="61">
        <v>3</v>
      </c>
      <c r="KA33" s="62">
        <v>13</v>
      </c>
      <c r="KB33" s="63">
        <v>13</v>
      </c>
      <c r="KC33" s="60">
        <v>72</v>
      </c>
      <c r="KD33" s="61">
        <v>45</v>
      </c>
      <c r="KE33" s="62">
        <v>117</v>
      </c>
      <c r="KF33" s="231"/>
      <c r="KG33" s="61">
        <v>131</v>
      </c>
      <c r="KH33" s="61">
        <v>82</v>
      </c>
      <c r="KI33" s="61">
        <v>103</v>
      </c>
      <c r="KJ33" s="61">
        <v>105</v>
      </c>
      <c r="KK33" s="61">
        <v>50</v>
      </c>
      <c r="KL33" s="62">
        <v>471</v>
      </c>
      <c r="KM33" s="63">
        <v>588</v>
      </c>
    </row>
    <row r="34" spans="2:299" ht="21" customHeight="1" x14ac:dyDescent="0.2">
      <c r="B34" s="472" t="s">
        <v>31</v>
      </c>
      <c r="C34" s="293">
        <v>20</v>
      </c>
      <c r="D34" s="72">
        <v>40</v>
      </c>
      <c r="E34" s="73">
        <v>60</v>
      </c>
      <c r="F34" s="228"/>
      <c r="G34" s="72">
        <v>55</v>
      </c>
      <c r="H34" s="72">
        <v>44</v>
      </c>
      <c r="I34" s="72">
        <v>41</v>
      </c>
      <c r="J34" s="72">
        <v>34</v>
      </c>
      <c r="K34" s="72">
        <v>12</v>
      </c>
      <c r="L34" s="74">
        <v>186</v>
      </c>
      <c r="M34" s="75">
        <v>246</v>
      </c>
      <c r="N34" s="60">
        <v>0</v>
      </c>
      <c r="O34" s="61">
        <v>2</v>
      </c>
      <c r="P34" s="62">
        <v>2</v>
      </c>
      <c r="Q34" s="231"/>
      <c r="R34" s="61">
        <v>2</v>
      </c>
      <c r="S34" s="61">
        <v>3</v>
      </c>
      <c r="T34" s="61">
        <v>4</v>
      </c>
      <c r="U34" s="61">
        <v>2</v>
      </c>
      <c r="V34" s="61">
        <v>0</v>
      </c>
      <c r="W34" s="62">
        <v>11</v>
      </c>
      <c r="X34" s="63">
        <v>13</v>
      </c>
      <c r="Y34" s="60">
        <v>3</v>
      </c>
      <c r="Z34" s="61">
        <v>5</v>
      </c>
      <c r="AA34" s="62">
        <v>8</v>
      </c>
      <c r="AB34" s="231"/>
      <c r="AC34" s="61">
        <v>7</v>
      </c>
      <c r="AD34" s="61">
        <v>7</v>
      </c>
      <c r="AE34" s="61">
        <v>4</v>
      </c>
      <c r="AF34" s="61">
        <v>5</v>
      </c>
      <c r="AG34" s="61">
        <v>3</v>
      </c>
      <c r="AH34" s="62">
        <v>26</v>
      </c>
      <c r="AI34" s="63">
        <v>34</v>
      </c>
      <c r="AJ34" s="60">
        <v>4</v>
      </c>
      <c r="AK34" s="61">
        <v>6</v>
      </c>
      <c r="AL34" s="62">
        <v>10</v>
      </c>
      <c r="AM34" s="231"/>
      <c r="AN34" s="61">
        <v>7</v>
      </c>
      <c r="AO34" s="61">
        <v>4</v>
      </c>
      <c r="AP34" s="61">
        <v>11</v>
      </c>
      <c r="AQ34" s="61">
        <v>7</v>
      </c>
      <c r="AR34" s="61">
        <v>2</v>
      </c>
      <c r="AS34" s="62">
        <v>31</v>
      </c>
      <c r="AT34" s="63">
        <v>41</v>
      </c>
      <c r="AU34" s="60">
        <v>4</v>
      </c>
      <c r="AV34" s="61">
        <v>12</v>
      </c>
      <c r="AW34" s="62">
        <v>16</v>
      </c>
      <c r="AX34" s="231"/>
      <c r="AY34" s="61">
        <v>12</v>
      </c>
      <c r="AZ34" s="61">
        <v>8</v>
      </c>
      <c r="BA34" s="61">
        <v>6</v>
      </c>
      <c r="BB34" s="61">
        <v>5</v>
      </c>
      <c r="BC34" s="61">
        <v>1</v>
      </c>
      <c r="BD34" s="62">
        <v>32</v>
      </c>
      <c r="BE34" s="63">
        <v>48</v>
      </c>
      <c r="BF34" s="60">
        <v>5</v>
      </c>
      <c r="BG34" s="61">
        <v>6</v>
      </c>
      <c r="BH34" s="62">
        <v>11</v>
      </c>
      <c r="BI34" s="231"/>
      <c r="BJ34" s="61">
        <v>17</v>
      </c>
      <c r="BK34" s="61">
        <v>8</v>
      </c>
      <c r="BL34" s="61">
        <v>5</v>
      </c>
      <c r="BM34" s="61">
        <v>10</v>
      </c>
      <c r="BN34" s="61">
        <v>2</v>
      </c>
      <c r="BO34" s="62">
        <v>42</v>
      </c>
      <c r="BP34" s="63">
        <v>53</v>
      </c>
      <c r="BQ34" s="60">
        <v>4</v>
      </c>
      <c r="BR34" s="61">
        <v>9</v>
      </c>
      <c r="BS34" s="62">
        <v>13</v>
      </c>
      <c r="BT34" s="231"/>
      <c r="BU34" s="61">
        <v>10</v>
      </c>
      <c r="BV34" s="61">
        <v>14</v>
      </c>
      <c r="BW34" s="61">
        <v>11</v>
      </c>
      <c r="BX34" s="61">
        <v>5</v>
      </c>
      <c r="BY34" s="61">
        <v>4</v>
      </c>
      <c r="BZ34" s="62">
        <v>44</v>
      </c>
      <c r="CA34" s="63">
        <v>57</v>
      </c>
      <c r="CB34" s="60">
        <v>0</v>
      </c>
      <c r="CC34" s="61">
        <v>4</v>
      </c>
      <c r="CD34" s="62">
        <v>4</v>
      </c>
      <c r="CE34" s="231"/>
      <c r="CF34" s="61">
        <v>1</v>
      </c>
      <c r="CG34" s="61">
        <v>1</v>
      </c>
      <c r="CH34" s="61">
        <v>0</v>
      </c>
      <c r="CI34" s="61">
        <v>1</v>
      </c>
      <c r="CJ34" s="61">
        <v>0</v>
      </c>
      <c r="CK34" s="62">
        <v>3</v>
      </c>
      <c r="CL34" s="63">
        <v>7</v>
      </c>
      <c r="CM34" s="60">
        <v>20</v>
      </c>
      <c r="CN34" s="61">
        <v>44</v>
      </c>
      <c r="CO34" s="62">
        <v>64</v>
      </c>
      <c r="CP34" s="231"/>
      <c r="CQ34" s="61">
        <v>56</v>
      </c>
      <c r="CR34" s="61">
        <v>45</v>
      </c>
      <c r="CS34" s="61">
        <v>41</v>
      </c>
      <c r="CT34" s="61">
        <v>35</v>
      </c>
      <c r="CU34" s="61">
        <v>12</v>
      </c>
      <c r="CV34" s="62">
        <v>189</v>
      </c>
      <c r="CW34" s="63">
        <v>253</v>
      </c>
      <c r="CX34" s="113">
        <v>56</v>
      </c>
      <c r="CY34" s="72">
        <v>79</v>
      </c>
      <c r="CZ34" s="73">
        <v>135</v>
      </c>
      <c r="DA34" s="228"/>
      <c r="DB34" s="72">
        <v>103</v>
      </c>
      <c r="DC34" s="72">
        <v>92</v>
      </c>
      <c r="DD34" s="72">
        <v>76</v>
      </c>
      <c r="DE34" s="72">
        <v>68</v>
      </c>
      <c r="DF34" s="72">
        <v>43</v>
      </c>
      <c r="DG34" s="74">
        <v>382</v>
      </c>
      <c r="DH34" s="75">
        <v>517</v>
      </c>
      <c r="DI34" s="60">
        <v>0</v>
      </c>
      <c r="DJ34" s="61">
        <v>2</v>
      </c>
      <c r="DK34" s="62">
        <v>2</v>
      </c>
      <c r="DL34" s="231"/>
      <c r="DM34" s="61">
        <v>0</v>
      </c>
      <c r="DN34" s="61">
        <v>1</v>
      </c>
      <c r="DO34" s="61">
        <v>1</v>
      </c>
      <c r="DP34" s="61">
        <v>2</v>
      </c>
      <c r="DQ34" s="61">
        <v>2</v>
      </c>
      <c r="DR34" s="62">
        <v>6</v>
      </c>
      <c r="DS34" s="63">
        <v>8</v>
      </c>
      <c r="DT34" s="60">
        <v>2</v>
      </c>
      <c r="DU34" s="61">
        <v>5</v>
      </c>
      <c r="DV34" s="62">
        <v>7</v>
      </c>
      <c r="DW34" s="231"/>
      <c r="DX34" s="61">
        <v>11</v>
      </c>
      <c r="DY34" s="61">
        <v>6</v>
      </c>
      <c r="DZ34" s="61">
        <v>4</v>
      </c>
      <c r="EA34" s="61">
        <v>3</v>
      </c>
      <c r="EB34" s="61">
        <v>2</v>
      </c>
      <c r="EC34" s="62">
        <v>26</v>
      </c>
      <c r="ED34" s="63">
        <v>33</v>
      </c>
      <c r="EE34" s="60">
        <v>3</v>
      </c>
      <c r="EF34" s="61">
        <v>5</v>
      </c>
      <c r="EG34" s="62">
        <v>8</v>
      </c>
      <c r="EH34" s="231"/>
      <c r="EI34" s="61">
        <v>11</v>
      </c>
      <c r="EJ34" s="61">
        <v>5</v>
      </c>
      <c r="EK34" s="61">
        <v>5</v>
      </c>
      <c r="EL34" s="61">
        <v>8</v>
      </c>
      <c r="EM34" s="61">
        <v>2</v>
      </c>
      <c r="EN34" s="62">
        <v>31</v>
      </c>
      <c r="EO34" s="63">
        <v>39</v>
      </c>
      <c r="EP34" s="60">
        <v>14</v>
      </c>
      <c r="EQ34" s="61">
        <v>26</v>
      </c>
      <c r="ER34" s="62">
        <v>40</v>
      </c>
      <c r="ES34" s="231"/>
      <c r="ET34" s="61">
        <v>18</v>
      </c>
      <c r="EU34" s="61">
        <v>15</v>
      </c>
      <c r="EV34" s="61">
        <v>15</v>
      </c>
      <c r="EW34" s="61">
        <v>6</v>
      </c>
      <c r="EX34" s="61">
        <v>5</v>
      </c>
      <c r="EY34" s="62">
        <v>59</v>
      </c>
      <c r="EZ34" s="63">
        <v>99</v>
      </c>
      <c r="FA34" s="60">
        <v>26</v>
      </c>
      <c r="FB34" s="61">
        <v>25</v>
      </c>
      <c r="FC34" s="62">
        <v>51</v>
      </c>
      <c r="FD34" s="231"/>
      <c r="FE34" s="61">
        <v>25</v>
      </c>
      <c r="FF34" s="61">
        <v>32</v>
      </c>
      <c r="FG34" s="61">
        <v>20</v>
      </c>
      <c r="FH34" s="61">
        <v>16</v>
      </c>
      <c r="FI34" s="61">
        <v>12</v>
      </c>
      <c r="FJ34" s="62">
        <v>105</v>
      </c>
      <c r="FK34" s="63">
        <v>156</v>
      </c>
      <c r="FL34" s="60">
        <v>11</v>
      </c>
      <c r="FM34" s="61">
        <v>16</v>
      </c>
      <c r="FN34" s="62">
        <v>27</v>
      </c>
      <c r="FO34" s="231"/>
      <c r="FP34" s="61">
        <v>38</v>
      </c>
      <c r="FQ34" s="61">
        <v>33</v>
      </c>
      <c r="FR34" s="61">
        <v>31</v>
      </c>
      <c r="FS34" s="61">
        <v>33</v>
      </c>
      <c r="FT34" s="61">
        <v>20</v>
      </c>
      <c r="FU34" s="62">
        <v>155</v>
      </c>
      <c r="FV34" s="63">
        <v>182</v>
      </c>
      <c r="FW34" s="60">
        <v>0</v>
      </c>
      <c r="FX34" s="61">
        <v>0</v>
      </c>
      <c r="FY34" s="62">
        <v>0</v>
      </c>
      <c r="FZ34" s="231"/>
      <c r="GA34" s="61">
        <v>1</v>
      </c>
      <c r="GB34" s="61">
        <v>0</v>
      </c>
      <c r="GC34" s="61">
        <v>1</v>
      </c>
      <c r="GD34" s="61">
        <v>1</v>
      </c>
      <c r="GE34" s="61">
        <v>1</v>
      </c>
      <c r="GF34" s="62">
        <v>4</v>
      </c>
      <c r="GG34" s="63">
        <v>4</v>
      </c>
      <c r="GH34" s="60">
        <v>56</v>
      </c>
      <c r="GI34" s="61">
        <v>79</v>
      </c>
      <c r="GJ34" s="62">
        <v>135</v>
      </c>
      <c r="GK34" s="231"/>
      <c r="GL34" s="61">
        <v>104</v>
      </c>
      <c r="GM34" s="61">
        <v>92</v>
      </c>
      <c r="GN34" s="61">
        <v>77</v>
      </c>
      <c r="GO34" s="61">
        <v>69</v>
      </c>
      <c r="GP34" s="61">
        <v>44</v>
      </c>
      <c r="GQ34" s="62">
        <v>386</v>
      </c>
      <c r="GR34" s="63">
        <v>521</v>
      </c>
      <c r="GS34" s="113">
        <v>76</v>
      </c>
      <c r="GT34" s="72">
        <v>119</v>
      </c>
      <c r="GU34" s="73">
        <v>195</v>
      </c>
      <c r="GV34" s="228"/>
      <c r="GW34" s="72">
        <v>158</v>
      </c>
      <c r="GX34" s="72">
        <v>136</v>
      </c>
      <c r="GY34" s="72">
        <v>117</v>
      </c>
      <c r="GZ34" s="72">
        <v>102</v>
      </c>
      <c r="HA34" s="72">
        <v>55</v>
      </c>
      <c r="HB34" s="74">
        <v>568</v>
      </c>
      <c r="HC34" s="75">
        <v>763</v>
      </c>
      <c r="HD34" s="60">
        <v>0</v>
      </c>
      <c r="HE34" s="61">
        <v>4</v>
      </c>
      <c r="HF34" s="62">
        <v>4</v>
      </c>
      <c r="HG34" s="231"/>
      <c r="HH34" s="61">
        <v>2</v>
      </c>
      <c r="HI34" s="61">
        <v>4</v>
      </c>
      <c r="HJ34" s="61">
        <v>5</v>
      </c>
      <c r="HK34" s="61">
        <v>4</v>
      </c>
      <c r="HL34" s="61">
        <v>2</v>
      </c>
      <c r="HM34" s="62">
        <v>17</v>
      </c>
      <c r="HN34" s="63">
        <v>21</v>
      </c>
      <c r="HO34" s="60">
        <v>5</v>
      </c>
      <c r="HP34" s="61">
        <v>10</v>
      </c>
      <c r="HQ34" s="62">
        <v>15</v>
      </c>
      <c r="HR34" s="231"/>
      <c r="HS34" s="61">
        <v>18</v>
      </c>
      <c r="HT34" s="61">
        <v>13</v>
      </c>
      <c r="HU34" s="61">
        <v>8</v>
      </c>
      <c r="HV34" s="61">
        <v>8</v>
      </c>
      <c r="HW34" s="61">
        <v>5</v>
      </c>
      <c r="HX34" s="62">
        <v>52</v>
      </c>
      <c r="HY34" s="63">
        <v>67</v>
      </c>
      <c r="HZ34" s="60">
        <v>7</v>
      </c>
      <c r="IA34" s="61">
        <v>11</v>
      </c>
      <c r="IB34" s="62">
        <v>18</v>
      </c>
      <c r="IC34" s="231"/>
      <c r="ID34" s="61">
        <v>18</v>
      </c>
      <c r="IE34" s="61">
        <v>9</v>
      </c>
      <c r="IF34" s="61">
        <v>16</v>
      </c>
      <c r="IG34" s="61">
        <v>15</v>
      </c>
      <c r="IH34" s="61">
        <v>4</v>
      </c>
      <c r="II34" s="62">
        <v>62</v>
      </c>
      <c r="IJ34" s="63">
        <v>80</v>
      </c>
      <c r="IK34" s="60">
        <v>18</v>
      </c>
      <c r="IL34" s="61">
        <v>38</v>
      </c>
      <c r="IM34" s="62">
        <v>56</v>
      </c>
      <c r="IN34" s="231"/>
      <c r="IO34" s="61">
        <v>30</v>
      </c>
      <c r="IP34" s="61">
        <v>23</v>
      </c>
      <c r="IQ34" s="61">
        <v>21</v>
      </c>
      <c r="IR34" s="61">
        <v>11</v>
      </c>
      <c r="IS34" s="61">
        <v>6</v>
      </c>
      <c r="IT34" s="62">
        <v>91</v>
      </c>
      <c r="IU34" s="63">
        <v>147</v>
      </c>
      <c r="IV34" s="60">
        <v>31</v>
      </c>
      <c r="IW34" s="61">
        <v>31</v>
      </c>
      <c r="IX34" s="62">
        <v>62</v>
      </c>
      <c r="IY34" s="231"/>
      <c r="IZ34" s="61">
        <v>42</v>
      </c>
      <c r="JA34" s="61">
        <v>40</v>
      </c>
      <c r="JB34" s="61">
        <v>25</v>
      </c>
      <c r="JC34" s="61">
        <v>26</v>
      </c>
      <c r="JD34" s="61">
        <v>14</v>
      </c>
      <c r="JE34" s="62">
        <v>147</v>
      </c>
      <c r="JF34" s="63">
        <v>209</v>
      </c>
      <c r="JG34" s="60">
        <v>15</v>
      </c>
      <c r="JH34" s="61">
        <v>25</v>
      </c>
      <c r="JI34" s="62">
        <v>40</v>
      </c>
      <c r="JJ34" s="231"/>
      <c r="JK34" s="61">
        <v>48</v>
      </c>
      <c r="JL34" s="61">
        <v>47</v>
      </c>
      <c r="JM34" s="61">
        <v>42</v>
      </c>
      <c r="JN34" s="61">
        <v>38</v>
      </c>
      <c r="JO34" s="61">
        <v>24</v>
      </c>
      <c r="JP34" s="62">
        <v>199</v>
      </c>
      <c r="JQ34" s="63">
        <v>239</v>
      </c>
      <c r="JR34" s="60">
        <v>0</v>
      </c>
      <c r="JS34" s="61">
        <v>4</v>
      </c>
      <c r="JT34" s="62">
        <v>4</v>
      </c>
      <c r="JU34" s="231"/>
      <c r="JV34" s="61">
        <v>2</v>
      </c>
      <c r="JW34" s="61">
        <v>1</v>
      </c>
      <c r="JX34" s="61">
        <v>1</v>
      </c>
      <c r="JY34" s="61">
        <v>2</v>
      </c>
      <c r="JZ34" s="61">
        <v>1</v>
      </c>
      <c r="KA34" s="62">
        <v>7</v>
      </c>
      <c r="KB34" s="63">
        <v>11</v>
      </c>
      <c r="KC34" s="60">
        <v>76</v>
      </c>
      <c r="KD34" s="61">
        <v>123</v>
      </c>
      <c r="KE34" s="62">
        <v>199</v>
      </c>
      <c r="KF34" s="231"/>
      <c r="KG34" s="61">
        <v>160</v>
      </c>
      <c r="KH34" s="61">
        <v>137</v>
      </c>
      <c r="KI34" s="61">
        <v>118</v>
      </c>
      <c r="KJ34" s="61">
        <v>104</v>
      </c>
      <c r="KK34" s="61">
        <v>56</v>
      </c>
      <c r="KL34" s="62">
        <v>575</v>
      </c>
      <c r="KM34" s="63">
        <v>774</v>
      </c>
    </row>
    <row r="35" spans="2:299" ht="21" customHeight="1" x14ac:dyDescent="0.2">
      <c r="B35" s="472" t="s">
        <v>32</v>
      </c>
      <c r="C35" s="293">
        <v>24</v>
      </c>
      <c r="D35" s="72">
        <v>24</v>
      </c>
      <c r="E35" s="73">
        <v>48</v>
      </c>
      <c r="F35" s="228"/>
      <c r="G35" s="72">
        <v>74</v>
      </c>
      <c r="H35" s="72">
        <v>57</v>
      </c>
      <c r="I35" s="72">
        <v>39</v>
      </c>
      <c r="J35" s="72">
        <v>34</v>
      </c>
      <c r="K35" s="72">
        <v>25</v>
      </c>
      <c r="L35" s="74">
        <v>229</v>
      </c>
      <c r="M35" s="75">
        <v>277</v>
      </c>
      <c r="N35" s="60">
        <v>3</v>
      </c>
      <c r="O35" s="61">
        <v>1</v>
      </c>
      <c r="P35" s="62">
        <v>4</v>
      </c>
      <c r="Q35" s="231"/>
      <c r="R35" s="61">
        <v>4</v>
      </c>
      <c r="S35" s="61">
        <v>2</v>
      </c>
      <c r="T35" s="61">
        <v>3</v>
      </c>
      <c r="U35" s="61">
        <v>3</v>
      </c>
      <c r="V35" s="61">
        <v>0</v>
      </c>
      <c r="W35" s="62">
        <v>12</v>
      </c>
      <c r="X35" s="63">
        <v>16</v>
      </c>
      <c r="Y35" s="60">
        <v>5</v>
      </c>
      <c r="Z35" s="61">
        <v>1</v>
      </c>
      <c r="AA35" s="62">
        <v>6</v>
      </c>
      <c r="AB35" s="231"/>
      <c r="AC35" s="61">
        <v>3</v>
      </c>
      <c r="AD35" s="61">
        <v>9</v>
      </c>
      <c r="AE35" s="61">
        <v>3</v>
      </c>
      <c r="AF35" s="61">
        <v>5</v>
      </c>
      <c r="AG35" s="61">
        <v>4</v>
      </c>
      <c r="AH35" s="62">
        <v>24</v>
      </c>
      <c r="AI35" s="63">
        <v>30</v>
      </c>
      <c r="AJ35" s="60">
        <v>4</v>
      </c>
      <c r="AK35" s="61">
        <v>1</v>
      </c>
      <c r="AL35" s="62">
        <v>5</v>
      </c>
      <c r="AM35" s="231"/>
      <c r="AN35" s="61">
        <v>12</v>
      </c>
      <c r="AO35" s="61">
        <v>8</v>
      </c>
      <c r="AP35" s="61">
        <v>4</v>
      </c>
      <c r="AQ35" s="61">
        <v>1</v>
      </c>
      <c r="AR35" s="61">
        <v>6</v>
      </c>
      <c r="AS35" s="62">
        <v>31</v>
      </c>
      <c r="AT35" s="63">
        <v>36</v>
      </c>
      <c r="AU35" s="60">
        <v>5</v>
      </c>
      <c r="AV35" s="61">
        <v>8</v>
      </c>
      <c r="AW35" s="62">
        <v>13</v>
      </c>
      <c r="AX35" s="231"/>
      <c r="AY35" s="61">
        <v>23</v>
      </c>
      <c r="AZ35" s="61">
        <v>15</v>
      </c>
      <c r="BA35" s="61">
        <v>11</v>
      </c>
      <c r="BB35" s="61">
        <v>8</v>
      </c>
      <c r="BC35" s="61">
        <v>5</v>
      </c>
      <c r="BD35" s="62">
        <v>62</v>
      </c>
      <c r="BE35" s="63">
        <v>75</v>
      </c>
      <c r="BF35" s="60">
        <v>5</v>
      </c>
      <c r="BG35" s="61">
        <v>6</v>
      </c>
      <c r="BH35" s="62">
        <v>11</v>
      </c>
      <c r="BI35" s="231"/>
      <c r="BJ35" s="61">
        <v>21</v>
      </c>
      <c r="BK35" s="61">
        <v>10</v>
      </c>
      <c r="BL35" s="61">
        <v>14</v>
      </c>
      <c r="BM35" s="61">
        <v>11</v>
      </c>
      <c r="BN35" s="61">
        <v>8</v>
      </c>
      <c r="BO35" s="62">
        <v>64</v>
      </c>
      <c r="BP35" s="63">
        <v>75</v>
      </c>
      <c r="BQ35" s="60">
        <v>2</v>
      </c>
      <c r="BR35" s="61">
        <v>7</v>
      </c>
      <c r="BS35" s="62">
        <v>9</v>
      </c>
      <c r="BT35" s="231"/>
      <c r="BU35" s="61">
        <v>11</v>
      </c>
      <c r="BV35" s="61">
        <v>13</v>
      </c>
      <c r="BW35" s="61">
        <v>4</v>
      </c>
      <c r="BX35" s="61">
        <v>6</v>
      </c>
      <c r="BY35" s="61">
        <v>2</v>
      </c>
      <c r="BZ35" s="62">
        <v>36</v>
      </c>
      <c r="CA35" s="63">
        <v>45</v>
      </c>
      <c r="CB35" s="60">
        <v>1</v>
      </c>
      <c r="CC35" s="61">
        <v>2</v>
      </c>
      <c r="CD35" s="62">
        <v>3</v>
      </c>
      <c r="CE35" s="231"/>
      <c r="CF35" s="61">
        <v>3</v>
      </c>
      <c r="CG35" s="61">
        <v>5</v>
      </c>
      <c r="CH35" s="61">
        <v>1</v>
      </c>
      <c r="CI35" s="61">
        <v>3</v>
      </c>
      <c r="CJ35" s="61">
        <v>4</v>
      </c>
      <c r="CK35" s="62">
        <v>16</v>
      </c>
      <c r="CL35" s="63">
        <v>19</v>
      </c>
      <c r="CM35" s="60">
        <v>25</v>
      </c>
      <c r="CN35" s="61">
        <v>26</v>
      </c>
      <c r="CO35" s="62">
        <v>51</v>
      </c>
      <c r="CP35" s="231"/>
      <c r="CQ35" s="61">
        <v>77</v>
      </c>
      <c r="CR35" s="61">
        <v>62</v>
      </c>
      <c r="CS35" s="61">
        <v>40</v>
      </c>
      <c r="CT35" s="61">
        <v>37</v>
      </c>
      <c r="CU35" s="61">
        <v>29</v>
      </c>
      <c r="CV35" s="62">
        <v>245</v>
      </c>
      <c r="CW35" s="63">
        <v>296</v>
      </c>
      <c r="CX35" s="113">
        <v>37</v>
      </c>
      <c r="CY35" s="72">
        <v>73</v>
      </c>
      <c r="CZ35" s="73">
        <v>110</v>
      </c>
      <c r="DA35" s="228"/>
      <c r="DB35" s="72">
        <v>125</v>
      </c>
      <c r="DC35" s="72">
        <v>87</v>
      </c>
      <c r="DD35" s="72">
        <v>86</v>
      </c>
      <c r="DE35" s="72">
        <v>75</v>
      </c>
      <c r="DF35" s="72">
        <v>40</v>
      </c>
      <c r="DG35" s="74">
        <v>413</v>
      </c>
      <c r="DH35" s="75">
        <v>523</v>
      </c>
      <c r="DI35" s="60">
        <v>2</v>
      </c>
      <c r="DJ35" s="61">
        <v>0</v>
      </c>
      <c r="DK35" s="62">
        <v>2</v>
      </c>
      <c r="DL35" s="231"/>
      <c r="DM35" s="61">
        <v>6</v>
      </c>
      <c r="DN35" s="61">
        <v>5</v>
      </c>
      <c r="DO35" s="61">
        <v>1</v>
      </c>
      <c r="DP35" s="61">
        <v>0</v>
      </c>
      <c r="DQ35" s="61">
        <v>0</v>
      </c>
      <c r="DR35" s="62">
        <v>12</v>
      </c>
      <c r="DS35" s="63">
        <v>14</v>
      </c>
      <c r="DT35" s="60">
        <v>2</v>
      </c>
      <c r="DU35" s="61">
        <v>3</v>
      </c>
      <c r="DV35" s="62">
        <v>5</v>
      </c>
      <c r="DW35" s="231"/>
      <c r="DX35" s="61">
        <v>8</v>
      </c>
      <c r="DY35" s="61">
        <v>2</v>
      </c>
      <c r="DZ35" s="61">
        <v>2</v>
      </c>
      <c r="EA35" s="61">
        <v>6</v>
      </c>
      <c r="EB35" s="61">
        <v>3</v>
      </c>
      <c r="EC35" s="62">
        <v>21</v>
      </c>
      <c r="ED35" s="63">
        <v>26</v>
      </c>
      <c r="EE35" s="60">
        <v>6</v>
      </c>
      <c r="EF35" s="61">
        <v>9</v>
      </c>
      <c r="EG35" s="62">
        <v>15</v>
      </c>
      <c r="EH35" s="231"/>
      <c r="EI35" s="61">
        <v>21</v>
      </c>
      <c r="EJ35" s="61">
        <v>4</v>
      </c>
      <c r="EK35" s="61">
        <v>7</v>
      </c>
      <c r="EL35" s="61">
        <v>3</v>
      </c>
      <c r="EM35" s="61">
        <v>5</v>
      </c>
      <c r="EN35" s="62">
        <v>40</v>
      </c>
      <c r="EO35" s="63">
        <v>55</v>
      </c>
      <c r="EP35" s="60">
        <v>12</v>
      </c>
      <c r="EQ35" s="61">
        <v>19</v>
      </c>
      <c r="ER35" s="62">
        <v>31</v>
      </c>
      <c r="ES35" s="231"/>
      <c r="ET35" s="61">
        <v>29</v>
      </c>
      <c r="EU35" s="61">
        <v>21</v>
      </c>
      <c r="EV35" s="61">
        <v>20</v>
      </c>
      <c r="EW35" s="61">
        <v>9</v>
      </c>
      <c r="EX35" s="61">
        <v>7</v>
      </c>
      <c r="EY35" s="62">
        <v>86</v>
      </c>
      <c r="EZ35" s="63">
        <v>117</v>
      </c>
      <c r="FA35" s="60">
        <v>9</v>
      </c>
      <c r="FB35" s="61">
        <v>22</v>
      </c>
      <c r="FC35" s="62">
        <v>31</v>
      </c>
      <c r="FD35" s="231"/>
      <c r="FE35" s="61">
        <v>26</v>
      </c>
      <c r="FF35" s="61">
        <v>25</v>
      </c>
      <c r="FG35" s="61">
        <v>18</v>
      </c>
      <c r="FH35" s="61">
        <v>18</v>
      </c>
      <c r="FI35" s="61">
        <v>11</v>
      </c>
      <c r="FJ35" s="62">
        <v>98</v>
      </c>
      <c r="FK35" s="63">
        <v>129</v>
      </c>
      <c r="FL35" s="60">
        <v>6</v>
      </c>
      <c r="FM35" s="61">
        <v>20</v>
      </c>
      <c r="FN35" s="62">
        <v>26</v>
      </c>
      <c r="FO35" s="231"/>
      <c r="FP35" s="61">
        <v>35</v>
      </c>
      <c r="FQ35" s="61">
        <v>30</v>
      </c>
      <c r="FR35" s="61">
        <v>38</v>
      </c>
      <c r="FS35" s="61">
        <v>39</v>
      </c>
      <c r="FT35" s="61">
        <v>14</v>
      </c>
      <c r="FU35" s="62">
        <v>156</v>
      </c>
      <c r="FV35" s="63">
        <v>182</v>
      </c>
      <c r="FW35" s="60">
        <v>0</v>
      </c>
      <c r="FX35" s="61">
        <v>2</v>
      </c>
      <c r="FY35" s="62">
        <v>2</v>
      </c>
      <c r="FZ35" s="231"/>
      <c r="GA35" s="61">
        <v>2</v>
      </c>
      <c r="GB35" s="61">
        <v>4</v>
      </c>
      <c r="GC35" s="61">
        <v>1</v>
      </c>
      <c r="GD35" s="61">
        <v>0</v>
      </c>
      <c r="GE35" s="61">
        <v>1</v>
      </c>
      <c r="GF35" s="62">
        <v>8</v>
      </c>
      <c r="GG35" s="63">
        <v>10</v>
      </c>
      <c r="GH35" s="60">
        <v>37</v>
      </c>
      <c r="GI35" s="61">
        <v>75</v>
      </c>
      <c r="GJ35" s="62">
        <v>112</v>
      </c>
      <c r="GK35" s="231"/>
      <c r="GL35" s="61">
        <v>127</v>
      </c>
      <c r="GM35" s="61">
        <v>91</v>
      </c>
      <c r="GN35" s="61">
        <v>87</v>
      </c>
      <c r="GO35" s="61">
        <v>75</v>
      </c>
      <c r="GP35" s="61">
        <v>41</v>
      </c>
      <c r="GQ35" s="62">
        <v>421</v>
      </c>
      <c r="GR35" s="63">
        <v>533</v>
      </c>
      <c r="GS35" s="113">
        <v>61</v>
      </c>
      <c r="GT35" s="72">
        <v>97</v>
      </c>
      <c r="GU35" s="73">
        <v>158</v>
      </c>
      <c r="GV35" s="228"/>
      <c r="GW35" s="72">
        <v>199</v>
      </c>
      <c r="GX35" s="72">
        <v>144</v>
      </c>
      <c r="GY35" s="72">
        <v>125</v>
      </c>
      <c r="GZ35" s="72">
        <v>109</v>
      </c>
      <c r="HA35" s="72">
        <v>65</v>
      </c>
      <c r="HB35" s="74">
        <v>642</v>
      </c>
      <c r="HC35" s="75">
        <v>800</v>
      </c>
      <c r="HD35" s="60">
        <v>5</v>
      </c>
      <c r="HE35" s="61">
        <v>1</v>
      </c>
      <c r="HF35" s="62">
        <v>6</v>
      </c>
      <c r="HG35" s="231"/>
      <c r="HH35" s="61">
        <v>10</v>
      </c>
      <c r="HI35" s="61">
        <v>7</v>
      </c>
      <c r="HJ35" s="61">
        <v>4</v>
      </c>
      <c r="HK35" s="61">
        <v>3</v>
      </c>
      <c r="HL35" s="61">
        <v>0</v>
      </c>
      <c r="HM35" s="62">
        <v>24</v>
      </c>
      <c r="HN35" s="63">
        <v>30</v>
      </c>
      <c r="HO35" s="60">
        <v>7</v>
      </c>
      <c r="HP35" s="61">
        <v>4</v>
      </c>
      <c r="HQ35" s="62">
        <v>11</v>
      </c>
      <c r="HR35" s="231"/>
      <c r="HS35" s="61">
        <v>11</v>
      </c>
      <c r="HT35" s="61">
        <v>11</v>
      </c>
      <c r="HU35" s="61">
        <v>5</v>
      </c>
      <c r="HV35" s="61">
        <v>11</v>
      </c>
      <c r="HW35" s="61">
        <v>7</v>
      </c>
      <c r="HX35" s="62">
        <v>45</v>
      </c>
      <c r="HY35" s="63">
        <v>56</v>
      </c>
      <c r="HZ35" s="60">
        <v>10</v>
      </c>
      <c r="IA35" s="61">
        <v>10</v>
      </c>
      <c r="IB35" s="62">
        <v>20</v>
      </c>
      <c r="IC35" s="231"/>
      <c r="ID35" s="61">
        <v>33</v>
      </c>
      <c r="IE35" s="61">
        <v>12</v>
      </c>
      <c r="IF35" s="61">
        <v>11</v>
      </c>
      <c r="IG35" s="61">
        <v>4</v>
      </c>
      <c r="IH35" s="61">
        <v>11</v>
      </c>
      <c r="II35" s="62">
        <v>71</v>
      </c>
      <c r="IJ35" s="63">
        <v>91</v>
      </c>
      <c r="IK35" s="60">
        <v>17</v>
      </c>
      <c r="IL35" s="61">
        <v>27</v>
      </c>
      <c r="IM35" s="62">
        <v>44</v>
      </c>
      <c r="IN35" s="231"/>
      <c r="IO35" s="61">
        <v>52</v>
      </c>
      <c r="IP35" s="61">
        <v>36</v>
      </c>
      <c r="IQ35" s="61">
        <v>31</v>
      </c>
      <c r="IR35" s="61">
        <v>17</v>
      </c>
      <c r="IS35" s="61">
        <v>12</v>
      </c>
      <c r="IT35" s="62">
        <v>148</v>
      </c>
      <c r="IU35" s="63">
        <v>192</v>
      </c>
      <c r="IV35" s="60">
        <v>14</v>
      </c>
      <c r="IW35" s="61">
        <v>28</v>
      </c>
      <c r="IX35" s="62">
        <v>42</v>
      </c>
      <c r="IY35" s="231"/>
      <c r="IZ35" s="61">
        <v>47</v>
      </c>
      <c r="JA35" s="61">
        <v>35</v>
      </c>
      <c r="JB35" s="61">
        <v>32</v>
      </c>
      <c r="JC35" s="61">
        <v>29</v>
      </c>
      <c r="JD35" s="61">
        <v>19</v>
      </c>
      <c r="JE35" s="62">
        <v>162</v>
      </c>
      <c r="JF35" s="63">
        <v>204</v>
      </c>
      <c r="JG35" s="60">
        <v>8</v>
      </c>
      <c r="JH35" s="61">
        <v>27</v>
      </c>
      <c r="JI35" s="62">
        <v>35</v>
      </c>
      <c r="JJ35" s="231"/>
      <c r="JK35" s="61">
        <v>46</v>
      </c>
      <c r="JL35" s="61">
        <v>43</v>
      </c>
      <c r="JM35" s="61">
        <v>42</v>
      </c>
      <c r="JN35" s="61">
        <v>45</v>
      </c>
      <c r="JO35" s="61">
        <v>16</v>
      </c>
      <c r="JP35" s="62">
        <v>192</v>
      </c>
      <c r="JQ35" s="63">
        <v>227</v>
      </c>
      <c r="JR35" s="60">
        <v>1</v>
      </c>
      <c r="JS35" s="61">
        <v>4</v>
      </c>
      <c r="JT35" s="62">
        <v>5</v>
      </c>
      <c r="JU35" s="231"/>
      <c r="JV35" s="61">
        <v>5</v>
      </c>
      <c r="JW35" s="61">
        <v>9</v>
      </c>
      <c r="JX35" s="61">
        <v>2</v>
      </c>
      <c r="JY35" s="61">
        <v>3</v>
      </c>
      <c r="JZ35" s="61">
        <v>5</v>
      </c>
      <c r="KA35" s="62">
        <v>24</v>
      </c>
      <c r="KB35" s="63">
        <v>29</v>
      </c>
      <c r="KC35" s="60">
        <v>62</v>
      </c>
      <c r="KD35" s="61">
        <v>101</v>
      </c>
      <c r="KE35" s="62">
        <v>163</v>
      </c>
      <c r="KF35" s="231"/>
      <c r="KG35" s="61">
        <v>204</v>
      </c>
      <c r="KH35" s="61">
        <v>153</v>
      </c>
      <c r="KI35" s="61">
        <v>127</v>
      </c>
      <c r="KJ35" s="61">
        <v>112</v>
      </c>
      <c r="KK35" s="61">
        <v>70</v>
      </c>
      <c r="KL35" s="62">
        <v>666</v>
      </c>
      <c r="KM35" s="63">
        <v>829</v>
      </c>
    </row>
    <row r="36" spans="2:299" ht="21" customHeight="1" x14ac:dyDescent="0.2">
      <c r="B36" s="472" t="s">
        <v>33</v>
      </c>
      <c r="C36" s="293">
        <v>34</v>
      </c>
      <c r="D36" s="72">
        <v>26</v>
      </c>
      <c r="E36" s="73">
        <v>60</v>
      </c>
      <c r="F36" s="228"/>
      <c r="G36" s="72">
        <v>55</v>
      </c>
      <c r="H36" s="72">
        <v>43</v>
      </c>
      <c r="I36" s="72">
        <v>47</v>
      </c>
      <c r="J36" s="72">
        <v>24</v>
      </c>
      <c r="K36" s="72">
        <v>17</v>
      </c>
      <c r="L36" s="74">
        <v>186</v>
      </c>
      <c r="M36" s="75">
        <v>246</v>
      </c>
      <c r="N36" s="60">
        <v>1</v>
      </c>
      <c r="O36" s="61">
        <v>0</v>
      </c>
      <c r="P36" s="62">
        <v>1</v>
      </c>
      <c r="Q36" s="231"/>
      <c r="R36" s="61">
        <v>2</v>
      </c>
      <c r="S36" s="61">
        <v>1</v>
      </c>
      <c r="T36" s="61">
        <v>5</v>
      </c>
      <c r="U36" s="61">
        <v>1</v>
      </c>
      <c r="V36" s="61">
        <v>0</v>
      </c>
      <c r="W36" s="62">
        <v>9</v>
      </c>
      <c r="X36" s="63">
        <v>10</v>
      </c>
      <c r="Y36" s="60">
        <v>4</v>
      </c>
      <c r="Z36" s="61">
        <v>6</v>
      </c>
      <c r="AA36" s="62">
        <v>10</v>
      </c>
      <c r="AB36" s="231"/>
      <c r="AC36" s="61">
        <v>7</v>
      </c>
      <c r="AD36" s="61">
        <v>7</v>
      </c>
      <c r="AE36" s="61">
        <v>6</v>
      </c>
      <c r="AF36" s="61">
        <v>6</v>
      </c>
      <c r="AG36" s="61">
        <v>4</v>
      </c>
      <c r="AH36" s="62">
        <v>30</v>
      </c>
      <c r="AI36" s="63">
        <v>40</v>
      </c>
      <c r="AJ36" s="60">
        <v>7</v>
      </c>
      <c r="AK36" s="61">
        <v>5</v>
      </c>
      <c r="AL36" s="62">
        <v>12</v>
      </c>
      <c r="AM36" s="231"/>
      <c r="AN36" s="61">
        <v>13</v>
      </c>
      <c r="AO36" s="61">
        <v>5</v>
      </c>
      <c r="AP36" s="61">
        <v>7</v>
      </c>
      <c r="AQ36" s="61">
        <v>2</v>
      </c>
      <c r="AR36" s="61">
        <v>6</v>
      </c>
      <c r="AS36" s="62">
        <v>33</v>
      </c>
      <c r="AT36" s="63">
        <v>45</v>
      </c>
      <c r="AU36" s="60">
        <v>12</v>
      </c>
      <c r="AV36" s="61">
        <v>7</v>
      </c>
      <c r="AW36" s="62">
        <v>19</v>
      </c>
      <c r="AX36" s="231"/>
      <c r="AY36" s="61">
        <v>10</v>
      </c>
      <c r="AZ36" s="61">
        <v>12</v>
      </c>
      <c r="BA36" s="61">
        <v>11</v>
      </c>
      <c r="BB36" s="61">
        <v>8</v>
      </c>
      <c r="BC36" s="61">
        <v>4</v>
      </c>
      <c r="BD36" s="62">
        <v>45</v>
      </c>
      <c r="BE36" s="63">
        <v>64</v>
      </c>
      <c r="BF36" s="60">
        <v>4</v>
      </c>
      <c r="BG36" s="61">
        <v>5</v>
      </c>
      <c r="BH36" s="62">
        <v>9</v>
      </c>
      <c r="BI36" s="231"/>
      <c r="BJ36" s="61">
        <v>11</v>
      </c>
      <c r="BK36" s="61">
        <v>8</v>
      </c>
      <c r="BL36" s="61">
        <v>13</v>
      </c>
      <c r="BM36" s="61">
        <v>5</v>
      </c>
      <c r="BN36" s="61">
        <v>2</v>
      </c>
      <c r="BO36" s="62">
        <v>39</v>
      </c>
      <c r="BP36" s="63">
        <v>48</v>
      </c>
      <c r="BQ36" s="60">
        <v>6</v>
      </c>
      <c r="BR36" s="61">
        <v>3</v>
      </c>
      <c r="BS36" s="62">
        <v>9</v>
      </c>
      <c r="BT36" s="231"/>
      <c r="BU36" s="61">
        <v>12</v>
      </c>
      <c r="BV36" s="61">
        <v>10</v>
      </c>
      <c r="BW36" s="61">
        <v>5</v>
      </c>
      <c r="BX36" s="61">
        <v>2</v>
      </c>
      <c r="BY36" s="61">
        <v>1</v>
      </c>
      <c r="BZ36" s="62">
        <v>30</v>
      </c>
      <c r="CA36" s="63">
        <v>39</v>
      </c>
      <c r="CB36" s="60">
        <v>1</v>
      </c>
      <c r="CC36" s="61">
        <v>0</v>
      </c>
      <c r="CD36" s="62">
        <v>1</v>
      </c>
      <c r="CE36" s="231"/>
      <c r="CF36" s="61">
        <v>1</v>
      </c>
      <c r="CG36" s="61">
        <v>1</v>
      </c>
      <c r="CH36" s="61">
        <v>0</v>
      </c>
      <c r="CI36" s="61">
        <v>0</v>
      </c>
      <c r="CJ36" s="61">
        <v>0</v>
      </c>
      <c r="CK36" s="62">
        <v>2</v>
      </c>
      <c r="CL36" s="63">
        <v>3</v>
      </c>
      <c r="CM36" s="60">
        <v>35</v>
      </c>
      <c r="CN36" s="61">
        <v>26</v>
      </c>
      <c r="CO36" s="62">
        <v>61</v>
      </c>
      <c r="CP36" s="231"/>
      <c r="CQ36" s="61">
        <v>56</v>
      </c>
      <c r="CR36" s="61">
        <v>44</v>
      </c>
      <c r="CS36" s="61">
        <v>47</v>
      </c>
      <c r="CT36" s="61">
        <v>24</v>
      </c>
      <c r="CU36" s="61">
        <v>17</v>
      </c>
      <c r="CV36" s="62">
        <v>188</v>
      </c>
      <c r="CW36" s="63">
        <v>249</v>
      </c>
      <c r="CX36" s="113">
        <v>46</v>
      </c>
      <c r="CY36" s="72">
        <v>75</v>
      </c>
      <c r="CZ36" s="73">
        <v>121</v>
      </c>
      <c r="DA36" s="228"/>
      <c r="DB36" s="72">
        <v>119</v>
      </c>
      <c r="DC36" s="72">
        <v>85</v>
      </c>
      <c r="DD36" s="72">
        <v>76</v>
      </c>
      <c r="DE36" s="72">
        <v>71</v>
      </c>
      <c r="DF36" s="72">
        <v>58</v>
      </c>
      <c r="DG36" s="74">
        <v>409</v>
      </c>
      <c r="DH36" s="75">
        <v>530</v>
      </c>
      <c r="DI36" s="60">
        <v>1</v>
      </c>
      <c r="DJ36" s="61">
        <v>2</v>
      </c>
      <c r="DK36" s="62">
        <v>3</v>
      </c>
      <c r="DL36" s="231"/>
      <c r="DM36" s="61">
        <v>2</v>
      </c>
      <c r="DN36" s="61">
        <v>1</v>
      </c>
      <c r="DO36" s="61">
        <v>0</v>
      </c>
      <c r="DP36" s="61">
        <v>3</v>
      </c>
      <c r="DQ36" s="61">
        <v>2</v>
      </c>
      <c r="DR36" s="62">
        <v>8</v>
      </c>
      <c r="DS36" s="63">
        <v>11</v>
      </c>
      <c r="DT36" s="60">
        <v>5</v>
      </c>
      <c r="DU36" s="61">
        <v>6</v>
      </c>
      <c r="DV36" s="62">
        <v>11</v>
      </c>
      <c r="DW36" s="231"/>
      <c r="DX36" s="61">
        <v>4</v>
      </c>
      <c r="DY36" s="61">
        <v>5</v>
      </c>
      <c r="DZ36" s="61">
        <v>4</v>
      </c>
      <c r="EA36" s="61">
        <v>2</v>
      </c>
      <c r="EB36" s="61">
        <v>3</v>
      </c>
      <c r="EC36" s="62">
        <v>18</v>
      </c>
      <c r="ED36" s="63">
        <v>29</v>
      </c>
      <c r="EE36" s="60">
        <v>3</v>
      </c>
      <c r="EF36" s="61">
        <v>11</v>
      </c>
      <c r="EG36" s="62">
        <v>14</v>
      </c>
      <c r="EH36" s="231"/>
      <c r="EI36" s="61">
        <v>13</v>
      </c>
      <c r="EJ36" s="61">
        <v>7</v>
      </c>
      <c r="EK36" s="61">
        <v>7</v>
      </c>
      <c r="EL36" s="61">
        <v>5</v>
      </c>
      <c r="EM36" s="61">
        <v>10</v>
      </c>
      <c r="EN36" s="62">
        <v>42</v>
      </c>
      <c r="EO36" s="63">
        <v>56</v>
      </c>
      <c r="EP36" s="60">
        <v>9</v>
      </c>
      <c r="EQ36" s="61">
        <v>13</v>
      </c>
      <c r="ER36" s="62">
        <v>22</v>
      </c>
      <c r="ES36" s="231"/>
      <c r="ET36" s="61">
        <v>29</v>
      </c>
      <c r="EU36" s="61">
        <v>15</v>
      </c>
      <c r="EV36" s="61">
        <v>12</v>
      </c>
      <c r="EW36" s="61">
        <v>12</v>
      </c>
      <c r="EX36" s="61">
        <v>8</v>
      </c>
      <c r="EY36" s="62">
        <v>76</v>
      </c>
      <c r="EZ36" s="63">
        <v>98</v>
      </c>
      <c r="FA36" s="60">
        <v>20</v>
      </c>
      <c r="FB36" s="61">
        <v>21</v>
      </c>
      <c r="FC36" s="62">
        <v>41</v>
      </c>
      <c r="FD36" s="231"/>
      <c r="FE36" s="61">
        <v>36</v>
      </c>
      <c r="FF36" s="61">
        <v>18</v>
      </c>
      <c r="FG36" s="61">
        <v>21</v>
      </c>
      <c r="FH36" s="61">
        <v>18</v>
      </c>
      <c r="FI36" s="61">
        <v>13</v>
      </c>
      <c r="FJ36" s="62">
        <v>106</v>
      </c>
      <c r="FK36" s="63">
        <v>147</v>
      </c>
      <c r="FL36" s="60">
        <v>8</v>
      </c>
      <c r="FM36" s="61">
        <v>22</v>
      </c>
      <c r="FN36" s="62">
        <v>30</v>
      </c>
      <c r="FO36" s="231"/>
      <c r="FP36" s="61">
        <v>35</v>
      </c>
      <c r="FQ36" s="61">
        <v>39</v>
      </c>
      <c r="FR36" s="61">
        <v>32</v>
      </c>
      <c r="FS36" s="61">
        <v>31</v>
      </c>
      <c r="FT36" s="61">
        <v>22</v>
      </c>
      <c r="FU36" s="62">
        <v>159</v>
      </c>
      <c r="FV36" s="63">
        <v>189</v>
      </c>
      <c r="FW36" s="60">
        <v>0</v>
      </c>
      <c r="FX36" s="61">
        <v>0</v>
      </c>
      <c r="FY36" s="62">
        <v>0</v>
      </c>
      <c r="FZ36" s="231"/>
      <c r="GA36" s="61">
        <v>1</v>
      </c>
      <c r="GB36" s="61">
        <v>0</v>
      </c>
      <c r="GC36" s="61">
        <v>0</v>
      </c>
      <c r="GD36" s="61">
        <v>0</v>
      </c>
      <c r="GE36" s="61">
        <v>1</v>
      </c>
      <c r="GF36" s="62">
        <v>2</v>
      </c>
      <c r="GG36" s="63">
        <v>2</v>
      </c>
      <c r="GH36" s="60">
        <v>46</v>
      </c>
      <c r="GI36" s="61">
        <v>75</v>
      </c>
      <c r="GJ36" s="62">
        <v>121</v>
      </c>
      <c r="GK36" s="231"/>
      <c r="GL36" s="61">
        <v>120</v>
      </c>
      <c r="GM36" s="61">
        <v>85</v>
      </c>
      <c r="GN36" s="61">
        <v>76</v>
      </c>
      <c r="GO36" s="61">
        <v>71</v>
      </c>
      <c r="GP36" s="61">
        <v>59</v>
      </c>
      <c r="GQ36" s="62">
        <v>411</v>
      </c>
      <c r="GR36" s="63">
        <v>532</v>
      </c>
      <c r="GS36" s="113">
        <v>80</v>
      </c>
      <c r="GT36" s="72">
        <v>101</v>
      </c>
      <c r="GU36" s="73">
        <v>181</v>
      </c>
      <c r="GV36" s="228"/>
      <c r="GW36" s="72">
        <v>174</v>
      </c>
      <c r="GX36" s="72">
        <v>128</v>
      </c>
      <c r="GY36" s="72">
        <v>123</v>
      </c>
      <c r="GZ36" s="72">
        <v>95</v>
      </c>
      <c r="HA36" s="72">
        <v>75</v>
      </c>
      <c r="HB36" s="74">
        <v>595</v>
      </c>
      <c r="HC36" s="75">
        <v>776</v>
      </c>
      <c r="HD36" s="60">
        <v>2</v>
      </c>
      <c r="HE36" s="61">
        <v>2</v>
      </c>
      <c r="HF36" s="62">
        <v>4</v>
      </c>
      <c r="HG36" s="231"/>
      <c r="HH36" s="61">
        <v>4</v>
      </c>
      <c r="HI36" s="61">
        <v>2</v>
      </c>
      <c r="HJ36" s="61">
        <v>5</v>
      </c>
      <c r="HK36" s="61">
        <v>4</v>
      </c>
      <c r="HL36" s="61">
        <v>2</v>
      </c>
      <c r="HM36" s="62">
        <v>17</v>
      </c>
      <c r="HN36" s="63">
        <v>21</v>
      </c>
      <c r="HO36" s="60">
        <v>9</v>
      </c>
      <c r="HP36" s="61">
        <v>12</v>
      </c>
      <c r="HQ36" s="62">
        <v>21</v>
      </c>
      <c r="HR36" s="231"/>
      <c r="HS36" s="61">
        <v>11</v>
      </c>
      <c r="HT36" s="61">
        <v>12</v>
      </c>
      <c r="HU36" s="61">
        <v>10</v>
      </c>
      <c r="HV36" s="61">
        <v>8</v>
      </c>
      <c r="HW36" s="61">
        <v>7</v>
      </c>
      <c r="HX36" s="62">
        <v>48</v>
      </c>
      <c r="HY36" s="63">
        <v>69</v>
      </c>
      <c r="HZ36" s="60">
        <v>10</v>
      </c>
      <c r="IA36" s="61">
        <v>16</v>
      </c>
      <c r="IB36" s="62">
        <v>26</v>
      </c>
      <c r="IC36" s="231"/>
      <c r="ID36" s="61">
        <v>26</v>
      </c>
      <c r="IE36" s="61">
        <v>12</v>
      </c>
      <c r="IF36" s="61">
        <v>14</v>
      </c>
      <c r="IG36" s="61">
        <v>7</v>
      </c>
      <c r="IH36" s="61">
        <v>16</v>
      </c>
      <c r="II36" s="62">
        <v>75</v>
      </c>
      <c r="IJ36" s="63">
        <v>101</v>
      </c>
      <c r="IK36" s="60">
        <v>21</v>
      </c>
      <c r="IL36" s="61">
        <v>20</v>
      </c>
      <c r="IM36" s="62">
        <v>41</v>
      </c>
      <c r="IN36" s="231"/>
      <c r="IO36" s="61">
        <v>39</v>
      </c>
      <c r="IP36" s="61">
        <v>27</v>
      </c>
      <c r="IQ36" s="61">
        <v>23</v>
      </c>
      <c r="IR36" s="61">
        <v>20</v>
      </c>
      <c r="IS36" s="61">
        <v>12</v>
      </c>
      <c r="IT36" s="62">
        <v>121</v>
      </c>
      <c r="IU36" s="63">
        <v>162</v>
      </c>
      <c r="IV36" s="60">
        <v>24</v>
      </c>
      <c r="IW36" s="61">
        <v>26</v>
      </c>
      <c r="IX36" s="62">
        <v>50</v>
      </c>
      <c r="IY36" s="231"/>
      <c r="IZ36" s="61">
        <v>47</v>
      </c>
      <c r="JA36" s="61">
        <v>26</v>
      </c>
      <c r="JB36" s="61">
        <v>34</v>
      </c>
      <c r="JC36" s="61">
        <v>23</v>
      </c>
      <c r="JD36" s="61">
        <v>15</v>
      </c>
      <c r="JE36" s="62">
        <v>145</v>
      </c>
      <c r="JF36" s="63">
        <v>195</v>
      </c>
      <c r="JG36" s="60">
        <v>14</v>
      </c>
      <c r="JH36" s="61">
        <v>25</v>
      </c>
      <c r="JI36" s="62">
        <v>39</v>
      </c>
      <c r="JJ36" s="231"/>
      <c r="JK36" s="61">
        <v>47</v>
      </c>
      <c r="JL36" s="61">
        <v>49</v>
      </c>
      <c r="JM36" s="61">
        <v>37</v>
      </c>
      <c r="JN36" s="61">
        <v>33</v>
      </c>
      <c r="JO36" s="61">
        <v>23</v>
      </c>
      <c r="JP36" s="62">
        <v>189</v>
      </c>
      <c r="JQ36" s="63">
        <v>228</v>
      </c>
      <c r="JR36" s="60">
        <v>1</v>
      </c>
      <c r="JS36" s="61">
        <v>0</v>
      </c>
      <c r="JT36" s="62">
        <v>1</v>
      </c>
      <c r="JU36" s="231"/>
      <c r="JV36" s="61">
        <v>2</v>
      </c>
      <c r="JW36" s="61">
        <v>1</v>
      </c>
      <c r="JX36" s="61">
        <v>0</v>
      </c>
      <c r="JY36" s="61">
        <v>0</v>
      </c>
      <c r="JZ36" s="61">
        <v>1</v>
      </c>
      <c r="KA36" s="62">
        <v>4</v>
      </c>
      <c r="KB36" s="63">
        <v>5</v>
      </c>
      <c r="KC36" s="60">
        <v>81</v>
      </c>
      <c r="KD36" s="61">
        <v>101</v>
      </c>
      <c r="KE36" s="62">
        <v>182</v>
      </c>
      <c r="KF36" s="231"/>
      <c r="KG36" s="61">
        <v>176</v>
      </c>
      <c r="KH36" s="61">
        <v>129</v>
      </c>
      <c r="KI36" s="61">
        <v>123</v>
      </c>
      <c r="KJ36" s="61">
        <v>95</v>
      </c>
      <c r="KK36" s="61">
        <v>76</v>
      </c>
      <c r="KL36" s="62">
        <v>599</v>
      </c>
      <c r="KM36" s="63">
        <v>781</v>
      </c>
    </row>
    <row r="37" spans="2:299" ht="21" customHeight="1" x14ac:dyDescent="0.2">
      <c r="B37" s="472" t="s">
        <v>34</v>
      </c>
      <c r="C37" s="293">
        <v>15</v>
      </c>
      <c r="D37" s="72">
        <v>16</v>
      </c>
      <c r="E37" s="73">
        <v>31</v>
      </c>
      <c r="F37" s="228"/>
      <c r="G37" s="72">
        <v>40</v>
      </c>
      <c r="H37" s="72">
        <v>39</v>
      </c>
      <c r="I37" s="72">
        <v>16</v>
      </c>
      <c r="J37" s="72">
        <v>23</v>
      </c>
      <c r="K37" s="72">
        <v>9</v>
      </c>
      <c r="L37" s="74">
        <v>127</v>
      </c>
      <c r="M37" s="75">
        <v>158</v>
      </c>
      <c r="N37" s="60">
        <v>0</v>
      </c>
      <c r="O37" s="61">
        <v>2</v>
      </c>
      <c r="P37" s="62">
        <v>2</v>
      </c>
      <c r="Q37" s="231"/>
      <c r="R37" s="61">
        <v>2</v>
      </c>
      <c r="S37" s="61">
        <v>3</v>
      </c>
      <c r="T37" s="61">
        <v>2</v>
      </c>
      <c r="U37" s="61">
        <v>1</v>
      </c>
      <c r="V37" s="61">
        <v>0</v>
      </c>
      <c r="W37" s="62">
        <v>8</v>
      </c>
      <c r="X37" s="63">
        <v>10</v>
      </c>
      <c r="Y37" s="60">
        <v>2</v>
      </c>
      <c r="Z37" s="61">
        <v>2</v>
      </c>
      <c r="AA37" s="62">
        <v>4</v>
      </c>
      <c r="AB37" s="231"/>
      <c r="AC37" s="61">
        <v>1</v>
      </c>
      <c r="AD37" s="61">
        <v>1</v>
      </c>
      <c r="AE37" s="61">
        <v>2</v>
      </c>
      <c r="AF37" s="61">
        <v>0</v>
      </c>
      <c r="AG37" s="61">
        <v>0</v>
      </c>
      <c r="AH37" s="62">
        <v>4</v>
      </c>
      <c r="AI37" s="63">
        <v>8</v>
      </c>
      <c r="AJ37" s="60">
        <v>0</v>
      </c>
      <c r="AK37" s="61">
        <v>2</v>
      </c>
      <c r="AL37" s="62">
        <v>2</v>
      </c>
      <c r="AM37" s="231"/>
      <c r="AN37" s="61">
        <v>3</v>
      </c>
      <c r="AO37" s="61">
        <v>6</v>
      </c>
      <c r="AP37" s="61">
        <v>1</v>
      </c>
      <c r="AQ37" s="61">
        <v>9</v>
      </c>
      <c r="AR37" s="61">
        <v>2</v>
      </c>
      <c r="AS37" s="62">
        <v>21</v>
      </c>
      <c r="AT37" s="63">
        <v>23</v>
      </c>
      <c r="AU37" s="60">
        <v>8</v>
      </c>
      <c r="AV37" s="61">
        <v>3</v>
      </c>
      <c r="AW37" s="62">
        <v>11</v>
      </c>
      <c r="AX37" s="231"/>
      <c r="AY37" s="61">
        <v>12</v>
      </c>
      <c r="AZ37" s="61">
        <v>11</v>
      </c>
      <c r="BA37" s="61">
        <v>0</v>
      </c>
      <c r="BB37" s="61">
        <v>5</v>
      </c>
      <c r="BC37" s="61">
        <v>2</v>
      </c>
      <c r="BD37" s="62">
        <v>30</v>
      </c>
      <c r="BE37" s="63">
        <v>41</v>
      </c>
      <c r="BF37" s="60">
        <v>3</v>
      </c>
      <c r="BG37" s="61">
        <v>5</v>
      </c>
      <c r="BH37" s="62">
        <v>8</v>
      </c>
      <c r="BI37" s="231"/>
      <c r="BJ37" s="61">
        <v>14</v>
      </c>
      <c r="BK37" s="61">
        <v>9</v>
      </c>
      <c r="BL37" s="61">
        <v>7</v>
      </c>
      <c r="BM37" s="61">
        <v>4</v>
      </c>
      <c r="BN37" s="61">
        <v>3</v>
      </c>
      <c r="BO37" s="62">
        <v>37</v>
      </c>
      <c r="BP37" s="63">
        <v>45</v>
      </c>
      <c r="BQ37" s="60">
        <v>2</v>
      </c>
      <c r="BR37" s="61">
        <v>2</v>
      </c>
      <c r="BS37" s="62">
        <v>4</v>
      </c>
      <c r="BT37" s="231"/>
      <c r="BU37" s="61">
        <v>8</v>
      </c>
      <c r="BV37" s="61">
        <v>9</v>
      </c>
      <c r="BW37" s="61">
        <v>4</v>
      </c>
      <c r="BX37" s="61">
        <v>4</v>
      </c>
      <c r="BY37" s="61">
        <v>2</v>
      </c>
      <c r="BZ37" s="62">
        <v>27</v>
      </c>
      <c r="CA37" s="63">
        <v>31</v>
      </c>
      <c r="CB37" s="60">
        <v>0</v>
      </c>
      <c r="CC37" s="61">
        <v>0</v>
      </c>
      <c r="CD37" s="62">
        <v>0</v>
      </c>
      <c r="CE37" s="231"/>
      <c r="CF37" s="61">
        <v>3</v>
      </c>
      <c r="CG37" s="61">
        <v>2</v>
      </c>
      <c r="CH37" s="61">
        <v>0</v>
      </c>
      <c r="CI37" s="61">
        <v>1</v>
      </c>
      <c r="CJ37" s="61">
        <v>1</v>
      </c>
      <c r="CK37" s="62">
        <v>7</v>
      </c>
      <c r="CL37" s="63">
        <v>7</v>
      </c>
      <c r="CM37" s="60">
        <v>15</v>
      </c>
      <c r="CN37" s="61">
        <v>16</v>
      </c>
      <c r="CO37" s="62">
        <v>31</v>
      </c>
      <c r="CP37" s="231"/>
      <c r="CQ37" s="61">
        <v>43</v>
      </c>
      <c r="CR37" s="61">
        <v>41</v>
      </c>
      <c r="CS37" s="61">
        <v>16</v>
      </c>
      <c r="CT37" s="61">
        <v>24</v>
      </c>
      <c r="CU37" s="61">
        <v>10</v>
      </c>
      <c r="CV37" s="62">
        <v>134</v>
      </c>
      <c r="CW37" s="63">
        <v>165</v>
      </c>
      <c r="CX37" s="113">
        <v>43</v>
      </c>
      <c r="CY37" s="72">
        <v>37</v>
      </c>
      <c r="CZ37" s="73">
        <v>80</v>
      </c>
      <c r="DA37" s="228"/>
      <c r="DB37" s="72">
        <v>93</v>
      </c>
      <c r="DC37" s="72">
        <v>50</v>
      </c>
      <c r="DD37" s="72">
        <v>46</v>
      </c>
      <c r="DE37" s="72">
        <v>49</v>
      </c>
      <c r="DF37" s="72">
        <v>24</v>
      </c>
      <c r="DG37" s="74">
        <v>262</v>
      </c>
      <c r="DH37" s="75">
        <v>342</v>
      </c>
      <c r="DI37" s="60">
        <v>0</v>
      </c>
      <c r="DJ37" s="61">
        <v>1</v>
      </c>
      <c r="DK37" s="62">
        <v>1</v>
      </c>
      <c r="DL37" s="231"/>
      <c r="DM37" s="61">
        <v>1</v>
      </c>
      <c r="DN37" s="61">
        <v>0</v>
      </c>
      <c r="DO37" s="61">
        <v>2</v>
      </c>
      <c r="DP37" s="61">
        <v>0</v>
      </c>
      <c r="DQ37" s="61">
        <v>1</v>
      </c>
      <c r="DR37" s="62">
        <v>4</v>
      </c>
      <c r="DS37" s="63">
        <v>5</v>
      </c>
      <c r="DT37" s="60">
        <v>3</v>
      </c>
      <c r="DU37" s="61">
        <v>0</v>
      </c>
      <c r="DV37" s="62">
        <v>3</v>
      </c>
      <c r="DW37" s="231"/>
      <c r="DX37" s="61">
        <v>5</v>
      </c>
      <c r="DY37" s="61">
        <v>2</v>
      </c>
      <c r="DZ37" s="61">
        <v>2</v>
      </c>
      <c r="EA37" s="61">
        <v>2</v>
      </c>
      <c r="EB37" s="61">
        <v>3</v>
      </c>
      <c r="EC37" s="62">
        <v>14</v>
      </c>
      <c r="ED37" s="63">
        <v>17</v>
      </c>
      <c r="EE37" s="60">
        <v>6</v>
      </c>
      <c r="EF37" s="61">
        <v>3</v>
      </c>
      <c r="EG37" s="62">
        <v>9</v>
      </c>
      <c r="EH37" s="231"/>
      <c r="EI37" s="61">
        <v>6</v>
      </c>
      <c r="EJ37" s="61">
        <v>4</v>
      </c>
      <c r="EK37" s="61">
        <v>6</v>
      </c>
      <c r="EL37" s="61">
        <v>3</v>
      </c>
      <c r="EM37" s="61">
        <v>0</v>
      </c>
      <c r="EN37" s="62">
        <v>19</v>
      </c>
      <c r="EO37" s="63">
        <v>28</v>
      </c>
      <c r="EP37" s="60">
        <v>8</v>
      </c>
      <c r="EQ37" s="61">
        <v>7</v>
      </c>
      <c r="ER37" s="62">
        <v>15</v>
      </c>
      <c r="ES37" s="231"/>
      <c r="ET37" s="61">
        <v>20</v>
      </c>
      <c r="EU37" s="61">
        <v>8</v>
      </c>
      <c r="EV37" s="61">
        <v>10</v>
      </c>
      <c r="EW37" s="61">
        <v>5</v>
      </c>
      <c r="EX37" s="61">
        <v>5</v>
      </c>
      <c r="EY37" s="62">
        <v>48</v>
      </c>
      <c r="EZ37" s="63">
        <v>63</v>
      </c>
      <c r="FA37" s="60">
        <v>17</v>
      </c>
      <c r="FB37" s="61">
        <v>20</v>
      </c>
      <c r="FC37" s="62">
        <v>37</v>
      </c>
      <c r="FD37" s="231"/>
      <c r="FE37" s="61">
        <v>30</v>
      </c>
      <c r="FF37" s="61">
        <v>14</v>
      </c>
      <c r="FG37" s="61">
        <v>11</v>
      </c>
      <c r="FH37" s="61">
        <v>15</v>
      </c>
      <c r="FI37" s="61">
        <v>2</v>
      </c>
      <c r="FJ37" s="62">
        <v>72</v>
      </c>
      <c r="FK37" s="63">
        <v>109</v>
      </c>
      <c r="FL37" s="60">
        <v>9</v>
      </c>
      <c r="FM37" s="61">
        <v>6</v>
      </c>
      <c r="FN37" s="62">
        <v>15</v>
      </c>
      <c r="FO37" s="231"/>
      <c r="FP37" s="61">
        <v>31</v>
      </c>
      <c r="FQ37" s="61">
        <v>22</v>
      </c>
      <c r="FR37" s="61">
        <v>15</v>
      </c>
      <c r="FS37" s="61">
        <v>24</v>
      </c>
      <c r="FT37" s="61">
        <v>13</v>
      </c>
      <c r="FU37" s="62">
        <v>105</v>
      </c>
      <c r="FV37" s="63">
        <v>120</v>
      </c>
      <c r="FW37" s="60">
        <v>0</v>
      </c>
      <c r="FX37" s="61">
        <v>0</v>
      </c>
      <c r="FY37" s="62">
        <v>0</v>
      </c>
      <c r="FZ37" s="231"/>
      <c r="GA37" s="61">
        <v>1</v>
      </c>
      <c r="GB37" s="61">
        <v>1</v>
      </c>
      <c r="GC37" s="61">
        <v>1</v>
      </c>
      <c r="GD37" s="61">
        <v>0</v>
      </c>
      <c r="GE37" s="61">
        <v>1</v>
      </c>
      <c r="GF37" s="62">
        <v>4</v>
      </c>
      <c r="GG37" s="63">
        <v>4</v>
      </c>
      <c r="GH37" s="60">
        <v>43</v>
      </c>
      <c r="GI37" s="61">
        <v>37</v>
      </c>
      <c r="GJ37" s="62">
        <v>80</v>
      </c>
      <c r="GK37" s="231"/>
      <c r="GL37" s="61">
        <v>94</v>
      </c>
      <c r="GM37" s="61">
        <v>51</v>
      </c>
      <c r="GN37" s="61">
        <v>47</v>
      </c>
      <c r="GO37" s="61">
        <v>49</v>
      </c>
      <c r="GP37" s="61">
        <v>25</v>
      </c>
      <c r="GQ37" s="62">
        <v>266</v>
      </c>
      <c r="GR37" s="63">
        <v>346</v>
      </c>
      <c r="GS37" s="113">
        <v>58</v>
      </c>
      <c r="GT37" s="72">
        <v>53</v>
      </c>
      <c r="GU37" s="73">
        <v>111</v>
      </c>
      <c r="GV37" s="228"/>
      <c r="GW37" s="72">
        <v>133</v>
      </c>
      <c r="GX37" s="72">
        <v>89</v>
      </c>
      <c r="GY37" s="72">
        <v>62</v>
      </c>
      <c r="GZ37" s="72">
        <v>72</v>
      </c>
      <c r="HA37" s="72">
        <v>33</v>
      </c>
      <c r="HB37" s="74">
        <v>389</v>
      </c>
      <c r="HC37" s="75">
        <v>500</v>
      </c>
      <c r="HD37" s="60">
        <v>0</v>
      </c>
      <c r="HE37" s="61">
        <v>3</v>
      </c>
      <c r="HF37" s="62">
        <v>3</v>
      </c>
      <c r="HG37" s="231"/>
      <c r="HH37" s="61">
        <v>3</v>
      </c>
      <c r="HI37" s="61">
        <v>3</v>
      </c>
      <c r="HJ37" s="61">
        <v>4</v>
      </c>
      <c r="HK37" s="61">
        <v>1</v>
      </c>
      <c r="HL37" s="61">
        <v>1</v>
      </c>
      <c r="HM37" s="62">
        <v>12</v>
      </c>
      <c r="HN37" s="63">
        <v>15</v>
      </c>
      <c r="HO37" s="60">
        <v>5</v>
      </c>
      <c r="HP37" s="61">
        <v>2</v>
      </c>
      <c r="HQ37" s="62">
        <v>7</v>
      </c>
      <c r="HR37" s="231"/>
      <c r="HS37" s="61">
        <v>6</v>
      </c>
      <c r="HT37" s="61">
        <v>3</v>
      </c>
      <c r="HU37" s="61">
        <v>4</v>
      </c>
      <c r="HV37" s="61">
        <v>2</v>
      </c>
      <c r="HW37" s="61">
        <v>3</v>
      </c>
      <c r="HX37" s="62">
        <v>18</v>
      </c>
      <c r="HY37" s="63">
        <v>25</v>
      </c>
      <c r="HZ37" s="60">
        <v>6</v>
      </c>
      <c r="IA37" s="61">
        <v>5</v>
      </c>
      <c r="IB37" s="62">
        <v>11</v>
      </c>
      <c r="IC37" s="231"/>
      <c r="ID37" s="61">
        <v>9</v>
      </c>
      <c r="IE37" s="61">
        <v>10</v>
      </c>
      <c r="IF37" s="61">
        <v>7</v>
      </c>
      <c r="IG37" s="61">
        <v>12</v>
      </c>
      <c r="IH37" s="61">
        <v>2</v>
      </c>
      <c r="II37" s="62">
        <v>40</v>
      </c>
      <c r="IJ37" s="63">
        <v>51</v>
      </c>
      <c r="IK37" s="60">
        <v>16</v>
      </c>
      <c r="IL37" s="61">
        <v>10</v>
      </c>
      <c r="IM37" s="62">
        <v>26</v>
      </c>
      <c r="IN37" s="231"/>
      <c r="IO37" s="61">
        <v>32</v>
      </c>
      <c r="IP37" s="61">
        <v>19</v>
      </c>
      <c r="IQ37" s="61">
        <v>10</v>
      </c>
      <c r="IR37" s="61">
        <v>10</v>
      </c>
      <c r="IS37" s="61">
        <v>7</v>
      </c>
      <c r="IT37" s="62">
        <v>78</v>
      </c>
      <c r="IU37" s="63">
        <v>104</v>
      </c>
      <c r="IV37" s="60">
        <v>20</v>
      </c>
      <c r="IW37" s="61">
        <v>25</v>
      </c>
      <c r="IX37" s="62">
        <v>45</v>
      </c>
      <c r="IY37" s="231"/>
      <c r="IZ37" s="61">
        <v>44</v>
      </c>
      <c r="JA37" s="61">
        <v>23</v>
      </c>
      <c r="JB37" s="61">
        <v>18</v>
      </c>
      <c r="JC37" s="61">
        <v>19</v>
      </c>
      <c r="JD37" s="61">
        <v>5</v>
      </c>
      <c r="JE37" s="62">
        <v>109</v>
      </c>
      <c r="JF37" s="63">
        <v>154</v>
      </c>
      <c r="JG37" s="60">
        <v>11</v>
      </c>
      <c r="JH37" s="61">
        <v>8</v>
      </c>
      <c r="JI37" s="62">
        <v>19</v>
      </c>
      <c r="JJ37" s="231"/>
      <c r="JK37" s="61">
        <v>39</v>
      </c>
      <c r="JL37" s="61">
        <v>31</v>
      </c>
      <c r="JM37" s="61">
        <v>19</v>
      </c>
      <c r="JN37" s="61">
        <v>28</v>
      </c>
      <c r="JO37" s="61">
        <v>15</v>
      </c>
      <c r="JP37" s="62">
        <v>132</v>
      </c>
      <c r="JQ37" s="63">
        <v>151</v>
      </c>
      <c r="JR37" s="60">
        <v>0</v>
      </c>
      <c r="JS37" s="61">
        <v>0</v>
      </c>
      <c r="JT37" s="62">
        <v>0</v>
      </c>
      <c r="JU37" s="231"/>
      <c r="JV37" s="61">
        <v>4</v>
      </c>
      <c r="JW37" s="61">
        <v>3</v>
      </c>
      <c r="JX37" s="61">
        <v>1</v>
      </c>
      <c r="JY37" s="61">
        <v>1</v>
      </c>
      <c r="JZ37" s="61">
        <v>2</v>
      </c>
      <c r="KA37" s="62">
        <v>11</v>
      </c>
      <c r="KB37" s="63">
        <v>11</v>
      </c>
      <c r="KC37" s="60">
        <v>58</v>
      </c>
      <c r="KD37" s="61">
        <v>53</v>
      </c>
      <c r="KE37" s="62">
        <v>111</v>
      </c>
      <c r="KF37" s="231"/>
      <c r="KG37" s="61">
        <v>137</v>
      </c>
      <c r="KH37" s="61">
        <v>92</v>
      </c>
      <c r="KI37" s="61">
        <v>63</v>
      </c>
      <c r="KJ37" s="61">
        <v>73</v>
      </c>
      <c r="KK37" s="61">
        <v>35</v>
      </c>
      <c r="KL37" s="62">
        <v>400</v>
      </c>
      <c r="KM37" s="63">
        <v>511</v>
      </c>
    </row>
    <row r="38" spans="2:299" ht="21" customHeight="1" x14ac:dyDescent="0.2">
      <c r="B38" s="472" t="s">
        <v>35</v>
      </c>
      <c r="C38" s="293">
        <v>58</v>
      </c>
      <c r="D38" s="72">
        <v>56</v>
      </c>
      <c r="E38" s="73">
        <v>114</v>
      </c>
      <c r="F38" s="228"/>
      <c r="G38" s="72">
        <v>165</v>
      </c>
      <c r="H38" s="72">
        <v>78</v>
      </c>
      <c r="I38" s="72">
        <v>69</v>
      </c>
      <c r="J38" s="72">
        <v>48</v>
      </c>
      <c r="K38" s="72">
        <v>29</v>
      </c>
      <c r="L38" s="74">
        <v>389</v>
      </c>
      <c r="M38" s="75">
        <v>503</v>
      </c>
      <c r="N38" s="60">
        <v>1</v>
      </c>
      <c r="O38" s="61">
        <v>4</v>
      </c>
      <c r="P38" s="62">
        <v>5</v>
      </c>
      <c r="Q38" s="231"/>
      <c r="R38" s="61">
        <v>12</v>
      </c>
      <c r="S38" s="61">
        <v>3</v>
      </c>
      <c r="T38" s="61">
        <v>7</v>
      </c>
      <c r="U38" s="61">
        <v>5</v>
      </c>
      <c r="V38" s="61">
        <v>4</v>
      </c>
      <c r="W38" s="62">
        <v>31</v>
      </c>
      <c r="X38" s="63">
        <v>36</v>
      </c>
      <c r="Y38" s="60">
        <v>9</v>
      </c>
      <c r="Z38" s="61">
        <v>4</v>
      </c>
      <c r="AA38" s="62">
        <v>13</v>
      </c>
      <c r="AB38" s="231"/>
      <c r="AC38" s="61">
        <v>10</v>
      </c>
      <c r="AD38" s="61">
        <v>7</v>
      </c>
      <c r="AE38" s="61">
        <v>5</v>
      </c>
      <c r="AF38" s="61">
        <v>3</v>
      </c>
      <c r="AG38" s="61">
        <v>2</v>
      </c>
      <c r="AH38" s="62">
        <v>27</v>
      </c>
      <c r="AI38" s="63">
        <v>40</v>
      </c>
      <c r="AJ38" s="60">
        <v>10</v>
      </c>
      <c r="AK38" s="61">
        <v>13</v>
      </c>
      <c r="AL38" s="62">
        <v>23</v>
      </c>
      <c r="AM38" s="231"/>
      <c r="AN38" s="61">
        <v>26</v>
      </c>
      <c r="AO38" s="61">
        <v>6</v>
      </c>
      <c r="AP38" s="61">
        <v>12</v>
      </c>
      <c r="AQ38" s="61">
        <v>10</v>
      </c>
      <c r="AR38" s="61">
        <v>8</v>
      </c>
      <c r="AS38" s="62">
        <v>62</v>
      </c>
      <c r="AT38" s="63">
        <v>85</v>
      </c>
      <c r="AU38" s="60">
        <v>16</v>
      </c>
      <c r="AV38" s="61">
        <v>18</v>
      </c>
      <c r="AW38" s="62">
        <v>34</v>
      </c>
      <c r="AX38" s="231"/>
      <c r="AY38" s="61">
        <v>48</v>
      </c>
      <c r="AZ38" s="61">
        <v>25</v>
      </c>
      <c r="BA38" s="61">
        <v>18</v>
      </c>
      <c r="BB38" s="61">
        <v>6</v>
      </c>
      <c r="BC38" s="61">
        <v>3</v>
      </c>
      <c r="BD38" s="62">
        <v>100</v>
      </c>
      <c r="BE38" s="63">
        <v>134</v>
      </c>
      <c r="BF38" s="60">
        <v>12</v>
      </c>
      <c r="BG38" s="61">
        <v>11</v>
      </c>
      <c r="BH38" s="62">
        <v>23</v>
      </c>
      <c r="BI38" s="231"/>
      <c r="BJ38" s="61">
        <v>47</v>
      </c>
      <c r="BK38" s="61">
        <v>17</v>
      </c>
      <c r="BL38" s="61">
        <v>11</v>
      </c>
      <c r="BM38" s="61">
        <v>12</v>
      </c>
      <c r="BN38" s="61">
        <v>4</v>
      </c>
      <c r="BO38" s="62">
        <v>91</v>
      </c>
      <c r="BP38" s="63">
        <v>114</v>
      </c>
      <c r="BQ38" s="60">
        <v>10</v>
      </c>
      <c r="BR38" s="61">
        <v>6</v>
      </c>
      <c r="BS38" s="62">
        <v>16</v>
      </c>
      <c r="BT38" s="231"/>
      <c r="BU38" s="61">
        <v>22</v>
      </c>
      <c r="BV38" s="61">
        <v>20</v>
      </c>
      <c r="BW38" s="61">
        <v>16</v>
      </c>
      <c r="BX38" s="61">
        <v>12</v>
      </c>
      <c r="BY38" s="61">
        <v>8</v>
      </c>
      <c r="BZ38" s="62">
        <v>78</v>
      </c>
      <c r="CA38" s="63">
        <v>94</v>
      </c>
      <c r="CB38" s="60">
        <v>1</v>
      </c>
      <c r="CC38" s="61">
        <v>2</v>
      </c>
      <c r="CD38" s="62">
        <v>3</v>
      </c>
      <c r="CE38" s="231"/>
      <c r="CF38" s="61">
        <v>4</v>
      </c>
      <c r="CG38" s="61">
        <v>1</v>
      </c>
      <c r="CH38" s="61">
        <v>1</v>
      </c>
      <c r="CI38" s="61">
        <v>2</v>
      </c>
      <c r="CJ38" s="61">
        <v>2</v>
      </c>
      <c r="CK38" s="62">
        <v>10</v>
      </c>
      <c r="CL38" s="63">
        <v>13</v>
      </c>
      <c r="CM38" s="60">
        <v>59</v>
      </c>
      <c r="CN38" s="61">
        <v>58</v>
      </c>
      <c r="CO38" s="62">
        <v>117</v>
      </c>
      <c r="CP38" s="231"/>
      <c r="CQ38" s="61">
        <v>169</v>
      </c>
      <c r="CR38" s="61">
        <v>79</v>
      </c>
      <c r="CS38" s="61">
        <v>70</v>
      </c>
      <c r="CT38" s="61">
        <v>50</v>
      </c>
      <c r="CU38" s="61">
        <v>31</v>
      </c>
      <c r="CV38" s="62">
        <v>399</v>
      </c>
      <c r="CW38" s="63">
        <v>516</v>
      </c>
      <c r="CX38" s="113">
        <v>134</v>
      </c>
      <c r="CY38" s="72">
        <v>157</v>
      </c>
      <c r="CZ38" s="73">
        <v>291</v>
      </c>
      <c r="DA38" s="228"/>
      <c r="DB38" s="72">
        <v>320</v>
      </c>
      <c r="DC38" s="72">
        <v>172</v>
      </c>
      <c r="DD38" s="72">
        <v>165</v>
      </c>
      <c r="DE38" s="72">
        <v>161</v>
      </c>
      <c r="DF38" s="72">
        <v>88</v>
      </c>
      <c r="DG38" s="74">
        <v>906</v>
      </c>
      <c r="DH38" s="75">
        <v>1197</v>
      </c>
      <c r="DI38" s="60">
        <v>2</v>
      </c>
      <c r="DJ38" s="61">
        <v>4</v>
      </c>
      <c r="DK38" s="62">
        <v>6</v>
      </c>
      <c r="DL38" s="231"/>
      <c r="DM38" s="61">
        <v>6</v>
      </c>
      <c r="DN38" s="61">
        <v>6</v>
      </c>
      <c r="DO38" s="61">
        <v>4</v>
      </c>
      <c r="DP38" s="61">
        <v>4</v>
      </c>
      <c r="DQ38" s="61">
        <v>1</v>
      </c>
      <c r="DR38" s="62">
        <v>21</v>
      </c>
      <c r="DS38" s="63">
        <v>27</v>
      </c>
      <c r="DT38" s="60">
        <v>7</v>
      </c>
      <c r="DU38" s="61">
        <v>14</v>
      </c>
      <c r="DV38" s="62">
        <v>21</v>
      </c>
      <c r="DW38" s="231"/>
      <c r="DX38" s="61">
        <v>15</v>
      </c>
      <c r="DY38" s="61">
        <v>9</v>
      </c>
      <c r="DZ38" s="61">
        <v>8</v>
      </c>
      <c r="EA38" s="61">
        <v>8</v>
      </c>
      <c r="EB38" s="61">
        <v>3</v>
      </c>
      <c r="EC38" s="62">
        <v>43</v>
      </c>
      <c r="ED38" s="63">
        <v>64</v>
      </c>
      <c r="EE38" s="60">
        <v>17</v>
      </c>
      <c r="EF38" s="61">
        <v>25</v>
      </c>
      <c r="EG38" s="62">
        <v>42</v>
      </c>
      <c r="EH38" s="231"/>
      <c r="EI38" s="61">
        <v>29</v>
      </c>
      <c r="EJ38" s="61">
        <v>20</v>
      </c>
      <c r="EK38" s="61">
        <v>6</v>
      </c>
      <c r="EL38" s="61">
        <v>10</v>
      </c>
      <c r="EM38" s="61">
        <v>16</v>
      </c>
      <c r="EN38" s="62">
        <v>81</v>
      </c>
      <c r="EO38" s="63">
        <v>123</v>
      </c>
      <c r="EP38" s="60">
        <v>46</v>
      </c>
      <c r="EQ38" s="61">
        <v>33</v>
      </c>
      <c r="ER38" s="62">
        <v>79</v>
      </c>
      <c r="ES38" s="231"/>
      <c r="ET38" s="61">
        <v>75</v>
      </c>
      <c r="EU38" s="61">
        <v>31</v>
      </c>
      <c r="EV38" s="61">
        <v>36</v>
      </c>
      <c r="EW38" s="61">
        <v>25</v>
      </c>
      <c r="EX38" s="61">
        <v>13</v>
      </c>
      <c r="EY38" s="62">
        <v>180</v>
      </c>
      <c r="EZ38" s="63">
        <v>259</v>
      </c>
      <c r="FA38" s="60">
        <v>36</v>
      </c>
      <c r="FB38" s="61">
        <v>49</v>
      </c>
      <c r="FC38" s="62">
        <v>85</v>
      </c>
      <c r="FD38" s="231"/>
      <c r="FE38" s="61">
        <v>106</v>
      </c>
      <c r="FF38" s="61">
        <v>40</v>
      </c>
      <c r="FG38" s="61">
        <v>52</v>
      </c>
      <c r="FH38" s="61">
        <v>42</v>
      </c>
      <c r="FI38" s="61">
        <v>28</v>
      </c>
      <c r="FJ38" s="62">
        <v>268</v>
      </c>
      <c r="FK38" s="63">
        <v>353</v>
      </c>
      <c r="FL38" s="60">
        <v>26</v>
      </c>
      <c r="FM38" s="61">
        <v>32</v>
      </c>
      <c r="FN38" s="62">
        <v>58</v>
      </c>
      <c r="FO38" s="231"/>
      <c r="FP38" s="61">
        <v>89</v>
      </c>
      <c r="FQ38" s="61">
        <v>66</v>
      </c>
      <c r="FR38" s="61">
        <v>59</v>
      </c>
      <c r="FS38" s="61">
        <v>72</v>
      </c>
      <c r="FT38" s="61">
        <v>27</v>
      </c>
      <c r="FU38" s="62">
        <v>313</v>
      </c>
      <c r="FV38" s="63">
        <v>371</v>
      </c>
      <c r="FW38" s="60">
        <v>0</v>
      </c>
      <c r="FX38" s="61">
        <v>0</v>
      </c>
      <c r="FY38" s="62">
        <v>0</v>
      </c>
      <c r="FZ38" s="231"/>
      <c r="GA38" s="61">
        <v>1</v>
      </c>
      <c r="GB38" s="61">
        <v>3</v>
      </c>
      <c r="GC38" s="61">
        <v>3</v>
      </c>
      <c r="GD38" s="61">
        <v>0</v>
      </c>
      <c r="GE38" s="61">
        <v>1</v>
      </c>
      <c r="GF38" s="62">
        <v>8</v>
      </c>
      <c r="GG38" s="63">
        <v>8</v>
      </c>
      <c r="GH38" s="60">
        <v>134</v>
      </c>
      <c r="GI38" s="61">
        <v>157</v>
      </c>
      <c r="GJ38" s="62">
        <v>291</v>
      </c>
      <c r="GK38" s="231"/>
      <c r="GL38" s="61">
        <v>321</v>
      </c>
      <c r="GM38" s="61">
        <v>175</v>
      </c>
      <c r="GN38" s="61">
        <v>168</v>
      </c>
      <c r="GO38" s="61">
        <v>161</v>
      </c>
      <c r="GP38" s="61">
        <v>89</v>
      </c>
      <c r="GQ38" s="62">
        <v>914</v>
      </c>
      <c r="GR38" s="63">
        <v>1205</v>
      </c>
      <c r="GS38" s="113">
        <v>192</v>
      </c>
      <c r="GT38" s="72">
        <v>213</v>
      </c>
      <c r="GU38" s="73">
        <v>405</v>
      </c>
      <c r="GV38" s="228"/>
      <c r="GW38" s="72">
        <v>485</v>
      </c>
      <c r="GX38" s="72">
        <v>250</v>
      </c>
      <c r="GY38" s="72">
        <v>234</v>
      </c>
      <c r="GZ38" s="72">
        <v>209</v>
      </c>
      <c r="HA38" s="72">
        <v>117</v>
      </c>
      <c r="HB38" s="74">
        <v>1295</v>
      </c>
      <c r="HC38" s="75">
        <v>1700</v>
      </c>
      <c r="HD38" s="60">
        <v>3</v>
      </c>
      <c r="HE38" s="61">
        <v>8</v>
      </c>
      <c r="HF38" s="62">
        <v>11</v>
      </c>
      <c r="HG38" s="231"/>
      <c r="HH38" s="61">
        <v>18</v>
      </c>
      <c r="HI38" s="61">
        <v>9</v>
      </c>
      <c r="HJ38" s="61">
        <v>11</v>
      </c>
      <c r="HK38" s="61">
        <v>9</v>
      </c>
      <c r="HL38" s="61">
        <v>5</v>
      </c>
      <c r="HM38" s="62">
        <v>52</v>
      </c>
      <c r="HN38" s="63">
        <v>63</v>
      </c>
      <c r="HO38" s="60">
        <v>16</v>
      </c>
      <c r="HP38" s="61">
        <v>18</v>
      </c>
      <c r="HQ38" s="62">
        <v>34</v>
      </c>
      <c r="HR38" s="231"/>
      <c r="HS38" s="61">
        <v>25</v>
      </c>
      <c r="HT38" s="61">
        <v>16</v>
      </c>
      <c r="HU38" s="61">
        <v>13</v>
      </c>
      <c r="HV38" s="61">
        <v>11</v>
      </c>
      <c r="HW38" s="61">
        <v>5</v>
      </c>
      <c r="HX38" s="62">
        <v>70</v>
      </c>
      <c r="HY38" s="63">
        <v>104</v>
      </c>
      <c r="HZ38" s="60">
        <v>27</v>
      </c>
      <c r="IA38" s="61">
        <v>38</v>
      </c>
      <c r="IB38" s="62">
        <v>65</v>
      </c>
      <c r="IC38" s="231"/>
      <c r="ID38" s="61">
        <v>55</v>
      </c>
      <c r="IE38" s="61">
        <v>26</v>
      </c>
      <c r="IF38" s="61">
        <v>18</v>
      </c>
      <c r="IG38" s="61">
        <v>20</v>
      </c>
      <c r="IH38" s="61">
        <v>24</v>
      </c>
      <c r="II38" s="62">
        <v>143</v>
      </c>
      <c r="IJ38" s="63">
        <v>208</v>
      </c>
      <c r="IK38" s="60">
        <v>62</v>
      </c>
      <c r="IL38" s="61">
        <v>51</v>
      </c>
      <c r="IM38" s="62">
        <v>113</v>
      </c>
      <c r="IN38" s="231"/>
      <c r="IO38" s="61">
        <v>123</v>
      </c>
      <c r="IP38" s="61">
        <v>56</v>
      </c>
      <c r="IQ38" s="61">
        <v>54</v>
      </c>
      <c r="IR38" s="61">
        <v>31</v>
      </c>
      <c r="IS38" s="61">
        <v>16</v>
      </c>
      <c r="IT38" s="62">
        <v>280</v>
      </c>
      <c r="IU38" s="63">
        <v>393</v>
      </c>
      <c r="IV38" s="60">
        <v>48</v>
      </c>
      <c r="IW38" s="61">
        <v>60</v>
      </c>
      <c r="IX38" s="62">
        <v>108</v>
      </c>
      <c r="IY38" s="231"/>
      <c r="IZ38" s="61">
        <v>153</v>
      </c>
      <c r="JA38" s="61">
        <v>57</v>
      </c>
      <c r="JB38" s="61">
        <v>63</v>
      </c>
      <c r="JC38" s="61">
        <v>54</v>
      </c>
      <c r="JD38" s="61">
        <v>32</v>
      </c>
      <c r="JE38" s="62">
        <v>359</v>
      </c>
      <c r="JF38" s="63">
        <v>467</v>
      </c>
      <c r="JG38" s="60">
        <v>36</v>
      </c>
      <c r="JH38" s="61">
        <v>38</v>
      </c>
      <c r="JI38" s="62">
        <v>74</v>
      </c>
      <c r="JJ38" s="231"/>
      <c r="JK38" s="61">
        <v>111</v>
      </c>
      <c r="JL38" s="61">
        <v>86</v>
      </c>
      <c r="JM38" s="61">
        <v>75</v>
      </c>
      <c r="JN38" s="61">
        <v>84</v>
      </c>
      <c r="JO38" s="61">
        <v>35</v>
      </c>
      <c r="JP38" s="62">
        <v>391</v>
      </c>
      <c r="JQ38" s="63">
        <v>465</v>
      </c>
      <c r="JR38" s="60">
        <v>1</v>
      </c>
      <c r="JS38" s="61">
        <v>2</v>
      </c>
      <c r="JT38" s="62">
        <v>3</v>
      </c>
      <c r="JU38" s="231"/>
      <c r="JV38" s="61">
        <v>5</v>
      </c>
      <c r="JW38" s="61">
        <v>4</v>
      </c>
      <c r="JX38" s="61">
        <v>4</v>
      </c>
      <c r="JY38" s="61">
        <v>2</v>
      </c>
      <c r="JZ38" s="61">
        <v>3</v>
      </c>
      <c r="KA38" s="62">
        <v>18</v>
      </c>
      <c r="KB38" s="63">
        <v>21</v>
      </c>
      <c r="KC38" s="60">
        <v>193</v>
      </c>
      <c r="KD38" s="61">
        <v>215</v>
      </c>
      <c r="KE38" s="62">
        <v>408</v>
      </c>
      <c r="KF38" s="231"/>
      <c r="KG38" s="61">
        <v>490</v>
      </c>
      <c r="KH38" s="61">
        <v>254</v>
      </c>
      <c r="KI38" s="61">
        <v>238</v>
      </c>
      <c r="KJ38" s="61">
        <v>211</v>
      </c>
      <c r="KK38" s="61">
        <v>120</v>
      </c>
      <c r="KL38" s="62">
        <v>1313</v>
      </c>
      <c r="KM38" s="63">
        <v>1721</v>
      </c>
    </row>
    <row r="39" spans="2:299" ht="21" customHeight="1" x14ac:dyDescent="0.2">
      <c r="B39" s="472" t="s">
        <v>36</v>
      </c>
      <c r="C39" s="293">
        <v>61</v>
      </c>
      <c r="D39" s="72">
        <v>81</v>
      </c>
      <c r="E39" s="73">
        <v>142</v>
      </c>
      <c r="F39" s="228"/>
      <c r="G39" s="72">
        <v>168</v>
      </c>
      <c r="H39" s="72">
        <v>142</v>
      </c>
      <c r="I39" s="72">
        <v>104</v>
      </c>
      <c r="J39" s="72">
        <v>101</v>
      </c>
      <c r="K39" s="72">
        <v>50</v>
      </c>
      <c r="L39" s="74">
        <v>565</v>
      </c>
      <c r="M39" s="75">
        <v>707</v>
      </c>
      <c r="N39" s="60">
        <v>4</v>
      </c>
      <c r="O39" s="61">
        <v>6</v>
      </c>
      <c r="P39" s="62">
        <v>10</v>
      </c>
      <c r="Q39" s="231"/>
      <c r="R39" s="61">
        <v>12</v>
      </c>
      <c r="S39" s="61">
        <v>13</v>
      </c>
      <c r="T39" s="61">
        <v>7</v>
      </c>
      <c r="U39" s="61">
        <v>8</v>
      </c>
      <c r="V39" s="61">
        <v>5</v>
      </c>
      <c r="W39" s="62">
        <v>45</v>
      </c>
      <c r="X39" s="63">
        <v>55</v>
      </c>
      <c r="Y39" s="60">
        <v>9</v>
      </c>
      <c r="Z39" s="61">
        <v>11</v>
      </c>
      <c r="AA39" s="62">
        <v>20</v>
      </c>
      <c r="AB39" s="231"/>
      <c r="AC39" s="61">
        <v>19</v>
      </c>
      <c r="AD39" s="61">
        <v>26</v>
      </c>
      <c r="AE39" s="61">
        <v>13</v>
      </c>
      <c r="AF39" s="61">
        <v>10</v>
      </c>
      <c r="AG39" s="61">
        <v>8</v>
      </c>
      <c r="AH39" s="62">
        <v>76</v>
      </c>
      <c r="AI39" s="63">
        <v>96</v>
      </c>
      <c r="AJ39" s="60">
        <v>13</v>
      </c>
      <c r="AK39" s="61">
        <v>16</v>
      </c>
      <c r="AL39" s="62">
        <v>29</v>
      </c>
      <c r="AM39" s="231"/>
      <c r="AN39" s="61">
        <v>33</v>
      </c>
      <c r="AO39" s="61">
        <v>19</v>
      </c>
      <c r="AP39" s="61">
        <v>15</v>
      </c>
      <c r="AQ39" s="61">
        <v>17</v>
      </c>
      <c r="AR39" s="61">
        <v>10</v>
      </c>
      <c r="AS39" s="62">
        <v>94</v>
      </c>
      <c r="AT39" s="63">
        <v>123</v>
      </c>
      <c r="AU39" s="60">
        <v>15</v>
      </c>
      <c r="AV39" s="61">
        <v>23</v>
      </c>
      <c r="AW39" s="62">
        <v>38</v>
      </c>
      <c r="AX39" s="231"/>
      <c r="AY39" s="61">
        <v>50</v>
      </c>
      <c r="AZ39" s="61">
        <v>32</v>
      </c>
      <c r="BA39" s="61">
        <v>29</v>
      </c>
      <c r="BB39" s="61">
        <v>27</v>
      </c>
      <c r="BC39" s="61">
        <v>12</v>
      </c>
      <c r="BD39" s="62">
        <v>150</v>
      </c>
      <c r="BE39" s="63">
        <v>188</v>
      </c>
      <c r="BF39" s="60">
        <v>18</v>
      </c>
      <c r="BG39" s="61">
        <v>13</v>
      </c>
      <c r="BH39" s="62">
        <v>31</v>
      </c>
      <c r="BI39" s="231"/>
      <c r="BJ39" s="61">
        <v>39</v>
      </c>
      <c r="BK39" s="61">
        <v>28</v>
      </c>
      <c r="BL39" s="61">
        <v>26</v>
      </c>
      <c r="BM39" s="61">
        <v>21</v>
      </c>
      <c r="BN39" s="61">
        <v>8</v>
      </c>
      <c r="BO39" s="62">
        <v>122</v>
      </c>
      <c r="BP39" s="63">
        <v>153</v>
      </c>
      <c r="BQ39" s="60">
        <v>2</v>
      </c>
      <c r="BR39" s="61">
        <v>12</v>
      </c>
      <c r="BS39" s="62">
        <v>14</v>
      </c>
      <c r="BT39" s="231"/>
      <c r="BU39" s="61">
        <v>15</v>
      </c>
      <c r="BV39" s="61">
        <v>24</v>
      </c>
      <c r="BW39" s="61">
        <v>14</v>
      </c>
      <c r="BX39" s="61">
        <v>18</v>
      </c>
      <c r="BY39" s="61">
        <v>7</v>
      </c>
      <c r="BZ39" s="62">
        <v>78</v>
      </c>
      <c r="CA39" s="63">
        <v>92</v>
      </c>
      <c r="CB39" s="60">
        <v>2</v>
      </c>
      <c r="CC39" s="61">
        <v>3</v>
      </c>
      <c r="CD39" s="62">
        <v>5</v>
      </c>
      <c r="CE39" s="231"/>
      <c r="CF39" s="61">
        <v>6</v>
      </c>
      <c r="CG39" s="61">
        <v>5</v>
      </c>
      <c r="CH39" s="61">
        <v>6</v>
      </c>
      <c r="CI39" s="61">
        <v>5</v>
      </c>
      <c r="CJ39" s="61">
        <v>2</v>
      </c>
      <c r="CK39" s="62">
        <v>24</v>
      </c>
      <c r="CL39" s="63">
        <v>29</v>
      </c>
      <c r="CM39" s="60">
        <v>63</v>
      </c>
      <c r="CN39" s="61">
        <v>84</v>
      </c>
      <c r="CO39" s="62">
        <v>147</v>
      </c>
      <c r="CP39" s="231"/>
      <c r="CQ39" s="61">
        <v>174</v>
      </c>
      <c r="CR39" s="61">
        <v>147</v>
      </c>
      <c r="CS39" s="61">
        <v>110</v>
      </c>
      <c r="CT39" s="61">
        <v>106</v>
      </c>
      <c r="CU39" s="61">
        <v>52</v>
      </c>
      <c r="CV39" s="62">
        <v>589</v>
      </c>
      <c r="CW39" s="63">
        <v>736</v>
      </c>
      <c r="CX39" s="113">
        <v>96</v>
      </c>
      <c r="CY39" s="72">
        <v>194</v>
      </c>
      <c r="CZ39" s="73">
        <v>290</v>
      </c>
      <c r="DA39" s="228"/>
      <c r="DB39" s="72">
        <v>271</v>
      </c>
      <c r="DC39" s="72">
        <v>208</v>
      </c>
      <c r="DD39" s="72">
        <v>177</v>
      </c>
      <c r="DE39" s="72">
        <v>169</v>
      </c>
      <c r="DF39" s="72">
        <v>147</v>
      </c>
      <c r="DG39" s="74">
        <v>972</v>
      </c>
      <c r="DH39" s="75">
        <v>1262</v>
      </c>
      <c r="DI39" s="60">
        <v>1</v>
      </c>
      <c r="DJ39" s="61">
        <v>6</v>
      </c>
      <c r="DK39" s="62">
        <v>7</v>
      </c>
      <c r="DL39" s="231"/>
      <c r="DM39" s="61">
        <v>4</v>
      </c>
      <c r="DN39" s="61">
        <v>9</v>
      </c>
      <c r="DO39" s="61">
        <v>4</v>
      </c>
      <c r="DP39" s="61">
        <v>4</v>
      </c>
      <c r="DQ39" s="61">
        <v>4</v>
      </c>
      <c r="DR39" s="62">
        <v>25</v>
      </c>
      <c r="DS39" s="63">
        <v>32</v>
      </c>
      <c r="DT39" s="60">
        <v>6</v>
      </c>
      <c r="DU39" s="61">
        <v>20</v>
      </c>
      <c r="DV39" s="62">
        <v>26</v>
      </c>
      <c r="DW39" s="231"/>
      <c r="DX39" s="61">
        <v>28</v>
      </c>
      <c r="DY39" s="61">
        <v>14</v>
      </c>
      <c r="DZ39" s="61">
        <v>12</v>
      </c>
      <c r="EA39" s="61">
        <v>7</v>
      </c>
      <c r="EB39" s="61">
        <v>10</v>
      </c>
      <c r="EC39" s="62">
        <v>71</v>
      </c>
      <c r="ED39" s="63">
        <v>97</v>
      </c>
      <c r="EE39" s="60">
        <v>14</v>
      </c>
      <c r="EF39" s="61">
        <v>34</v>
      </c>
      <c r="EG39" s="62">
        <v>48</v>
      </c>
      <c r="EH39" s="231"/>
      <c r="EI39" s="61">
        <v>38</v>
      </c>
      <c r="EJ39" s="61">
        <v>31</v>
      </c>
      <c r="EK39" s="61">
        <v>15</v>
      </c>
      <c r="EL39" s="61">
        <v>23</v>
      </c>
      <c r="EM39" s="61">
        <v>19</v>
      </c>
      <c r="EN39" s="62">
        <v>126</v>
      </c>
      <c r="EO39" s="63">
        <v>174</v>
      </c>
      <c r="EP39" s="60">
        <v>34</v>
      </c>
      <c r="EQ39" s="61">
        <v>59</v>
      </c>
      <c r="ER39" s="62">
        <v>93</v>
      </c>
      <c r="ES39" s="231"/>
      <c r="ET39" s="61">
        <v>79</v>
      </c>
      <c r="EU39" s="61">
        <v>57</v>
      </c>
      <c r="EV39" s="61">
        <v>33</v>
      </c>
      <c r="EW39" s="61">
        <v>33</v>
      </c>
      <c r="EX39" s="61">
        <v>33</v>
      </c>
      <c r="EY39" s="62">
        <v>235</v>
      </c>
      <c r="EZ39" s="63">
        <v>328</v>
      </c>
      <c r="FA39" s="60">
        <v>26</v>
      </c>
      <c r="FB39" s="61">
        <v>52</v>
      </c>
      <c r="FC39" s="62">
        <v>78</v>
      </c>
      <c r="FD39" s="231"/>
      <c r="FE39" s="61">
        <v>69</v>
      </c>
      <c r="FF39" s="61">
        <v>44</v>
      </c>
      <c r="FG39" s="61">
        <v>56</v>
      </c>
      <c r="FH39" s="61">
        <v>37</v>
      </c>
      <c r="FI39" s="61">
        <v>37</v>
      </c>
      <c r="FJ39" s="62">
        <v>243</v>
      </c>
      <c r="FK39" s="63">
        <v>321</v>
      </c>
      <c r="FL39" s="60">
        <v>15</v>
      </c>
      <c r="FM39" s="61">
        <v>23</v>
      </c>
      <c r="FN39" s="62">
        <v>38</v>
      </c>
      <c r="FO39" s="231"/>
      <c r="FP39" s="61">
        <v>53</v>
      </c>
      <c r="FQ39" s="61">
        <v>53</v>
      </c>
      <c r="FR39" s="61">
        <v>57</v>
      </c>
      <c r="FS39" s="61">
        <v>65</v>
      </c>
      <c r="FT39" s="61">
        <v>44</v>
      </c>
      <c r="FU39" s="62">
        <v>272</v>
      </c>
      <c r="FV39" s="63">
        <v>310</v>
      </c>
      <c r="FW39" s="60">
        <v>1</v>
      </c>
      <c r="FX39" s="61">
        <v>2</v>
      </c>
      <c r="FY39" s="62">
        <v>3</v>
      </c>
      <c r="FZ39" s="231"/>
      <c r="GA39" s="61">
        <v>2</v>
      </c>
      <c r="GB39" s="61">
        <v>5</v>
      </c>
      <c r="GC39" s="61">
        <v>1</v>
      </c>
      <c r="GD39" s="61">
        <v>4</v>
      </c>
      <c r="GE39" s="61">
        <v>2</v>
      </c>
      <c r="GF39" s="62">
        <v>14</v>
      </c>
      <c r="GG39" s="63">
        <v>17</v>
      </c>
      <c r="GH39" s="60">
        <v>97</v>
      </c>
      <c r="GI39" s="61">
        <v>196</v>
      </c>
      <c r="GJ39" s="62">
        <v>293</v>
      </c>
      <c r="GK39" s="231"/>
      <c r="GL39" s="61">
        <v>273</v>
      </c>
      <c r="GM39" s="61">
        <v>213</v>
      </c>
      <c r="GN39" s="61">
        <v>178</v>
      </c>
      <c r="GO39" s="61">
        <v>173</v>
      </c>
      <c r="GP39" s="61">
        <v>149</v>
      </c>
      <c r="GQ39" s="62">
        <v>986</v>
      </c>
      <c r="GR39" s="63">
        <v>1279</v>
      </c>
      <c r="GS39" s="113">
        <v>157</v>
      </c>
      <c r="GT39" s="72">
        <v>275</v>
      </c>
      <c r="GU39" s="73">
        <v>432</v>
      </c>
      <c r="GV39" s="228"/>
      <c r="GW39" s="72">
        <v>439</v>
      </c>
      <c r="GX39" s="72">
        <v>350</v>
      </c>
      <c r="GY39" s="72">
        <v>281</v>
      </c>
      <c r="GZ39" s="72">
        <v>270</v>
      </c>
      <c r="HA39" s="72">
        <v>197</v>
      </c>
      <c r="HB39" s="74">
        <v>1537</v>
      </c>
      <c r="HC39" s="75">
        <v>1969</v>
      </c>
      <c r="HD39" s="60">
        <v>5</v>
      </c>
      <c r="HE39" s="61">
        <v>12</v>
      </c>
      <c r="HF39" s="62">
        <v>17</v>
      </c>
      <c r="HG39" s="231"/>
      <c r="HH39" s="61">
        <v>16</v>
      </c>
      <c r="HI39" s="61">
        <v>22</v>
      </c>
      <c r="HJ39" s="61">
        <v>11</v>
      </c>
      <c r="HK39" s="61">
        <v>12</v>
      </c>
      <c r="HL39" s="61">
        <v>9</v>
      </c>
      <c r="HM39" s="62">
        <v>70</v>
      </c>
      <c r="HN39" s="63">
        <v>87</v>
      </c>
      <c r="HO39" s="60">
        <v>15</v>
      </c>
      <c r="HP39" s="61">
        <v>31</v>
      </c>
      <c r="HQ39" s="62">
        <v>46</v>
      </c>
      <c r="HR39" s="231"/>
      <c r="HS39" s="61">
        <v>47</v>
      </c>
      <c r="HT39" s="61">
        <v>40</v>
      </c>
      <c r="HU39" s="61">
        <v>25</v>
      </c>
      <c r="HV39" s="61">
        <v>17</v>
      </c>
      <c r="HW39" s="61">
        <v>18</v>
      </c>
      <c r="HX39" s="62">
        <v>147</v>
      </c>
      <c r="HY39" s="63">
        <v>193</v>
      </c>
      <c r="HZ39" s="60">
        <v>27</v>
      </c>
      <c r="IA39" s="61">
        <v>50</v>
      </c>
      <c r="IB39" s="62">
        <v>77</v>
      </c>
      <c r="IC39" s="231"/>
      <c r="ID39" s="61">
        <v>71</v>
      </c>
      <c r="IE39" s="61">
        <v>50</v>
      </c>
      <c r="IF39" s="61">
        <v>30</v>
      </c>
      <c r="IG39" s="61">
        <v>40</v>
      </c>
      <c r="IH39" s="61">
        <v>29</v>
      </c>
      <c r="II39" s="62">
        <v>220</v>
      </c>
      <c r="IJ39" s="63">
        <v>297</v>
      </c>
      <c r="IK39" s="60">
        <v>49</v>
      </c>
      <c r="IL39" s="61">
        <v>82</v>
      </c>
      <c r="IM39" s="62">
        <v>131</v>
      </c>
      <c r="IN39" s="231"/>
      <c r="IO39" s="61">
        <v>129</v>
      </c>
      <c r="IP39" s="61">
        <v>89</v>
      </c>
      <c r="IQ39" s="61">
        <v>62</v>
      </c>
      <c r="IR39" s="61">
        <v>60</v>
      </c>
      <c r="IS39" s="61">
        <v>45</v>
      </c>
      <c r="IT39" s="62">
        <v>385</v>
      </c>
      <c r="IU39" s="63">
        <v>516</v>
      </c>
      <c r="IV39" s="60">
        <v>44</v>
      </c>
      <c r="IW39" s="61">
        <v>65</v>
      </c>
      <c r="IX39" s="62">
        <v>109</v>
      </c>
      <c r="IY39" s="231"/>
      <c r="IZ39" s="61">
        <v>108</v>
      </c>
      <c r="JA39" s="61">
        <v>72</v>
      </c>
      <c r="JB39" s="61">
        <v>82</v>
      </c>
      <c r="JC39" s="61">
        <v>58</v>
      </c>
      <c r="JD39" s="61">
        <v>45</v>
      </c>
      <c r="JE39" s="62">
        <v>365</v>
      </c>
      <c r="JF39" s="63">
        <v>474</v>
      </c>
      <c r="JG39" s="60">
        <v>17</v>
      </c>
      <c r="JH39" s="61">
        <v>35</v>
      </c>
      <c r="JI39" s="62">
        <v>52</v>
      </c>
      <c r="JJ39" s="231"/>
      <c r="JK39" s="61">
        <v>68</v>
      </c>
      <c r="JL39" s="61">
        <v>77</v>
      </c>
      <c r="JM39" s="61">
        <v>71</v>
      </c>
      <c r="JN39" s="61">
        <v>83</v>
      </c>
      <c r="JO39" s="61">
        <v>51</v>
      </c>
      <c r="JP39" s="62">
        <v>350</v>
      </c>
      <c r="JQ39" s="63">
        <v>402</v>
      </c>
      <c r="JR39" s="60">
        <v>3</v>
      </c>
      <c r="JS39" s="61">
        <v>5</v>
      </c>
      <c r="JT39" s="62">
        <v>8</v>
      </c>
      <c r="JU39" s="231"/>
      <c r="JV39" s="61">
        <v>8</v>
      </c>
      <c r="JW39" s="61">
        <v>10</v>
      </c>
      <c r="JX39" s="61">
        <v>7</v>
      </c>
      <c r="JY39" s="61">
        <v>9</v>
      </c>
      <c r="JZ39" s="61">
        <v>4</v>
      </c>
      <c r="KA39" s="62">
        <v>38</v>
      </c>
      <c r="KB39" s="63">
        <v>46</v>
      </c>
      <c r="KC39" s="60">
        <v>160</v>
      </c>
      <c r="KD39" s="61">
        <v>280</v>
      </c>
      <c r="KE39" s="62">
        <v>440</v>
      </c>
      <c r="KF39" s="231"/>
      <c r="KG39" s="61">
        <v>447</v>
      </c>
      <c r="KH39" s="61">
        <v>360</v>
      </c>
      <c r="KI39" s="61">
        <v>288</v>
      </c>
      <c r="KJ39" s="61">
        <v>279</v>
      </c>
      <c r="KK39" s="61">
        <v>201</v>
      </c>
      <c r="KL39" s="62">
        <v>1575</v>
      </c>
      <c r="KM39" s="63">
        <v>2015</v>
      </c>
    </row>
    <row r="40" spans="2:299" ht="21" customHeight="1" thickBot="1" x14ac:dyDescent="0.25">
      <c r="B40" s="473" t="s">
        <v>37</v>
      </c>
      <c r="C40" s="294">
        <v>5</v>
      </c>
      <c r="D40" s="77">
        <v>1</v>
      </c>
      <c r="E40" s="78">
        <v>6</v>
      </c>
      <c r="F40" s="229"/>
      <c r="G40" s="77">
        <v>9</v>
      </c>
      <c r="H40" s="77">
        <v>7</v>
      </c>
      <c r="I40" s="77">
        <v>10</v>
      </c>
      <c r="J40" s="77">
        <v>10</v>
      </c>
      <c r="K40" s="77">
        <v>1</v>
      </c>
      <c r="L40" s="79">
        <v>37</v>
      </c>
      <c r="M40" s="80">
        <v>43</v>
      </c>
      <c r="N40" s="64">
        <v>1</v>
      </c>
      <c r="O40" s="65">
        <v>0</v>
      </c>
      <c r="P40" s="66">
        <v>1</v>
      </c>
      <c r="Q40" s="232"/>
      <c r="R40" s="65">
        <v>0</v>
      </c>
      <c r="S40" s="65">
        <v>1</v>
      </c>
      <c r="T40" s="65">
        <v>0</v>
      </c>
      <c r="U40" s="65">
        <v>1</v>
      </c>
      <c r="V40" s="65">
        <v>0</v>
      </c>
      <c r="W40" s="66">
        <v>2</v>
      </c>
      <c r="X40" s="67">
        <v>3</v>
      </c>
      <c r="Y40" s="64">
        <v>1</v>
      </c>
      <c r="Z40" s="65">
        <v>0</v>
      </c>
      <c r="AA40" s="66">
        <v>1</v>
      </c>
      <c r="AB40" s="232"/>
      <c r="AC40" s="65">
        <v>0</v>
      </c>
      <c r="AD40" s="65">
        <v>1</v>
      </c>
      <c r="AE40" s="65">
        <v>2</v>
      </c>
      <c r="AF40" s="65">
        <v>3</v>
      </c>
      <c r="AG40" s="65">
        <v>0</v>
      </c>
      <c r="AH40" s="66">
        <v>6</v>
      </c>
      <c r="AI40" s="67">
        <v>7</v>
      </c>
      <c r="AJ40" s="64">
        <v>0</v>
      </c>
      <c r="AK40" s="65">
        <v>0</v>
      </c>
      <c r="AL40" s="66">
        <v>0</v>
      </c>
      <c r="AM40" s="232"/>
      <c r="AN40" s="65">
        <v>2</v>
      </c>
      <c r="AO40" s="65">
        <v>1</v>
      </c>
      <c r="AP40" s="65">
        <v>3</v>
      </c>
      <c r="AQ40" s="65">
        <v>0</v>
      </c>
      <c r="AR40" s="65">
        <v>0</v>
      </c>
      <c r="AS40" s="66">
        <v>6</v>
      </c>
      <c r="AT40" s="67">
        <v>6</v>
      </c>
      <c r="AU40" s="64">
        <v>2</v>
      </c>
      <c r="AV40" s="65">
        <v>1</v>
      </c>
      <c r="AW40" s="66">
        <v>3</v>
      </c>
      <c r="AX40" s="232"/>
      <c r="AY40" s="65">
        <v>3</v>
      </c>
      <c r="AZ40" s="65">
        <v>1</v>
      </c>
      <c r="BA40" s="65">
        <v>1</v>
      </c>
      <c r="BB40" s="65">
        <v>2</v>
      </c>
      <c r="BC40" s="65">
        <v>0</v>
      </c>
      <c r="BD40" s="66">
        <v>7</v>
      </c>
      <c r="BE40" s="67">
        <v>10</v>
      </c>
      <c r="BF40" s="64">
        <v>0</v>
      </c>
      <c r="BG40" s="65">
        <v>0</v>
      </c>
      <c r="BH40" s="66">
        <v>0</v>
      </c>
      <c r="BI40" s="232"/>
      <c r="BJ40" s="65">
        <v>1</v>
      </c>
      <c r="BK40" s="65">
        <v>1</v>
      </c>
      <c r="BL40" s="65">
        <v>3</v>
      </c>
      <c r="BM40" s="65">
        <v>3</v>
      </c>
      <c r="BN40" s="65">
        <v>0</v>
      </c>
      <c r="BO40" s="66">
        <v>8</v>
      </c>
      <c r="BP40" s="67">
        <v>8</v>
      </c>
      <c r="BQ40" s="64">
        <v>1</v>
      </c>
      <c r="BR40" s="65">
        <v>0</v>
      </c>
      <c r="BS40" s="66">
        <v>1</v>
      </c>
      <c r="BT40" s="232"/>
      <c r="BU40" s="65">
        <v>3</v>
      </c>
      <c r="BV40" s="65">
        <v>2</v>
      </c>
      <c r="BW40" s="65">
        <v>1</v>
      </c>
      <c r="BX40" s="65">
        <v>1</v>
      </c>
      <c r="BY40" s="65">
        <v>1</v>
      </c>
      <c r="BZ40" s="66">
        <v>8</v>
      </c>
      <c r="CA40" s="67">
        <v>9</v>
      </c>
      <c r="CB40" s="64">
        <v>0</v>
      </c>
      <c r="CC40" s="65">
        <v>0</v>
      </c>
      <c r="CD40" s="66">
        <v>0</v>
      </c>
      <c r="CE40" s="232"/>
      <c r="CF40" s="65">
        <v>0</v>
      </c>
      <c r="CG40" s="65">
        <v>1</v>
      </c>
      <c r="CH40" s="65">
        <v>0</v>
      </c>
      <c r="CI40" s="65">
        <v>1</v>
      </c>
      <c r="CJ40" s="65">
        <v>0</v>
      </c>
      <c r="CK40" s="66">
        <v>2</v>
      </c>
      <c r="CL40" s="67">
        <v>2</v>
      </c>
      <c r="CM40" s="64">
        <v>5</v>
      </c>
      <c r="CN40" s="65">
        <v>1</v>
      </c>
      <c r="CO40" s="66">
        <v>6</v>
      </c>
      <c r="CP40" s="232"/>
      <c r="CQ40" s="65">
        <v>9</v>
      </c>
      <c r="CR40" s="65">
        <v>8</v>
      </c>
      <c r="CS40" s="65">
        <v>10</v>
      </c>
      <c r="CT40" s="65">
        <v>11</v>
      </c>
      <c r="CU40" s="65">
        <v>1</v>
      </c>
      <c r="CV40" s="66">
        <v>39</v>
      </c>
      <c r="CW40" s="67">
        <v>45</v>
      </c>
      <c r="CX40" s="114">
        <v>18</v>
      </c>
      <c r="CY40" s="77">
        <v>3</v>
      </c>
      <c r="CZ40" s="78">
        <v>21</v>
      </c>
      <c r="DA40" s="229"/>
      <c r="DB40" s="77">
        <v>21</v>
      </c>
      <c r="DC40" s="77">
        <v>18</v>
      </c>
      <c r="DD40" s="77">
        <v>25</v>
      </c>
      <c r="DE40" s="77">
        <v>17</v>
      </c>
      <c r="DF40" s="77">
        <v>14</v>
      </c>
      <c r="DG40" s="79">
        <v>95</v>
      </c>
      <c r="DH40" s="80">
        <v>116</v>
      </c>
      <c r="DI40" s="64">
        <v>0</v>
      </c>
      <c r="DJ40" s="65">
        <v>0</v>
      </c>
      <c r="DK40" s="66">
        <v>0</v>
      </c>
      <c r="DL40" s="232"/>
      <c r="DM40" s="65">
        <v>0</v>
      </c>
      <c r="DN40" s="65">
        <v>0</v>
      </c>
      <c r="DO40" s="65">
        <v>1</v>
      </c>
      <c r="DP40" s="65">
        <v>0</v>
      </c>
      <c r="DQ40" s="65">
        <v>2</v>
      </c>
      <c r="DR40" s="66">
        <v>3</v>
      </c>
      <c r="DS40" s="67">
        <v>3</v>
      </c>
      <c r="DT40" s="64">
        <v>2</v>
      </c>
      <c r="DU40" s="65">
        <v>0</v>
      </c>
      <c r="DV40" s="66">
        <v>2</v>
      </c>
      <c r="DW40" s="232"/>
      <c r="DX40" s="65">
        <v>1</v>
      </c>
      <c r="DY40" s="65">
        <v>0</v>
      </c>
      <c r="DZ40" s="65">
        <v>0</v>
      </c>
      <c r="EA40" s="65">
        <v>1</v>
      </c>
      <c r="EB40" s="65">
        <v>0</v>
      </c>
      <c r="EC40" s="66">
        <v>2</v>
      </c>
      <c r="ED40" s="67">
        <v>4</v>
      </c>
      <c r="EE40" s="64">
        <v>1</v>
      </c>
      <c r="EF40" s="65">
        <v>0</v>
      </c>
      <c r="EG40" s="66">
        <v>1</v>
      </c>
      <c r="EH40" s="232"/>
      <c r="EI40" s="65">
        <v>0</v>
      </c>
      <c r="EJ40" s="65">
        <v>3</v>
      </c>
      <c r="EK40" s="65">
        <v>3</v>
      </c>
      <c r="EL40" s="65">
        <v>3</v>
      </c>
      <c r="EM40" s="65">
        <v>0</v>
      </c>
      <c r="EN40" s="66">
        <v>9</v>
      </c>
      <c r="EO40" s="67">
        <v>10</v>
      </c>
      <c r="EP40" s="64">
        <v>7</v>
      </c>
      <c r="EQ40" s="65">
        <v>1</v>
      </c>
      <c r="ER40" s="66">
        <v>8</v>
      </c>
      <c r="ES40" s="232"/>
      <c r="ET40" s="65">
        <v>5</v>
      </c>
      <c r="EU40" s="65">
        <v>5</v>
      </c>
      <c r="EV40" s="65">
        <v>3</v>
      </c>
      <c r="EW40" s="65">
        <v>2</v>
      </c>
      <c r="EX40" s="65">
        <v>4</v>
      </c>
      <c r="EY40" s="66">
        <v>19</v>
      </c>
      <c r="EZ40" s="67">
        <v>27</v>
      </c>
      <c r="FA40" s="64">
        <v>6</v>
      </c>
      <c r="FB40" s="65">
        <v>1</v>
      </c>
      <c r="FC40" s="66">
        <v>7</v>
      </c>
      <c r="FD40" s="232"/>
      <c r="FE40" s="65">
        <v>9</v>
      </c>
      <c r="FF40" s="65">
        <v>5</v>
      </c>
      <c r="FG40" s="65">
        <v>9</v>
      </c>
      <c r="FH40" s="65">
        <v>5</v>
      </c>
      <c r="FI40" s="65">
        <v>4</v>
      </c>
      <c r="FJ40" s="66">
        <v>32</v>
      </c>
      <c r="FK40" s="67">
        <v>39</v>
      </c>
      <c r="FL40" s="64">
        <v>2</v>
      </c>
      <c r="FM40" s="65">
        <v>1</v>
      </c>
      <c r="FN40" s="66">
        <v>3</v>
      </c>
      <c r="FO40" s="232"/>
      <c r="FP40" s="65">
        <v>6</v>
      </c>
      <c r="FQ40" s="65">
        <v>5</v>
      </c>
      <c r="FR40" s="65">
        <v>9</v>
      </c>
      <c r="FS40" s="65">
        <v>6</v>
      </c>
      <c r="FT40" s="65">
        <v>4</v>
      </c>
      <c r="FU40" s="66">
        <v>30</v>
      </c>
      <c r="FV40" s="67">
        <v>33</v>
      </c>
      <c r="FW40" s="64">
        <v>0</v>
      </c>
      <c r="FX40" s="65">
        <v>0</v>
      </c>
      <c r="FY40" s="66">
        <v>0</v>
      </c>
      <c r="FZ40" s="232"/>
      <c r="GA40" s="65">
        <v>0</v>
      </c>
      <c r="GB40" s="65">
        <v>2</v>
      </c>
      <c r="GC40" s="65">
        <v>0</v>
      </c>
      <c r="GD40" s="65">
        <v>0</v>
      </c>
      <c r="GE40" s="65">
        <v>0</v>
      </c>
      <c r="GF40" s="66">
        <v>2</v>
      </c>
      <c r="GG40" s="67">
        <v>2</v>
      </c>
      <c r="GH40" s="64">
        <v>18</v>
      </c>
      <c r="GI40" s="65">
        <v>3</v>
      </c>
      <c r="GJ40" s="66">
        <v>21</v>
      </c>
      <c r="GK40" s="232"/>
      <c r="GL40" s="65">
        <v>21</v>
      </c>
      <c r="GM40" s="65">
        <v>20</v>
      </c>
      <c r="GN40" s="65">
        <v>25</v>
      </c>
      <c r="GO40" s="65">
        <v>17</v>
      </c>
      <c r="GP40" s="65">
        <v>14</v>
      </c>
      <c r="GQ40" s="66">
        <v>97</v>
      </c>
      <c r="GR40" s="67">
        <v>118</v>
      </c>
      <c r="GS40" s="114">
        <v>23</v>
      </c>
      <c r="GT40" s="77">
        <v>4</v>
      </c>
      <c r="GU40" s="78">
        <v>27</v>
      </c>
      <c r="GV40" s="229"/>
      <c r="GW40" s="77">
        <v>30</v>
      </c>
      <c r="GX40" s="77">
        <v>25</v>
      </c>
      <c r="GY40" s="77">
        <v>35</v>
      </c>
      <c r="GZ40" s="77">
        <v>27</v>
      </c>
      <c r="HA40" s="77">
        <v>15</v>
      </c>
      <c r="HB40" s="79">
        <v>132</v>
      </c>
      <c r="HC40" s="80">
        <v>159</v>
      </c>
      <c r="HD40" s="64">
        <v>1</v>
      </c>
      <c r="HE40" s="65">
        <v>0</v>
      </c>
      <c r="HF40" s="66">
        <v>1</v>
      </c>
      <c r="HG40" s="232"/>
      <c r="HH40" s="65">
        <v>0</v>
      </c>
      <c r="HI40" s="65">
        <v>1</v>
      </c>
      <c r="HJ40" s="65">
        <v>1</v>
      </c>
      <c r="HK40" s="65">
        <v>1</v>
      </c>
      <c r="HL40" s="65">
        <v>2</v>
      </c>
      <c r="HM40" s="66">
        <v>5</v>
      </c>
      <c r="HN40" s="67">
        <v>6</v>
      </c>
      <c r="HO40" s="64">
        <v>3</v>
      </c>
      <c r="HP40" s="65">
        <v>0</v>
      </c>
      <c r="HQ40" s="66">
        <v>3</v>
      </c>
      <c r="HR40" s="232"/>
      <c r="HS40" s="65">
        <v>1</v>
      </c>
      <c r="HT40" s="65">
        <v>1</v>
      </c>
      <c r="HU40" s="65">
        <v>2</v>
      </c>
      <c r="HV40" s="65">
        <v>4</v>
      </c>
      <c r="HW40" s="65">
        <v>0</v>
      </c>
      <c r="HX40" s="66">
        <v>8</v>
      </c>
      <c r="HY40" s="67">
        <v>11</v>
      </c>
      <c r="HZ40" s="64">
        <v>1</v>
      </c>
      <c r="IA40" s="65">
        <v>0</v>
      </c>
      <c r="IB40" s="66">
        <v>1</v>
      </c>
      <c r="IC40" s="232"/>
      <c r="ID40" s="65">
        <v>2</v>
      </c>
      <c r="IE40" s="65">
        <v>4</v>
      </c>
      <c r="IF40" s="65">
        <v>6</v>
      </c>
      <c r="IG40" s="65">
        <v>3</v>
      </c>
      <c r="IH40" s="65">
        <v>0</v>
      </c>
      <c r="II40" s="66">
        <v>15</v>
      </c>
      <c r="IJ40" s="67">
        <v>16</v>
      </c>
      <c r="IK40" s="64">
        <v>9</v>
      </c>
      <c r="IL40" s="65">
        <v>2</v>
      </c>
      <c r="IM40" s="66">
        <v>11</v>
      </c>
      <c r="IN40" s="232"/>
      <c r="IO40" s="65">
        <v>8</v>
      </c>
      <c r="IP40" s="65">
        <v>6</v>
      </c>
      <c r="IQ40" s="65">
        <v>4</v>
      </c>
      <c r="IR40" s="65">
        <v>4</v>
      </c>
      <c r="IS40" s="65">
        <v>4</v>
      </c>
      <c r="IT40" s="66">
        <v>26</v>
      </c>
      <c r="IU40" s="67">
        <v>37</v>
      </c>
      <c r="IV40" s="64">
        <v>6</v>
      </c>
      <c r="IW40" s="65">
        <v>1</v>
      </c>
      <c r="IX40" s="66">
        <v>7</v>
      </c>
      <c r="IY40" s="232"/>
      <c r="IZ40" s="65">
        <v>10</v>
      </c>
      <c r="JA40" s="65">
        <v>6</v>
      </c>
      <c r="JB40" s="65">
        <v>12</v>
      </c>
      <c r="JC40" s="65">
        <v>8</v>
      </c>
      <c r="JD40" s="65">
        <v>4</v>
      </c>
      <c r="JE40" s="66">
        <v>40</v>
      </c>
      <c r="JF40" s="67">
        <v>47</v>
      </c>
      <c r="JG40" s="64">
        <v>3</v>
      </c>
      <c r="JH40" s="65">
        <v>1</v>
      </c>
      <c r="JI40" s="66">
        <v>4</v>
      </c>
      <c r="JJ40" s="232"/>
      <c r="JK40" s="65">
        <v>9</v>
      </c>
      <c r="JL40" s="65">
        <v>7</v>
      </c>
      <c r="JM40" s="65">
        <v>10</v>
      </c>
      <c r="JN40" s="65">
        <v>7</v>
      </c>
      <c r="JO40" s="65">
        <v>5</v>
      </c>
      <c r="JP40" s="66">
        <v>38</v>
      </c>
      <c r="JQ40" s="67">
        <v>42</v>
      </c>
      <c r="JR40" s="64">
        <v>0</v>
      </c>
      <c r="JS40" s="65">
        <v>0</v>
      </c>
      <c r="JT40" s="66">
        <v>0</v>
      </c>
      <c r="JU40" s="232"/>
      <c r="JV40" s="65">
        <v>0</v>
      </c>
      <c r="JW40" s="65">
        <v>3</v>
      </c>
      <c r="JX40" s="65">
        <v>0</v>
      </c>
      <c r="JY40" s="65">
        <v>1</v>
      </c>
      <c r="JZ40" s="65">
        <v>0</v>
      </c>
      <c r="KA40" s="66">
        <v>4</v>
      </c>
      <c r="KB40" s="67">
        <v>4</v>
      </c>
      <c r="KC40" s="64">
        <v>23</v>
      </c>
      <c r="KD40" s="65">
        <v>4</v>
      </c>
      <c r="KE40" s="66">
        <v>27</v>
      </c>
      <c r="KF40" s="232"/>
      <c r="KG40" s="65">
        <v>30</v>
      </c>
      <c r="KH40" s="65">
        <v>28</v>
      </c>
      <c r="KI40" s="65">
        <v>35</v>
      </c>
      <c r="KJ40" s="65">
        <v>28</v>
      </c>
      <c r="KK40" s="65">
        <v>15</v>
      </c>
      <c r="KL40" s="66">
        <v>136</v>
      </c>
      <c r="KM40" s="67">
        <v>163</v>
      </c>
    </row>
    <row r="41" spans="2:299" ht="32.25" customHeight="1" x14ac:dyDescent="0.2">
      <c r="C41" s="289"/>
    </row>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10</v>
      </c>
      <c r="H1" s="531">
        <f>IF(G1&lt;3,G1-2+12,G1-2)</f>
        <v>8</v>
      </c>
      <c r="I1" s="531"/>
    </row>
    <row r="2" spans="2:43" ht="24" customHeight="1" thickBot="1" x14ac:dyDescent="0.25">
      <c r="B2" s="15" t="s">
        <v>157</v>
      </c>
      <c r="F2" s="15" t="s">
        <v>139</v>
      </c>
    </row>
    <row r="3" spans="2:43" ht="21" customHeight="1" x14ac:dyDescent="0.2">
      <c r="B3" s="577"/>
      <c r="C3" s="567" t="s">
        <v>57</v>
      </c>
      <c r="D3" s="568"/>
      <c r="E3" s="568"/>
      <c r="F3" s="568"/>
      <c r="G3" s="568"/>
      <c r="H3" s="568"/>
      <c r="I3" s="568"/>
      <c r="J3" s="568"/>
      <c r="K3" s="568"/>
      <c r="L3" s="568"/>
      <c r="M3" s="567" t="s">
        <v>58</v>
      </c>
      <c r="N3" s="580"/>
      <c r="O3" s="580"/>
      <c r="P3" s="580"/>
      <c r="Q3" s="580"/>
      <c r="R3" s="580"/>
      <c r="S3" s="580"/>
      <c r="T3" s="580"/>
      <c r="U3" s="580"/>
      <c r="V3" s="580"/>
      <c r="W3" s="567" t="s">
        <v>59</v>
      </c>
      <c r="X3" s="568"/>
      <c r="Y3" s="568"/>
      <c r="Z3" s="568"/>
      <c r="AA3" s="568"/>
      <c r="AB3" s="568"/>
      <c r="AC3" s="568"/>
      <c r="AD3" s="568"/>
      <c r="AE3" s="568"/>
      <c r="AF3" s="568"/>
      <c r="AG3" s="576" t="s">
        <v>150</v>
      </c>
      <c r="AH3" s="568"/>
      <c r="AI3" s="568"/>
      <c r="AJ3" s="568"/>
      <c r="AK3" s="568"/>
      <c r="AL3" s="568"/>
      <c r="AM3" s="568"/>
      <c r="AN3" s="568"/>
      <c r="AO3" s="568"/>
      <c r="AP3" s="569"/>
    </row>
    <row r="4" spans="2:43" ht="21" customHeight="1" x14ac:dyDescent="0.2">
      <c r="B4" s="579"/>
      <c r="C4" s="549" t="s">
        <v>61</v>
      </c>
      <c r="D4" s="550"/>
      <c r="E4" s="551"/>
      <c r="F4" s="552" t="s">
        <v>62</v>
      </c>
      <c r="G4" s="553"/>
      <c r="H4" s="553"/>
      <c r="I4" s="553"/>
      <c r="J4" s="553"/>
      <c r="K4" s="554"/>
      <c r="L4" s="564" t="s">
        <v>52</v>
      </c>
      <c r="M4" s="549" t="s">
        <v>61</v>
      </c>
      <c r="N4" s="550"/>
      <c r="O4" s="551"/>
      <c r="P4" s="552" t="s">
        <v>62</v>
      </c>
      <c r="Q4" s="553"/>
      <c r="R4" s="553"/>
      <c r="S4" s="553"/>
      <c r="T4" s="553"/>
      <c r="U4" s="554"/>
      <c r="V4" s="555" t="s">
        <v>52</v>
      </c>
      <c r="W4" s="549" t="s">
        <v>61</v>
      </c>
      <c r="X4" s="550"/>
      <c r="Y4" s="551"/>
      <c r="Z4" s="552" t="s">
        <v>62</v>
      </c>
      <c r="AA4" s="553"/>
      <c r="AB4" s="553"/>
      <c r="AC4" s="553"/>
      <c r="AD4" s="553"/>
      <c r="AE4" s="554"/>
      <c r="AF4" s="564" t="s">
        <v>52</v>
      </c>
      <c r="AG4" s="549" t="s">
        <v>61</v>
      </c>
      <c r="AH4" s="550"/>
      <c r="AI4" s="551"/>
      <c r="AJ4" s="552" t="s">
        <v>62</v>
      </c>
      <c r="AK4" s="553"/>
      <c r="AL4" s="553"/>
      <c r="AM4" s="553"/>
      <c r="AN4" s="553"/>
      <c r="AO4" s="554"/>
      <c r="AP4" s="555" t="s">
        <v>52</v>
      </c>
    </row>
    <row r="5" spans="2:43" ht="30" customHeight="1" thickBot="1" x14ac:dyDescent="0.25">
      <c r="B5" s="337" t="s">
        <v>42</v>
      </c>
      <c r="C5" s="26" t="s">
        <v>43</v>
      </c>
      <c r="D5" s="27" t="s">
        <v>44</v>
      </c>
      <c r="E5" s="27" t="s">
        <v>45</v>
      </c>
      <c r="F5" s="28" t="s">
        <v>47</v>
      </c>
      <c r="G5" s="29" t="s">
        <v>48</v>
      </c>
      <c r="H5" s="29" t="s">
        <v>49</v>
      </c>
      <c r="I5" s="30" t="s">
        <v>50</v>
      </c>
      <c r="J5" s="27" t="s">
        <v>51</v>
      </c>
      <c r="K5" s="31" t="s">
        <v>95</v>
      </c>
      <c r="L5" s="565"/>
      <c r="M5" s="26" t="s">
        <v>43</v>
      </c>
      <c r="N5" s="27" t="s">
        <v>44</v>
      </c>
      <c r="O5" s="31" t="s">
        <v>45</v>
      </c>
      <c r="P5" s="12" t="s">
        <v>47</v>
      </c>
      <c r="Q5" s="29" t="s">
        <v>48</v>
      </c>
      <c r="R5" s="29" t="s">
        <v>49</v>
      </c>
      <c r="S5" s="30" t="s">
        <v>50</v>
      </c>
      <c r="T5" s="27" t="s">
        <v>51</v>
      </c>
      <c r="U5" s="31" t="s">
        <v>45</v>
      </c>
      <c r="V5" s="556"/>
      <c r="W5" s="26" t="s">
        <v>43</v>
      </c>
      <c r="X5" s="27" t="s">
        <v>44</v>
      </c>
      <c r="Y5" s="27" t="s">
        <v>45</v>
      </c>
      <c r="Z5" s="28" t="s">
        <v>47</v>
      </c>
      <c r="AA5" s="29" t="s">
        <v>48</v>
      </c>
      <c r="AB5" s="29" t="s">
        <v>49</v>
      </c>
      <c r="AC5" s="30" t="s">
        <v>50</v>
      </c>
      <c r="AD5" s="27" t="s">
        <v>51</v>
      </c>
      <c r="AE5" s="31" t="s">
        <v>45</v>
      </c>
      <c r="AF5" s="565"/>
      <c r="AG5" s="26" t="s">
        <v>43</v>
      </c>
      <c r="AH5" s="27" t="s">
        <v>44</v>
      </c>
      <c r="AI5" s="27" t="s">
        <v>45</v>
      </c>
      <c r="AJ5" s="28" t="s">
        <v>47</v>
      </c>
      <c r="AK5" s="29" t="s">
        <v>48</v>
      </c>
      <c r="AL5" s="29" t="s">
        <v>49</v>
      </c>
      <c r="AM5" s="30" t="s">
        <v>50</v>
      </c>
      <c r="AN5" s="27" t="s">
        <v>51</v>
      </c>
      <c r="AO5" s="31" t="s">
        <v>45</v>
      </c>
      <c r="AP5" s="556"/>
    </row>
    <row r="6" spans="2:43" ht="21" customHeight="1" x14ac:dyDescent="0.2">
      <c r="B6" s="470" t="s">
        <v>4</v>
      </c>
      <c r="C6" s="172">
        <v>0</v>
      </c>
      <c r="D6" s="173">
        <v>0</v>
      </c>
      <c r="E6" s="173">
        <v>0</v>
      </c>
      <c r="F6" s="174">
        <v>13</v>
      </c>
      <c r="G6" s="175">
        <v>60</v>
      </c>
      <c r="H6" s="175">
        <v>474</v>
      </c>
      <c r="I6" s="175">
        <v>702</v>
      </c>
      <c r="J6" s="173">
        <v>355</v>
      </c>
      <c r="K6" s="176">
        <v>1604</v>
      </c>
      <c r="L6" s="177">
        <v>1604</v>
      </c>
      <c r="M6" s="172">
        <v>0</v>
      </c>
      <c r="N6" s="173">
        <v>0</v>
      </c>
      <c r="O6" s="176">
        <v>0</v>
      </c>
      <c r="P6" s="179">
        <v>86</v>
      </c>
      <c r="Q6" s="175">
        <v>187</v>
      </c>
      <c r="R6" s="175">
        <v>247</v>
      </c>
      <c r="S6" s="175">
        <v>287</v>
      </c>
      <c r="T6" s="173">
        <v>149</v>
      </c>
      <c r="U6" s="176">
        <v>956</v>
      </c>
      <c r="V6" s="180">
        <v>956</v>
      </c>
      <c r="W6" s="179">
        <v>0</v>
      </c>
      <c r="X6" s="173">
        <v>0</v>
      </c>
      <c r="Y6" s="173">
        <v>0</v>
      </c>
      <c r="Z6" s="174">
        <v>0</v>
      </c>
      <c r="AA6" s="175">
        <v>0</v>
      </c>
      <c r="AB6" s="175">
        <v>0</v>
      </c>
      <c r="AC6" s="175">
        <v>10</v>
      </c>
      <c r="AD6" s="173">
        <v>5</v>
      </c>
      <c r="AE6" s="176">
        <v>15</v>
      </c>
      <c r="AF6" s="177">
        <v>15</v>
      </c>
      <c r="AG6" s="172">
        <v>0</v>
      </c>
      <c r="AH6" s="173">
        <v>0</v>
      </c>
      <c r="AI6" s="173">
        <v>0</v>
      </c>
      <c r="AJ6" s="174">
        <v>0</v>
      </c>
      <c r="AK6" s="175">
        <v>1</v>
      </c>
      <c r="AL6" s="175">
        <v>2</v>
      </c>
      <c r="AM6" s="175">
        <v>15</v>
      </c>
      <c r="AN6" s="173">
        <v>18</v>
      </c>
      <c r="AO6" s="176">
        <v>36</v>
      </c>
      <c r="AP6" s="178">
        <v>36</v>
      </c>
      <c r="AQ6" s="32"/>
    </row>
    <row r="7" spans="2:43" ht="21" customHeight="1" x14ac:dyDescent="0.2">
      <c r="B7" s="471" t="s">
        <v>5</v>
      </c>
      <c r="C7" s="181">
        <v>0</v>
      </c>
      <c r="D7" s="182">
        <v>0</v>
      </c>
      <c r="E7" s="182">
        <v>0</v>
      </c>
      <c r="F7" s="183">
        <v>8</v>
      </c>
      <c r="G7" s="184">
        <v>49</v>
      </c>
      <c r="H7" s="184">
        <v>247</v>
      </c>
      <c r="I7" s="184">
        <v>293</v>
      </c>
      <c r="J7" s="182">
        <v>162</v>
      </c>
      <c r="K7" s="185">
        <v>759</v>
      </c>
      <c r="L7" s="186">
        <v>759</v>
      </c>
      <c r="M7" s="181">
        <v>0</v>
      </c>
      <c r="N7" s="182">
        <v>0</v>
      </c>
      <c r="O7" s="185">
        <v>0</v>
      </c>
      <c r="P7" s="188">
        <v>39</v>
      </c>
      <c r="Q7" s="184">
        <v>110</v>
      </c>
      <c r="R7" s="184">
        <v>126</v>
      </c>
      <c r="S7" s="184">
        <v>139</v>
      </c>
      <c r="T7" s="182">
        <v>71</v>
      </c>
      <c r="U7" s="185">
        <v>485</v>
      </c>
      <c r="V7" s="189">
        <v>485</v>
      </c>
      <c r="W7" s="188">
        <v>0</v>
      </c>
      <c r="X7" s="182">
        <v>0</v>
      </c>
      <c r="Y7" s="182">
        <v>0</v>
      </c>
      <c r="Z7" s="183">
        <v>0</v>
      </c>
      <c r="AA7" s="184">
        <v>0</v>
      </c>
      <c r="AB7" s="184">
        <v>0</v>
      </c>
      <c r="AC7" s="184">
        <v>5</v>
      </c>
      <c r="AD7" s="182">
        <v>1</v>
      </c>
      <c r="AE7" s="185">
        <v>6</v>
      </c>
      <c r="AF7" s="186">
        <v>6</v>
      </c>
      <c r="AG7" s="181">
        <v>0</v>
      </c>
      <c r="AH7" s="182">
        <v>0</v>
      </c>
      <c r="AI7" s="182">
        <v>0</v>
      </c>
      <c r="AJ7" s="183">
        <v>0</v>
      </c>
      <c r="AK7" s="184">
        <v>0</v>
      </c>
      <c r="AL7" s="184">
        <v>1</v>
      </c>
      <c r="AM7" s="184">
        <v>4</v>
      </c>
      <c r="AN7" s="182">
        <v>5</v>
      </c>
      <c r="AO7" s="185">
        <v>10</v>
      </c>
      <c r="AP7" s="187">
        <v>10</v>
      </c>
      <c r="AQ7" s="32"/>
    </row>
    <row r="8" spans="2:43" ht="21" customHeight="1" x14ac:dyDescent="0.2">
      <c r="B8" s="472" t="s">
        <v>6</v>
      </c>
      <c r="C8" s="181">
        <v>0</v>
      </c>
      <c r="D8" s="182">
        <v>0</v>
      </c>
      <c r="E8" s="182">
        <v>0</v>
      </c>
      <c r="F8" s="183">
        <v>2</v>
      </c>
      <c r="G8" s="184">
        <v>2</v>
      </c>
      <c r="H8" s="184">
        <v>49</v>
      </c>
      <c r="I8" s="184">
        <v>74</v>
      </c>
      <c r="J8" s="182">
        <v>40</v>
      </c>
      <c r="K8" s="185">
        <v>167</v>
      </c>
      <c r="L8" s="186">
        <v>167</v>
      </c>
      <c r="M8" s="181">
        <v>0</v>
      </c>
      <c r="N8" s="182">
        <v>0</v>
      </c>
      <c r="O8" s="185">
        <v>0</v>
      </c>
      <c r="P8" s="188">
        <v>5</v>
      </c>
      <c r="Q8" s="184">
        <v>15</v>
      </c>
      <c r="R8" s="184">
        <v>24</v>
      </c>
      <c r="S8" s="184">
        <v>28</v>
      </c>
      <c r="T8" s="182">
        <v>16</v>
      </c>
      <c r="U8" s="185">
        <v>88</v>
      </c>
      <c r="V8" s="189">
        <v>88</v>
      </c>
      <c r="W8" s="188">
        <v>0</v>
      </c>
      <c r="X8" s="182">
        <v>0</v>
      </c>
      <c r="Y8" s="182">
        <v>0</v>
      </c>
      <c r="Z8" s="183">
        <v>0</v>
      </c>
      <c r="AA8" s="184">
        <v>0</v>
      </c>
      <c r="AB8" s="184">
        <v>0</v>
      </c>
      <c r="AC8" s="184">
        <v>5</v>
      </c>
      <c r="AD8" s="182">
        <v>2</v>
      </c>
      <c r="AE8" s="185">
        <v>7</v>
      </c>
      <c r="AF8" s="186">
        <v>7</v>
      </c>
      <c r="AG8" s="181">
        <v>0</v>
      </c>
      <c r="AH8" s="182">
        <v>0</v>
      </c>
      <c r="AI8" s="182">
        <v>0</v>
      </c>
      <c r="AJ8" s="183">
        <v>0</v>
      </c>
      <c r="AK8" s="184">
        <v>0</v>
      </c>
      <c r="AL8" s="184">
        <v>0</v>
      </c>
      <c r="AM8" s="184">
        <v>3</v>
      </c>
      <c r="AN8" s="182">
        <v>4</v>
      </c>
      <c r="AO8" s="185">
        <v>7</v>
      </c>
      <c r="AP8" s="187">
        <v>7</v>
      </c>
      <c r="AQ8" s="32"/>
    </row>
    <row r="9" spans="2:43" ht="21" customHeight="1" x14ac:dyDescent="0.2">
      <c r="B9" s="472" t="s">
        <v>14</v>
      </c>
      <c r="C9" s="181">
        <v>0</v>
      </c>
      <c r="D9" s="182">
        <v>0</v>
      </c>
      <c r="E9" s="182">
        <v>0</v>
      </c>
      <c r="F9" s="183">
        <v>0</v>
      </c>
      <c r="G9" s="184">
        <v>0</v>
      </c>
      <c r="H9" s="184">
        <v>36</v>
      </c>
      <c r="I9" s="184">
        <v>55</v>
      </c>
      <c r="J9" s="182">
        <v>30</v>
      </c>
      <c r="K9" s="185">
        <v>121</v>
      </c>
      <c r="L9" s="186">
        <v>121</v>
      </c>
      <c r="M9" s="181">
        <v>0</v>
      </c>
      <c r="N9" s="182">
        <v>0</v>
      </c>
      <c r="O9" s="185">
        <v>0</v>
      </c>
      <c r="P9" s="188">
        <v>1</v>
      </c>
      <c r="Q9" s="184">
        <v>6</v>
      </c>
      <c r="R9" s="184">
        <v>13</v>
      </c>
      <c r="S9" s="184">
        <v>13</v>
      </c>
      <c r="T9" s="182">
        <v>9</v>
      </c>
      <c r="U9" s="185">
        <v>42</v>
      </c>
      <c r="V9" s="189">
        <v>42</v>
      </c>
      <c r="W9" s="188">
        <v>0</v>
      </c>
      <c r="X9" s="182">
        <v>0</v>
      </c>
      <c r="Y9" s="182">
        <v>0</v>
      </c>
      <c r="Z9" s="183">
        <v>0</v>
      </c>
      <c r="AA9" s="184">
        <v>0</v>
      </c>
      <c r="AB9" s="184">
        <v>0</v>
      </c>
      <c r="AC9" s="184">
        <v>0</v>
      </c>
      <c r="AD9" s="182">
        <v>1</v>
      </c>
      <c r="AE9" s="185">
        <v>1</v>
      </c>
      <c r="AF9" s="186">
        <v>1</v>
      </c>
      <c r="AG9" s="181">
        <v>0</v>
      </c>
      <c r="AH9" s="182">
        <v>0</v>
      </c>
      <c r="AI9" s="182">
        <v>0</v>
      </c>
      <c r="AJ9" s="183">
        <v>0</v>
      </c>
      <c r="AK9" s="184">
        <v>0</v>
      </c>
      <c r="AL9" s="184">
        <v>0</v>
      </c>
      <c r="AM9" s="184">
        <v>2</v>
      </c>
      <c r="AN9" s="182">
        <v>5</v>
      </c>
      <c r="AO9" s="185">
        <v>7</v>
      </c>
      <c r="AP9" s="187">
        <v>7</v>
      </c>
      <c r="AQ9" s="32"/>
    </row>
    <row r="10" spans="2:43" ht="21" customHeight="1" x14ac:dyDescent="0.2">
      <c r="B10" s="472" t="s">
        <v>7</v>
      </c>
      <c r="C10" s="181">
        <v>0</v>
      </c>
      <c r="D10" s="182">
        <v>0</v>
      </c>
      <c r="E10" s="182">
        <v>0</v>
      </c>
      <c r="F10" s="183">
        <v>0</v>
      </c>
      <c r="G10" s="184">
        <v>2</v>
      </c>
      <c r="H10" s="184">
        <v>19</v>
      </c>
      <c r="I10" s="184">
        <v>50</v>
      </c>
      <c r="J10" s="182">
        <v>27</v>
      </c>
      <c r="K10" s="185">
        <v>98</v>
      </c>
      <c r="L10" s="186">
        <v>98</v>
      </c>
      <c r="M10" s="181">
        <v>0</v>
      </c>
      <c r="N10" s="182">
        <v>0</v>
      </c>
      <c r="O10" s="185">
        <v>0</v>
      </c>
      <c r="P10" s="188">
        <v>13</v>
      </c>
      <c r="Q10" s="184">
        <v>6</v>
      </c>
      <c r="R10" s="184">
        <v>12</v>
      </c>
      <c r="S10" s="184">
        <v>21</v>
      </c>
      <c r="T10" s="182">
        <v>5</v>
      </c>
      <c r="U10" s="185">
        <v>57</v>
      </c>
      <c r="V10" s="189">
        <v>57</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1</v>
      </c>
      <c r="AM10" s="184">
        <v>0</v>
      </c>
      <c r="AN10" s="182">
        <v>0</v>
      </c>
      <c r="AO10" s="185">
        <v>1</v>
      </c>
      <c r="AP10" s="187">
        <v>1</v>
      </c>
      <c r="AQ10" s="32"/>
    </row>
    <row r="11" spans="2:43" ht="21" customHeight="1" x14ac:dyDescent="0.2">
      <c r="B11" s="472" t="s">
        <v>8</v>
      </c>
      <c r="C11" s="181">
        <v>0</v>
      </c>
      <c r="D11" s="182">
        <v>0</v>
      </c>
      <c r="E11" s="182">
        <v>0</v>
      </c>
      <c r="F11" s="183">
        <v>2</v>
      </c>
      <c r="G11" s="184">
        <v>3</v>
      </c>
      <c r="H11" s="184">
        <v>10</v>
      </c>
      <c r="I11" s="184">
        <v>13</v>
      </c>
      <c r="J11" s="182">
        <v>9</v>
      </c>
      <c r="K11" s="185">
        <v>37</v>
      </c>
      <c r="L11" s="186">
        <v>37</v>
      </c>
      <c r="M11" s="181">
        <v>0</v>
      </c>
      <c r="N11" s="182">
        <v>0</v>
      </c>
      <c r="O11" s="185">
        <v>0</v>
      </c>
      <c r="P11" s="188">
        <v>1</v>
      </c>
      <c r="Q11" s="184">
        <v>2</v>
      </c>
      <c r="R11" s="184">
        <v>11</v>
      </c>
      <c r="S11" s="184">
        <v>9</v>
      </c>
      <c r="T11" s="182">
        <v>6</v>
      </c>
      <c r="U11" s="185">
        <v>29</v>
      </c>
      <c r="V11" s="189">
        <v>29</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0</v>
      </c>
      <c r="AL11" s="184">
        <v>0</v>
      </c>
      <c r="AM11" s="184">
        <v>1</v>
      </c>
      <c r="AN11" s="182">
        <v>1</v>
      </c>
      <c r="AO11" s="185">
        <v>2</v>
      </c>
      <c r="AP11" s="187">
        <v>2</v>
      </c>
      <c r="AQ11" s="32"/>
    </row>
    <row r="12" spans="2:43" ht="21" customHeight="1" x14ac:dyDescent="0.2">
      <c r="B12" s="472" t="s">
        <v>9</v>
      </c>
      <c r="C12" s="181">
        <v>0</v>
      </c>
      <c r="D12" s="182">
        <v>0</v>
      </c>
      <c r="E12" s="182">
        <v>0</v>
      </c>
      <c r="F12" s="183">
        <v>0</v>
      </c>
      <c r="G12" s="184">
        <v>0</v>
      </c>
      <c r="H12" s="184">
        <v>10</v>
      </c>
      <c r="I12" s="184">
        <v>23</v>
      </c>
      <c r="J12" s="182">
        <v>9</v>
      </c>
      <c r="K12" s="185">
        <v>42</v>
      </c>
      <c r="L12" s="186">
        <v>42</v>
      </c>
      <c r="M12" s="181">
        <v>0</v>
      </c>
      <c r="N12" s="182">
        <v>0</v>
      </c>
      <c r="O12" s="185">
        <v>0</v>
      </c>
      <c r="P12" s="188">
        <v>0</v>
      </c>
      <c r="Q12" s="184">
        <v>5</v>
      </c>
      <c r="R12" s="184">
        <v>6</v>
      </c>
      <c r="S12" s="184">
        <v>8</v>
      </c>
      <c r="T12" s="182">
        <v>4</v>
      </c>
      <c r="U12" s="185">
        <v>23</v>
      </c>
      <c r="V12" s="189">
        <v>23</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1</v>
      </c>
      <c r="AN12" s="182">
        <v>0</v>
      </c>
      <c r="AO12" s="185">
        <v>1</v>
      </c>
      <c r="AP12" s="187">
        <v>1</v>
      </c>
      <c r="AQ12" s="32"/>
    </row>
    <row r="13" spans="2:43" ht="21" customHeight="1" x14ac:dyDescent="0.2">
      <c r="B13" s="472" t="s">
        <v>10</v>
      </c>
      <c r="C13" s="181">
        <v>0</v>
      </c>
      <c r="D13" s="182">
        <v>0</v>
      </c>
      <c r="E13" s="182">
        <v>0</v>
      </c>
      <c r="F13" s="183">
        <v>1</v>
      </c>
      <c r="G13" s="184">
        <v>0</v>
      </c>
      <c r="H13" s="184">
        <v>22</v>
      </c>
      <c r="I13" s="184">
        <v>34</v>
      </c>
      <c r="J13" s="182">
        <v>12</v>
      </c>
      <c r="K13" s="185">
        <v>69</v>
      </c>
      <c r="L13" s="186">
        <v>69</v>
      </c>
      <c r="M13" s="181">
        <v>0</v>
      </c>
      <c r="N13" s="182">
        <v>0</v>
      </c>
      <c r="O13" s="185">
        <v>0</v>
      </c>
      <c r="P13" s="188">
        <v>5</v>
      </c>
      <c r="Q13" s="184">
        <v>8</v>
      </c>
      <c r="R13" s="184">
        <v>7</v>
      </c>
      <c r="S13" s="184">
        <v>15</v>
      </c>
      <c r="T13" s="182">
        <v>9</v>
      </c>
      <c r="U13" s="185">
        <v>44</v>
      </c>
      <c r="V13" s="189">
        <v>44</v>
      </c>
      <c r="W13" s="188">
        <v>0</v>
      </c>
      <c r="X13" s="182">
        <v>0</v>
      </c>
      <c r="Y13" s="182">
        <v>0</v>
      </c>
      <c r="Z13" s="183">
        <v>0</v>
      </c>
      <c r="AA13" s="184">
        <v>0</v>
      </c>
      <c r="AB13" s="184">
        <v>0</v>
      </c>
      <c r="AC13" s="184">
        <v>0</v>
      </c>
      <c r="AD13" s="182">
        <v>1</v>
      </c>
      <c r="AE13" s="185">
        <v>1</v>
      </c>
      <c r="AF13" s="186">
        <v>1</v>
      </c>
      <c r="AG13" s="181">
        <v>0</v>
      </c>
      <c r="AH13" s="182">
        <v>0</v>
      </c>
      <c r="AI13" s="182">
        <v>0</v>
      </c>
      <c r="AJ13" s="183">
        <v>0</v>
      </c>
      <c r="AK13" s="184">
        <v>0</v>
      </c>
      <c r="AL13" s="184">
        <v>0</v>
      </c>
      <c r="AM13" s="184">
        <v>0</v>
      </c>
      <c r="AN13" s="182">
        <v>1</v>
      </c>
      <c r="AO13" s="185">
        <v>1</v>
      </c>
      <c r="AP13" s="187">
        <v>1</v>
      </c>
      <c r="AQ13" s="32"/>
    </row>
    <row r="14" spans="2:43" ht="21" customHeight="1" x14ac:dyDescent="0.2">
      <c r="B14" s="472" t="s">
        <v>11</v>
      </c>
      <c r="C14" s="181">
        <v>0</v>
      </c>
      <c r="D14" s="182">
        <v>0</v>
      </c>
      <c r="E14" s="182">
        <v>0</v>
      </c>
      <c r="F14" s="183">
        <v>0</v>
      </c>
      <c r="G14" s="184">
        <v>0</v>
      </c>
      <c r="H14" s="184">
        <v>5</v>
      </c>
      <c r="I14" s="184">
        <v>19</v>
      </c>
      <c r="J14" s="182">
        <v>4</v>
      </c>
      <c r="K14" s="185">
        <v>28</v>
      </c>
      <c r="L14" s="186">
        <v>28</v>
      </c>
      <c r="M14" s="181">
        <v>0</v>
      </c>
      <c r="N14" s="182">
        <v>0</v>
      </c>
      <c r="O14" s="185">
        <v>0</v>
      </c>
      <c r="P14" s="188">
        <v>2</v>
      </c>
      <c r="Q14" s="184">
        <v>3</v>
      </c>
      <c r="R14" s="184">
        <v>2</v>
      </c>
      <c r="S14" s="184">
        <v>3</v>
      </c>
      <c r="T14" s="182">
        <v>7</v>
      </c>
      <c r="U14" s="185">
        <v>17</v>
      </c>
      <c r="V14" s="189">
        <v>17</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1</v>
      </c>
      <c r="AN14" s="182">
        <v>0</v>
      </c>
      <c r="AO14" s="185">
        <v>1</v>
      </c>
      <c r="AP14" s="187">
        <v>1</v>
      </c>
      <c r="AQ14" s="32"/>
    </row>
    <row r="15" spans="2:43" ht="21" customHeight="1" x14ac:dyDescent="0.2">
      <c r="B15" s="472" t="s">
        <v>12</v>
      </c>
      <c r="C15" s="181">
        <v>0</v>
      </c>
      <c r="D15" s="182">
        <v>0</v>
      </c>
      <c r="E15" s="182">
        <v>0</v>
      </c>
      <c r="F15" s="183">
        <v>0</v>
      </c>
      <c r="G15" s="184">
        <v>0</v>
      </c>
      <c r="H15" s="184">
        <v>6</v>
      </c>
      <c r="I15" s="184">
        <v>13</v>
      </c>
      <c r="J15" s="182">
        <v>7</v>
      </c>
      <c r="K15" s="185">
        <v>26</v>
      </c>
      <c r="L15" s="186">
        <v>26</v>
      </c>
      <c r="M15" s="181">
        <v>0</v>
      </c>
      <c r="N15" s="182">
        <v>0</v>
      </c>
      <c r="O15" s="185">
        <v>0</v>
      </c>
      <c r="P15" s="188">
        <v>2</v>
      </c>
      <c r="Q15" s="184">
        <v>3</v>
      </c>
      <c r="R15" s="184">
        <v>6</v>
      </c>
      <c r="S15" s="184">
        <v>9</v>
      </c>
      <c r="T15" s="182">
        <v>3</v>
      </c>
      <c r="U15" s="185">
        <v>23</v>
      </c>
      <c r="V15" s="189">
        <v>23</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1</v>
      </c>
      <c r="AO15" s="185">
        <v>2</v>
      </c>
      <c r="AP15" s="187">
        <v>2</v>
      </c>
      <c r="AQ15" s="32"/>
    </row>
    <row r="16" spans="2:43" ht="21" customHeight="1" x14ac:dyDescent="0.2">
      <c r="B16" s="472" t="s">
        <v>13</v>
      </c>
      <c r="C16" s="181">
        <v>0</v>
      </c>
      <c r="D16" s="182">
        <v>0</v>
      </c>
      <c r="E16" s="182">
        <v>0</v>
      </c>
      <c r="F16" s="183">
        <v>0</v>
      </c>
      <c r="G16" s="184">
        <v>0</v>
      </c>
      <c r="H16" s="184">
        <v>4</v>
      </c>
      <c r="I16" s="184">
        <v>13</v>
      </c>
      <c r="J16" s="182">
        <v>3</v>
      </c>
      <c r="K16" s="185">
        <v>20</v>
      </c>
      <c r="L16" s="186">
        <v>20</v>
      </c>
      <c r="M16" s="181">
        <v>0</v>
      </c>
      <c r="N16" s="182">
        <v>0</v>
      </c>
      <c r="O16" s="185">
        <v>0</v>
      </c>
      <c r="P16" s="188">
        <v>1</v>
      </c>
      <c r="Q16" s="184">
        <v>2</v>
      </c>
      <c r="R16" s="184">
        <v>3</v>
      </c>
      <c r="S16" s="184">
        <v>1</v>
      </c>
      <c r="T16" s="182">
        <v>1</v>
      </c>
      <c r="U16" s="185">
        <v>8</v>
      </c>
      <c r="V16" s="189">
        <v>8</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2</v>
      </c>
      <c r="I17" s="184">
        <v>8</v>
      </c>
      <c r="J17" s="182">
        <v>4</v>
      </c>
      <c r="K17" s="185">
        <v>14</v>
      </c>
      <c r="L17" s="186">
        <v>14</v>
      </c>
      <c r="M17" s="181">
        <v>0</v>
      </c>
      <c r="N17" s="182">
        <v>0</v>
      </c>
      <c r="O17" s="185">
        <v>0</v>
      </c>
      <c r="P17" s="188">
        <v>0</v>
      </c>
      <c r="Q17" s="184">
        <v>2</v>
      </c>
      <c r="R17" s="184">
        <v>1</v>
      </c>
      <c r="S17" s="184">
        <v>5</v>
      </c>
      <c r="T17" s="182">
        <v>2</v>
      </c>
      <c r="U17" s="185">
        <v>10</v>
      </c>
      <c r="V17" s="189">
        <v>10</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1</v>
      </c>
      <c r="H18" s="184">
        <v>5</v>
      </c>
      <c r="I18" s="184">
        <v>9</v>
      </c>
      <c r="J18" s="182">
        <v>5</v>
      </c>
      <c r="K18" s="185">
        <v>20</v>
      </c>
      <c r="L18" s="186">
        <v>20</v>
      </c>
      <c r="M18" s="181">
        <v>0</v>
      </c>
      <c r="N18" s="182">
        <v>0</v>
      </c>
      <c r="O18" s="185">
        <v>0</v>
      </c>
      <c r="P18" s="188">
        <v>0</v>
      </c>
      <c r="Q18" s="184">
        <v>3</v>
      </c>
      <c r="R18" s="184">
        <v>5</v>
      </c>
      <c r="S18" s="184">
        <v>6</v>
      </c>
      <c r="T18" s="182">
        <v>1</v>
      </c>
      <c r="U18" s="185">
        <v>15</v>
      </c>
      <c r="V18" s="189">
        <v>15</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0</v>
      </c>
      <c r="AO18" s="185">
        <v>0</v>
      </c>
      <c r="AP18" s="187">
        <v>0</v>
      </c>
      <c r="AQ18" s="32"/>
    </row>
    <row r="19" spans="2:43" ht="21" customHeight="1" x14ac:dyDescent="0.2">
      <c r="B19" s="472" t="s">
        <v>17</v>
      </c>
      <c r="C19" s="181">
        <v>0</v>
      </c>
      <c r="D19" s="182">
        <v>0</v>
      </c>
      <c r="E19" s="182">
        <v>0</v>
      </c>
      <c r="F19" s="183">
        <v>0</v>
      </c>
      <c r="G19" s="184">
        <v>0</v>
      </c>
      <c r="H19" s="184">
        <v>10</v>
      </c>
      <c r="I19" s="184">
        <v>19</v>
      </c>
      <c r="J19" s="182">
        <v>8</v>
      </c>
      <c r="K19" s="185">
        <v>37</v>
      </c>
      <c r="L19" s="186">
        <v>37</v>
      </c>
      <c r="M19" s="181">
        <v>0</v>
      </c>
      <c r="N19" s="182">
        <v>0</v>
      </c>
      <c r="O19" s="185">
        <v>0</v>
      </c>
      <c r="P19" s="188">
        <v>5</v>
      </c>
      <c r="Q19" s="184">
        <v>3</v>
      </c>
      <c r="R19" s="184">
        <v>8</v>
      </c>
      <c r="S19" s="184">
        <v>2</v>
      </c>
      <c r="T19" s="182">
        <v>8</v>
      </c>
      <c r="U19" s="185">
        <v>26</v>
      </c>
      <c r="V19" s="189">
        <v>26</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0</v>
      </c>
      <c r="AO19" s="185">
        <v>0</v>
      </c>
      <c r="AP19" s="187">
        <v>0</v>
      </c>
      <c r="AQ19" s="32"/>
    </row>
    <row r="20" spans="2:43" ht="21" customHeight="1" x14ac:dyDescent="0.2">
      <c r="B20" s="472" t="s">
        <v>18</v>
      </c>
      <c r="C20" s="181">
        <v>0</v>
      </c>
      <c r="D20" s="182">
        <v>0</v>
      </c>
      <c r="E20" s="182">
        <v>0</v>
      </c>
      <c r="F20" s="183">
        <v>0</v>
      </c>
      <c r="G20" s="184">
        <v>0</v>
      </c>
      <c r="H20" s="184">
        <v>5</v>
      </c>
      <c r="I20" s="184">
        <v>23</v>
      </c>
      <c r="J20" s="182">
        <v>6</v>
      </c>
      <c r="K20" s="185">
        <v>34</v>
      </c>
      <c r="L20" s="186">
        <v>34</v>
      </c>
      <c r="M20" s="181">
        <v>0</v>
      </c>
      <c r="N20" s="182">
        <v>0</v>
      </c>
      <c r="O20" s="185">
        <v>0</v>
      </c>
      <c r="P20" s="188">
        <v>2</v>
      </c>
      <c r="Q20" s="184">
        <v>5</v>
      </c>
      <c r="R20" s="184">
        <v>3</v>
      </c>
      <c r="S20" s="184">
        <v>6</v>
      </c>
      <c r="T20" s="182">
        <v>3</v>
      </c>
      <c r="U20" s="185">
        <v>19</v>
      </c>
      <c r="V20" s="189">
        <v>19</v>
      </c>
      <c r="W20" s="188">
        <v>0</v>
      </c>
      <c r="X20" s="182">
        <v>0</v>
      </c>
      <c r="Y20" s="182">
        <v>0</v>
      </c>
      <c r="Z20" s="183">
        <v>0</v>
      </c>
      <c r="AA20" s="184">
        <v>0</v>
      </c>
      <c r="AB20" s="184">
        <v>0</v>
      </c>
      <c r="AC20" s="184">
        <v>0</v>
      </c>
      <c r="AD20" s="182">
        <v>0</v>
      </c>
      <c r="AE20" s="185">
        <v>0</v>
      </c>
      <c r="AF20" s="186">
        <v>0</v>
      </c>
      <c r="AG20" s="181">
        <v>0</v>
      </c>
      <c r="AH20" s="182">
        <v>0</v>
      </c>
      <c r="AI20" s="182">
        <v>0</v>
      </c>
      <c r="AJ20" s="183">
        <v>0</v>
      </c>
      <c r="AK20" s="184">
        <v>0</v>
      </c>
      <c r="AL20" s="184">
        <v>0</v>
      </c>
      <c r="AM20" s="184">
        <v>1</v>
      </c>
      <c r="AN20" s="182">
        <v>0</v>
      </c>
      <c r="AO20" s="185">
        <v>1</v>
      </c>
      <c r="AP20" s="187">
        <v>1</v>
      </c>
      <c r="AQ20" s="32"/>
    </row>
    <row r="21" spans="2:43" ht="21" customHeight="1" x14ac:dyDescent="0.2">
      <c r="B21" s="472" t="s">
        <v>19</v>
      </c>
      <c r="C21" s="181">
        <v>0</v>
      </c>
      <c r="D21" s="182">
        <v>0</v>
      </c>
      <c r="E21" s="182">
        <v>0</v>
      </c>
      <c r="F21" s="183">
        <v>0</v>
      </c>
      <c r="G21" s="184">
        <v>0</v>
      </c>
      <c r="H21" s="184">
        <v>8</v>
      </c>
      <c r="I21" s="184">
        <v>3</v>
      </c>
      <c r="J21" s="182">
        <v>4</v>
      </c>
      <c r="K21" s="185">
        <v>15</v>
      </c>
      <c r="L21" s="186">
        <v>15</v>
      </c>
      <c r="M21" s="181">
        <v>0</v>
      </c>
      <c r="N21" s="182">
        <v>0</v>
      </c>
      <c r="O21" s="185">
        <v>0</v>
      </c>
      <c r="P21" s="188">
        <v>1</v>
      </c>
      <c r="Q21" s="184">
        <v>0</v>
      </c>
      <c r="R21" s="184">
        <v>1</v>
      </c>
      <c r="S21" s="184">
        <v>5</v>
      </c>
      <c r="T21" s="182">
        <v>0</v>
      </c>
      <c r="U21" s="185">
        <v>7</v>
      </c>
      <c r="V21" s="189">
        <v>7</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0</v>
      </c>
      <c r="AO21" s="185">
        <v>0</v>
      </c>
      <c r="AP21" s="187">
        <v>0</v>
      </c>
      <c r="AQ21" s="32"/>
    </row>
    <row r="22" spans="2:43" ht="21" customHeight="1" x14ac:dyDescent="0.2">
      <c r="B22" s="472" t="s">
        <v>20</v>
      </c>
      <c r="C22" s="181">
        <v>0</v>
      </c>
      <c r="D22" s="182">
        <v>0</v>
      </c>
      <c r="E22" s="182">
        <v>0</v>
      </c>
      <c r="F22" s="183">
        <v>0</v>
      </c>
      <c r="G22" s="184">
        <v>1</v>
      </c>
      <c r="H22" s="184">
        <v>4</v>
      </c>
      <c r="I22" s="184">
        <v>13</v>
      </c>
      <c r="J22" s="182">
        <v>3</v>
      </c>
      <c r="K22" s="185">
        <v>21</v>
      </c>
      <c r="L22" s="186">
        <v>21</v>
      </c>
      <c r="M22" s="181">
        <v>0</v>
      </c>
      <c r="N22" s="182">
        <v>0</v>
      </c>
      <c r="O22" s="185">
        <v>0</v>
      </c>
      <c r="P22" s="188">
        <v>2</v>
      </c>
      <c r="Q22" s="184">
        <v>1</v>
      </c>
      <c r="R22" s="184">
        <v>1</v>
      </c>
      <c r="S22" s="184">
        <v>1</v>
      </c>
      <c r="T22" s="182">
        <v>0</v>
      </c>
      <c r="U22" s="185">
        <v>5</v>
      </c>
      <c r="V22" s="189">
        <v>5</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7</v>
      </c>
      <c r="I23" s="184">
        <v>10</v>
      </c>
      <c r="J23" s="182">
        <v>7</v>
      </c>
      <c r="K23" s="185">
        <v>24</v>
      </c>
      <c r="L23" s="186">
        <v>24</v>
      </c>
      <c r="M23" s="181">
        <v>0</v>
      </c>
      <c r="N23" s="182">
        <v>0</v>
      </c>
      <c r="O23" s="185">
        <v>0</v>
      </c>
      <c r="P23" s="188">
        <v>0</v>
      </c>
      <c r="Q23" s="184">
        <v>2</v>
      </c>
      <c r="R23" s="184">
        <v>3</v>
      </c>
      <c r="S23" s="184">
        <v>0</v>
      </c>
      <c r="T23" s="182">
        <v>0</v>
      </c>
      <c r="U23" s="185">
        <v>5</v>
      </c>
      <c r="V23" s="189">
        <v>5</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1</v>
      </c>
      <c r="AO23" s="185">
        <v>1</v>
      </c>
      <c r="AP23" s="187">
        <v>1</v>
      </c>
      <c r="AQ23" s="32"/>
    </row>
    <row r="24" spans="2:43" ht="21" customHeight="1" x14ac:dyDescent="0.2">
      <c r="B24" s="472" t="s">
        <v>22</v>
      </c>
      <c r="C24" s="181">
        <v>0</v>
      </c>
      <c r="D24" s="182">
        <v>0</v>
      </c>
      <c r="E24" s="182">
        <v>0</v>
      </c>
      <c r="F24" s="183">
        <v>0</v>
      </c>
      <c r="G24" s="184">
        <v>0</v>
      </c>
      <c r="H24" s="184">
        <v>4</v>
      </c>
      <c r="I24" s="184">
        <v>6</v>
      </c>
      <c r="J24" s="182">
        <v>0</v>
      </c>
      <c r="K24" s="185">
        <v>10</v>
      </c>
      <c r="L24" s="186">
        <v>10</v>
      </c>
      <c r="M24" s="181">
        <v>0</v>
      </c>
      <c r="N24" s="182">
        <v>0</v>
      </c>
      <c r="O24" s="185">
        <v>0</v>
      </c>
      <c r="P24" s="188">
        <v>1</v>
      </c>
      <c r="Q24" s="184">
        <v>1</v>
      </c>
      <c r="R24" s="184">
        <v>1</v>
      </c>
      <c r="S24" s="184">
        <v>1</v>
      </c>
      <c r="T24" s="182">
        <v>0</v>
      </c>
      <c r="U24" s="185">
        <v>4</v>
      </c>
      <c r="V24" s="189">
        <v>4</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0</v>
      </c>
      <c r="AN24" s="182">
        <v>0</v>
      </c>
      <c r="AO24" s="185">
        <v>0</v>
      </c>
      <c r="AP24" s="187">
        <v>0</v>
      </c>
      <c r="AQ24" s="32"/>
    </row>
    <row r="25" spans="2:43" ht="21" customHeight="1" x14ac:dyDescent="0.2">
      <c r="B25" s="472" t="s">
        <v>23</v>
      </c>
      <c r="C25" s="181">
        <v>0</v>
      </c>
      <c r="D25" s="182">
        <v>0</v>
      </c>
      <c r="E25" s="182">
        <v>0</v>
      </c>
      <c r="F25" s="183">
        <v>0</v>
      </c>
      <c r="G25" s="184">
        <v>0</v>
      </c>
      <c r="H25" s="184">
        <v>5</v>
      </c>
      <c r="I25" s="184">
        <v>6</v>
      </c>
      <c r="J25" s="182">
        <v>1</v>
      </c>
      <c r="K25" s="185">
        <v>12</v>
      </c>
      <c r="L25" s="186">
        <v>12</v>
      </c>
      <c r="M25" s="181">
        <v>0</v>
      </c>
      <c r="N25" s="182">
        <v>0</v>
      </c>
      <c r="O25" s="185">
        <v>0</v>
      </c>
      <c r="P25" s="188">
        <v>0</v>
      </c>
      <c r="Q25" s="184">
        <v>2</v>
      </c>
      <c r="R25" s="184">
        <v>1</v>
      </c>
      <c r="S25" s="184">
        <v>1</v>
      </c>
      <c r="T25" s="182">
        <v>1</v>
      </c>
      <c r="U25" s="185">
        <v>5</v>
      </c>
      <c r="V25" s="189">
        <v>5</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0</v>
      </c>
      <c r="AO25" s="185">
        <v>0</v>
      </c>
      <c r="AP25" s="187">
        <v>0</v>
      </c>
      <c r="AQ25" s="32"/>
    </row>
    <row r="26" spans="2:43" ht="21" customHeight="1" x14ac:dyDescent="0.2">
      <c r="B26" s="472" t="s">
        <v>24</v>
      </c>
      <c r="C26" s="181">
        <v>0</v>
      </c>
      <c r="D26" s="182">
        <v>0</v>
      </c>
      <c r="E26" s="182">
        <v>0</v>
      </c>
      <c r="F26" s="183">
        <v>0</v>
      </c>
      <c r="G26" s="184">
        <v>0</v>
      </c>
      <c r="H26" s="184">
        <v>1</v>
      </c>
      <c r="I26" s="184">
        <v>3</v>
      </c>
      <c r="J26" s="182">
        <v>3</v>
      </c>
      <c r="K26" s="185">
        <v>7</v>
      </c>
      <c r="L26" s="186">
        <v>7</v>
      </c>
      <c r="M26" s="181">
        <v>0</v>
      </c>
      <c r="N26" s="182">
        <v>0</v>
      </c>
      <c r="O26" s="185">
        <v>0</v>
      </c>
      <c r="P26" s="188">
        <v>0</v>
      </c>
      <c r="Q26" s="184">
        <v>1</v>
      </c>
      <c r="R26" s="184">
        <v>3</v>
      </c>
      <c r="S26" s="184">
        <v>3</v>
      </c>
      <c r="T26" s="182">
        <v>0</v>
      </c>
      <c r="U26" s="185">
        <v>7</v>
      </c>
      <c r="V26" s="189">
        <v>7</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1</v>
      </c>
      <c r="H27" s="184">
        <v>5</v>
      </c>
      <c r="I27" s="184">
        <v>1</v>
      </c>
      <c r="J27" s="182">
        <v>2</v>
      </c>
      <c r="K27" s="185">
        <v>9</v>
      </c>
      <c r="L27" s="186">
        <v>9</v>
      </c>
      <c r="M27" s="181">
        <v>0</v>
      </c>
      <c r="N27" s="182">
        <v>0</v>
      </c>
      <c r="O27" s="185">
        <v>0</v>
      </c>
      <c r="P27" s="188">
        <v>1</v>
      </c>
      <c r="Q27" s="184">
        <v>0</v>
      </c>
      <c r="R27" s="184">
        <v>1</v>
      </c>
      <c r="S27" s="184">
        <v>1</v>
      </c>
      <c r="T27" s="182">
        <v>1</v>
      </c>
      <c r="U27" s="185">
        <v>4</v>
      </c>
      <c r="V27" s="189">
        <v>4</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72" t="s">
        <v>26</v>
      </c>
      <c r="C28" s="181">
        <v>0</v>
      </c>
      <c r="D28" s="182">
        <v>0</v>
      </c>
      <c r="E28" s="182">
        <v>0</v>
      </c>
      <c r="F28" s="183">
        <v>0</v>
      </c>
      <c r="G28" s="184">
        <v>0</v>
      </c>
      <c r="H28" s="184">
        <v>3</v>
      </c>
      <c r="I28" s="184">
        <v>4</v>
      </c>
      <c r="J28" s="182">
        <v>1</v>
      </c>
      <c r="K28" s="185">
        <v>8</v>
      </c>
      <c r="L28" s="186">
        <v>8</v>
      </c>
      <c r="M28" s="181">
        <v>0</v>
      </c>
      <c r="N28" s="182">
        <v>0</v>
      </c>
      <c r="O28" s="185">
        <v>0</v>
      </c>
      <c r="P28" s="188">
        <v>0</v>
      </c>
      <c r="Q28" s="184">
        <v>1</v>
      </c>
      <c r="R28" s="184">
        <v>1</v>
      </c>
      <c r="S28" s="184">
        <v>0</v>
      </c>
      <c r="T28" s="182">
        <v>0</v>
      </c>
      <c r="U28" s="185">
        <v>2</v>
      </c>
      <c r="V28" s="189">
        <v>2</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1</v>
      </c>
      <c r="H29" s="184">
        <v>2</v>
      </c>
      <c r="I29" s="184">
        <v>0</v>
      </c>
      <c r="J29" s="182">
        <v>1</v>
      </c>
      <c r="K29" s="185">
        <v>4</v>
      </c>
      <c r="L29" s="186">
        <v>4</v>
      </c>
      <c r="M29" s="181">
        <v>0</v>
      </c>
      <c r="N29" s="182">
        <v>0</v>
      </c>
      <c r="O29" s="185">
        <v>0</v>
      </c>
      <c r="P29" s="188">
        <v>1</v>
      </c>
      <c r="Q29" s="184">
        <v>4</v>
      </c>
      <c r="R29" s="184">
        <v>2</v>
      </c>
      <c r="S29" s="184">
        <v>3</v>
      </c>
      <c r="T29" s="182">
        <v>0</v>
      </c>
      <c r="U29" s="185">
        <v>10</v>
      </c>
      <c r="V29" s="189">
        <v>10</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72" t="s">
        <v>28</v>
      </c>
      <c r="C30" s="181">
        <v>0</v>
      </c>
      <c r="D30" s="182">
        <v>0</v>
      </c>
      <c r="E30" s="182">
        <v>0</v>
      </c>
      <c r="F30" s="183">
        <v>0</v>
      </c>
      <c r="G30" s="184">
        <v>0</v>
      </c>
      <c r="H30" s="184">
        <v>0</v>
      </c>
      <c r="I30" s="184">
        <v>1</v>
      </c>
      <c r="J30" s="182">
        <v>1</v>
      </c>
      <c r="K30" s="185">
        <v>2</v>
      </c>
      <c r="L30" s="186">
        <v>2</v>
      </c>
      <c r="M30" s="181">
        <v>0</v>
      </c>
      <c r="N30" s="182">
        <v>0</v>
      </c>
      <c r="O30" s="185">
        <v>0</v>
      </c>
      <c r="P30" s="188">
        <v>0</v>
      </c>
      <c r="Q30" s="184">
        <v>1</v>
      </c>
      <c r="R30" s="184">
        <v>0</v>
      </c>
      <c r="S30" s="184">
        <v>0</v>
      </c>
      <c r="T30" s="182">
        <v>1</v>
      </c>
      <c r="U30" s="185">
        <v>2</v>
      </c>
      <c r="V30" s="189">
        <v>2</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1</v>
      </c>
      <c r="S31" s="184">
        <v>0</v>
      </c>
      <c r="T31" s="182">
        <v>0</v>
      </c>
      <c r="U31" s="185">
        <v>1</v>
      </c>
      <c r="V31" s="189">
        <v>1</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0</v>
      </c>
      <c r="I32" s="184">
        <v>1</v>
      </c>
      <c r="J32" s="182">
        <v>0</v>
      </c>
      <c r="K32" s="185">
        <v>1</v>
      </c>
      <c r="L32" s="186">
        <v>1</v>
      </c>
      <c r="M32" s="181">
        <v>0</v>
      </c>
      <c r="N32" s="182">
        <v>0</v>
      </c>
      <c r="O32" s="185">
        <v>0</v>
      </c>
      <c r="P32" s="188">
        <v>2</v>
      </c>
      <c r="Q32" s="184">
        <v>0</v>
      </c>
      <c r="R32" s="184">
        <v>1</v>
      </c>
      <c r="S32" s="184">
        <v>4</v>
      </c>
      <c r="T32" s="182">
        <v>0</v>
      </c>
      <c r="U32" s="185">
        <v>7</v>
      </c>
      <c r="V32" s="189">
        <v>7</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1</v>
      </c>
      <c r="AN32" s="182">
        <v>0</v>
      </c>
      <c r="AO32" s="185">
        <v>1</v>
      </c>
      <c r="AP32" s="187">
        <v>1</v>
      </c>
      <c r="AQ32" s="32"/>
    </row>
    <row r="33" spans="2:43" ht="21" customHeight="1" x14ac:dyDescent="0.2">
      <c r="B33" s="472" t="s">
        <v>31</v>
      </c>
      <c r="C33" s="181">
        <v>0</v>
      </c>
      <c r="D33" s="182">
        <v>0</v>
      </c>
      <c r="E33" s="182">
        <v>0</v>
      </c>
      <c r="F33" s="183">
        <v>0</v>
      </c>
      <c r="G33" s="184">
        <v>0</v>
      </c>
      <c r="H33" s="184">
        <v>2</v>
      </c>
      <c r="I33" s="184">
        <v>1</v>
      </c>
      <c r="J33" s="182">
        <v>0</v>
      </c>
      <c r="K33" s="185">
        <v>3</v>
      </c>
      <c r="L33" s="186">
        <v>3</v>
      </c>
      <c r="M33" s="181">
        <v>0</v>
      </c>
      <c r="N33" s="182">
        <v>0</v>
      </c>
      <c r="O33" s="185">
        <v>0</v>
      </c>
      <c r="P33" s="188">
        <v>0</v>
      </c>
      <c r="Q33" s="184">
        <v>0</v>
      </c>
      <c r="R33" s="184">
        <v>0</v>
      </c>
      <c r="S33" s="184">
        <v>0</v>
      </c>
      <c r="T33" s="182">
        <v>0</v>
      </c>
      <c r="U33" s="185">
        <v>0</v>
      </c>
      <c r="V33" s="189">
        <v>0</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1</v>
      </c>
      <c r="I34" s="184">
        <v>3</v>
      </c>
      <c r="J34" s="182">
        <v>0</v>
      </c>
      <c r="K34" s="185">
        <v>4</v>
      </c>
      <c r="L34" s="186">
        <v>4</v>
      </c>
      <c r="M34" s="181">
        <v>0</v>
      </c>
      <c r="N34" s="182">
        <v>0</v>
      </c>
      <c r="O34" s="185">
        <v>0</v>
      </c>
      <c r="P34" s="188">
        <v>1</v>
      </c>
      <c r="Q34" s="184">
        <v>0</v>
      </c>
      <c r="R34" s="184">
        <v>0</v>
      </c>
      <c r="S34" s="184">
        <v>1</v>
      </c>
      <c r="T34" s="182">
        <v>1</v>
      </c>
      <c r="U34" s="185">
        <v>3</v>
      </c>
      <c r="V34" s="189">
        <v>3</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0</v>
      </c>
      <c r="S35" s="184">
        <v>0</v>
      </c>
      <c r="T35" s="182">
        <v>0</v>
      </c>
      <c r="U35" s="185">
        <v>0</v>
      </c>
      <c r="V35" s="189">
        <v>0</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1</v>
      </c>
      <c r="AL35" s="184">
        <v>0</v>
      </c>
      <c r="AM35" s="184">
        <v>0</v>
      </c>
      <c r="AN35" s="182">
        <v>0</v>
      </c>
      <c r="AO35" s="185">
        <v>1</v>
      </c>
      <c r="AP35" s="187">
        <v>1</v>
      </c>
      <c r="AQ35" s="32"/>
    </row>
    <row r="36" spans="2:43" ht="21" customHeight="1" x14ac:dyDescent="0.2">
      <c r="B36" s="472" t="s">
        <v>34</v>
      </c>
      <c r="C36" s="181">
        <v>0</v>
      </c>
      <c r="D36" s="182">
        <v>0</v>
      </c>
      <c r="E36" s="182">
        <v>0</v>
      </c>
      <c r="F36" s="183">
        <v>0</v>
      </c>
      <c r="G36" s="184">
        <v>0</v>
      </c>
      <c r="H36" s="184">
        <v>1</v>
      </c>
      <c r="I36" s="184">
        <v>0</v>
      </c>
      <c r="J36" s="182">
        <v>0</v>
      </c>
      <c r="K36" s="185">
        <v>1</v>
      </c>
      <c r="L36" s="186">
        <v>1</v>
      </c>
      <c r="M36" s="181">
        <v>0</v>
      </c>
      <c r="N36" s="182">
        <v>0</v>
      </c>
      <c r="O36" s="185">
        <v>0</v>
      </c>
      <c r="P36" s="188">
        <v>0</v>
      </c>
      <c r="Q36" s="184">
        <v>0</v>
      </c>
      <c r="R36" s="184">
        <v>1</v>
      </c>
      <c r="S36" s="184">
        <v>0</v>
      </c>
      <c r="T36" s="182">
        <v>0</v>
      </c>
      <c r="U36" s="185">
        <v>1</v>
      </c>
      <c r="V36" s="189">
        <v>1</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3</v>
      </c>
      <c r="K37" s="185">
        <v>4</v>
      </c>
      <c r="L37" s="186">
        <v>4</v>
      </c>
      <c r="M37" s="181">
        <v>0</v>
      </c>
      <c r="N37" s="182">
        <v>0</v>
      </c>
      <c r="O37" s="185">
        <v>0</v>
      </c>
      <c r="P37" s="188">
        <v>1</v>
      </c>
      <c r="Q37" s="184">
        <v>0</v>
      </c>
      <c r="R37" s="184">
        <v>3</v>
      </c>
      <c r="S37" s="184">
        <v>0</v>
      </c>
      <c r="T37" s="182">
        <v>0</v>
      </c>
      <c r="U37" s="185">
        <v>4</v>
      </c>
      <c r="V37" s="189">
        <v>4</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0</v>
      </c>
      <c r="I38" s="184">
        <v>2</v>
      </c>
      <c r="J38" s="182">
        <v>3</v>
      </c>
      <c r="K38" s="185">
        <v>5</v>
      </c>
      <c r="L38" s="186">
        <v>5</v>
      </c>
      <c r="M38" s="181">
        <v>0</v>
      </c>
      <c r="N38" s="182">
        <v>0</v>
      </c>
      <c r="O38" s="185">
        <v>0</v>
      </c>
      <c r="P38" s="188">
        <v>0</v>
      </c>
      <c r="Q38" s="184">
        <v>1</v>
      </c>
      <c r="R38" s="184">
        <v>0</v>
      </c>
      <c r="S38" s="184">
        <v>2</v>
      </c>
      <c r="T38" s="182">
        <v>0</v>
      </c>
      <c r="U38" s="185">
        <v>3</v>
      </c>
      <c r="V38" s="189">
        <v>3</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1</v>
      </c>
      <c r="I39" s="193">
        <v>0</v>
      </c>
      <c r="J39" s="191">
        <v>0</v>
      </c>
      <c r="K39" s="194">
        <v>1</v>
      </c>
      <c r="L39" s="195">
        <v>1</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B3:B4"/>
    <mergeCell ref="C3:L3"/>
    <mergeCell ref="M3:V3"/>
    <mergeCell ref="C4:E4"/>
    <mergeCell ref="F4:K4"/>
    <mergeCell ref="L4:L5"/>
    <mergeCell ref="H1:I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10</v>
      </c>
      <c r="H1" s="583">
        <f>IF(G1&lt;3,G1-2+12,G1-2)</f>
        <v>8</v>
      </c>
      <c r="I1" s="583"/>
    </row>
    <row r="2" spans="2:43" ht="24" customHeight="1" thickBot="1" x14ac:dyDescent="0.25">
      <c r="B2" s="15" t="s">
        <v>158</v>
      </c>
      <c r="F2" s="15" t="s">
        <v>139</v>
      </c>
    </row>
    <row r="3" spans="2:43" ht="21" customHeight="1" x14ac:dyDescent="0.2">
      <c r="B3" s="577"/>
      <c r="C3" s="567" t="s">
        <v>57</v>
      </c>
      <c r="D3" s="568"/>
      <c r="E3" s="568"/>
      <c r="F3" s="568"/>
      <c r="G3" s="568"/>
      <c r="H3" s="568"/>
      <c r="I3" s="568"/>
      <c r="J3" s="568"/>
      <c r="K3" s="568"/>
      <c r="L3" s="568"/>
      <c r="M3" s="567" t="s">
        <v>58</v>
      </c>
      <c r="N3" s="580"/>
      <c r="O3" s="580"/>
      <c r="P3" s="580"/>
      <c r="Q3" s="580"/>
      <c r="R3" s="580"/>
      <c r="S3" s="580"/>
      <c r="T3" s="580"/>
      <c r="U3" s="580"/>
      <c r="V3" s="580"/>
      <c r="W3" s="567" t="s">
        <v>59</v>
      </c>
      <c r="X3" s="568"/>
      <c r="Y3" s="568"/>
      <c r="Z3" s="568"/>
      <c r="AA3" s="568"/>
      <c r="AB3" s="568"/>
      <c r="AC3" s="568"/>
      <c r="AD3" s="568"/>
      <c r="AE3" s="568"/>
      <c r="AF3" s="568"/>
      <c r="AG3" s="576" t="s">
        <v>150</v>
      </c>
      <c r="AH3" s="568"/>
      <c r="AI3" s="568"/>
      <c r="AJ3" s="568"/>
      <c r="AK3" s="568"/>
      <c r="AL3" s="568"/>
      <c r="AM3" s="568"/>
      <c r="AN3" s="568"/>
      <c r="AO3" s="568"/>
      <c r="AP3" s="569"/>
    </row>
    <row r="4" spans="2:43" ht="21" customHeight="1" x14ac:dyDescent="0.2">
      <c r="B4" s="579"/>
      <c r="C4" s="549" t="s">
        <v>61</v>
      </c>
      <c r="D4" s="550"/>
      <c r="E4" s="551"/>
      <c r="F4" s="552" t="s">
        <v>62</v>
      </c>
      <c r="G4" s="553"/>
      <c r="H4" s="553"/>
      <c r="I4" s="553"/>
      <c r="J4" s="553"/>
      <c r="K4" s="554"/>
      <c r="L4" s="564" t="s">
        <v>52</v>
      </c>
      <c r="M4" s="549" t="s">
        <v>61</v>
      </c>
      <c r="N4" s="550"/>
      <c r="O4" s="551"/>
      <c r="P4" s="552" t="s">
        <v>62</v>
      </c>
      <c r="Q4" s="553"/>
      <c r="R4" s="553"/>
      <c r="S4" s="553"/>
      <c r="T4" s="553"/>
      <c r="U4" s="554"/>
      <c r="V4" s="555" t="s">
        <v>52</v>
      </c>
      <c r="W4" s="549" t="s">
        <v>61</v>
      </c>
      <c r="X4" s="550"/>
      <c r="Y4" s="551"/>
      <c r="Z4" s="552" t="s">
        <v>62</v>
      </c>
      <c r="AA4" s="553"/>
      <c r="AB4" s="553"/>
      <c r="AC4" s="553"/>
      <c r="AD4" s="553"/>
      <c r="AE4" s="554"/>
      <c r="AF4" s="564" t="s">
        <v>52</v>
      </c>
      <c r="AG4" s="549" t="s">
        <v>61</v>
      </c>
      <c r="AH4" s="550"/>
      <c r="AI4" s="551"/>
      <c r="AJ4" s="552" t="s">
        <v>62</v>
      </c>
      <c r="AK4" s="553"/>
      <c r="AL4" s="553"/>
      <c r="AM4" s="553"/>
      <c r="AN4" s="553"/>
      <c r="AO4" s="554"/>
      <c r="AP4" s="555" t="s">
        <v>52</v>
      </c>
    </row>
    <row r="5" spans="2:43" ht="30" customHeight="1" thickBot="1" x14ac:dyDescent="0.25">
      <c r="B5" s="338" t="s">
        <v>42</v>
      </c>
      <c r="C5" s="26" t="s">
        <v>43</v>
      </c>
      <c r="D5" s="27" t="s">
        <v>44</v>
      </c>
      <c r="E5" s="27" t="s">
        <v>45</v>
      </c>
      <c r="F5" s="28" t="s">
        <v>47</v>
      </c>
      <c r="G5" s="29" t="s">
        <v>48</v>
      </c>
      <c r="H5" s="29" t="s">
        <v>49</v>
      </c>
      <c r="I5" s="30" t="s">
        <v>50</v>
      </c>
      <c r="J5" s="27" t="s">
        <v>51</v>
      </c>
      <c r="K5" s="31" t="s">
        <v>95</v>
      </c>
      <c r="L5" s="565"/>
      <c r="M5" s="26" t="s">
        <v>43</v>
      </c>
      <c r="N5" s="27" t="s">
        <v>44</v>
      </c>
      <c r="O5" s="31" t="s">
        <v>45</v>
      </c>
      <c r="P5" s="12" t="s">
        <v>47</v>
      </c>
      <c r="Q5" s="29" t="s">
        <v>48</v>
      </c>
      <c r="R5" s="29" t="s">
        <v>49</v>
      </c>
      <c r="S5" s="30" t="s">
        <v>50</v>
      </c>
      <c r="T5" s="27" t="s">
        <v>51</v>
      </c>
      <c r="U5" s="31" t="s">
        <v>45</v>
      </c>
      <c r="V5" s="556"/>
      <c r="W5" s="26" t="s">
        <v>43</v>
      </c>
      <c r="X5" s="27" t="s">
        <v>44</v>
      </c>
      <c r="Y5" s="27" t="s">
        <v>45</v>
      </c>
      <c r="Z5" s="28" t="s">
        <v>47</v>
      </c>
      <c r="AA5" s="29" t="s">
        <v>48</v>
      </c>
      <c r="AB5" s="29" t="s">
        <v>49</v>
      </c>
      <c r="AC5" s="30" t="s">
        <v>50</v>
      </c>
      <c r="AD5" s="27" t="s">
        <v>51</v>
      </c>
      <c r="AE5" s="31" t="s">
        <v>45</v>
      </c>
      <c r="AF5" s="565"/>
      <c r="AG5" s="26" t="s">
        <v>43</v>
      </c>
      <c r="AH5" s="27" t="s">
        <v>44</v>
      </c>
      <c r="AI5" s="27" t="s">
        <v>45</v>
      </c>
      <c r="AJ5" s="28" t="s">
        <v>47</v>
      </c>
      <c r="AK5" s="29" t="s">
        <v>48</v>
      </c>
      <c r="AL5" s="29" t="s">
        <v>49</v>
      </c>
      <c r="AM5" s="30" t="s">
        <v>50</v>
      </c>
      <c r="AN5" s="27" t="s">
        <v>51</v>
      </c>
      <c r="AO5" s="31" t="s">
        <v>45</v>
      </c>
      <c r="AP5" s="556"/>
    </row>
    <row r="6" spans="2:43" ht="21" customHeight="1" x14ac:dyDescent="0.2">
      <c r="B6" s="470" t="s">
        <v>4</v>
      </c>
      <c r="C6" s="172">
        <v>0</v>
      </c>
      <c r="D6" s="173">
        <v>0</v>
      </c>
      <c r="E6" s="173">
        <v>0</v>
      </c>
      <c r="F6" s="174">
        <v>10</v>
      </c>
      <c r="G6" s="175">
        <v>37</v>
      </c>
      <c r="H6" s="175">
        <v>275</v>
      </c>
      <c r="I6" s="175">
        <v>385</v>
      </c>
      <c r="J6" s="173">
        <v>274</v>
      </c>
      <c r="K6" s="176">
        <v>981</v>
      </c>
      <c r="L6" s="177">
        <v>981</v>
      </c>
      <c r="M6" s="172">
        <v>0</v>
      </c>
      <c r="N6" s="173">
        <v>0</v>
      </c>
      <c r="O6" s="176">
        <v>0</v>
      </c>
      <c r="P6" s="179">
        <v>47</v>
      </c>
      <c r="Q6" s="175">
        <v>134</v>
      </c>
      <c r="R6" s="175">
        <v>190</v>
      </c>
      <c r="S6" s="175">
        <v>240</v>
      </c>
      <c r="T6" s="173">
        <v>126</v>
      </c>
      <c r="U6" s="176">
        <v>737</v>
      </c>
      <c r="V6" s="180">
        <v>737</v>
      </c>
      <c r="W6" s="179">
        <v>0</v>
      </c>
      <c r="X6" s="173">
        <v>0</v>
      </c>
      <c r="Y6" s="173">
        <v>0</v>
      </c>
      <c r="Z6" s="174">
        <v>0</v>
      </c>
      <c r="AA6" s="175">
        <v>0</v>
      </c>
      <c r="AB6" s="175">
        <v>0</v>
      </c>
      <c r="AC6" s="175">
        <v>9</v>
      </c>
      <c r="AD6" s="173">
        <v>10</v>
      </c>
      <c r="AE6" s="176">
        <v>19</v>
      </c>
      <c r="AF6" s="177">
        <v>19</v>
      </c>
      <c r="AG6" s="172">
        <v>0</v>
      </c>
      <c r="AH6" s="173">
        <v>0</v>
      </c>
      <c r="AI6" s="173">
        <v>0</v>
      </c>
      <c r="AJ6" s="174">
        <v>0</v>
      </c>
      <c r="AK6" s="175">
        <v>1</v>
      </c>
      <c r="AL6" s="175">
        <v>2</v>
      </c>
      <c r="AM6" s="175">
        <v>12</v>
      </c>
      <c r="AN6" s="173">
        <v>25</v>
      </c>
      <c r="AO6" s="176">
        <v>40</v>
      </c>
      <c r="AP6" s="178">
        <v>40</v>
      </c>
      <c r="AQ6" s="32"/>
    </row>
    <row r="7" spans="2:43" ht="21" customHeight="1" x14ac:dyDescent="0.2">
      <c r="B7" s="471" t="s">
        <v>5</v>
      </c>
      <c r="C7" s="181">
        <v>0</v>
      </c>
      <c r="D7" s="182">
        <v>0</v>
      </c>
      <c r="E7" s="182">
        <v>0</v>
      </c>
      <c r="F7" s="183">
        <v>5</v>
      </c>
      <c r="G7" s="184">
        <v>25</v>
      </c>
      <c r="H7" s="184">
        <v>145</v>
      </c>
      <c r="I7" s="184">
        <v>162</v>
      </c>
      <c r="J7" s="182">
        <v>120</v>
      </c>
      <c r="K7" s="185">
        <v>457</v>
      </c>
      <c r="L7" s="186">
        <v>457</v>
      </c>
      <c r="M7" s="181">
        <v>0</v>
      </c>
      <c r="N7" s="182">
        <v>0</v>
      </c>
      <c r="O7" s="185">
        <v>0</v>
      </c>
      <c r="P7" s="188">
        <v>23</v>
      </c>
      <c r="Q7" s="184">
        <v>65</v>
      </c>
      <c r="R7" s="184">
        <v>92</v>
      </c>
      <c r="S7" s="184">
        <v>112</v>
      </c>
      <c r="T7" s="182">
        <v>63</v>
      </c>
      <c r="U7" s="185">
        <v>355</v>
      </c>
      <c r="V7" s="189">
        <v>355</v>
      </c>
      <c r="W7" s="188">
        <v>0</v>
      </c>
      <c r="X7" s="182">
        <v>0</v>
      </c>
      <c r="Y7" s="182">
        <v>0</v>
      </c>
      <c r="Z7" s="183">
        <v>0</v>
      </c>
      <c r="AA7" s="184">
        <v>0</v>
      </c>
      <c r="AB7" s="184">
        <v>0</v>
      </c>
      <c r="AC7" s="184">
        <v>4</v>
      </c>
      <c r="AD7" s="182">
        <v>4</v>
      </c>
      <c r="AE7" s="185">
        <v>8</v>
      </c>
      <c r="AF7" s="186">
        <v>8</v>
      </c>
      <c r="AG7" s="181">
        <v>0</v>
      </c>
      <c r="AH7" s="182">
        <v>0</v>
      </c>
      <c r="AI7" s="182">
        <v>0</v>
      </c>
      <c r="AJ7" s="183">
        <v>0</v>
      </c>
      <c r="AK7" s="184">
        <v>0</v>
      </c>
      <c r="AL7" s="184">
        <v>0</v>
      </c>
      <c r="AM7" s="184">
        <v>7</v>
      </c>
      <c r="AN7" s="182">
        <v>9</v>
      </c>
      <c r="AO7" s="185">
        <v>16</v>
      </c>
      <c r="AP7" s="187">
        <v>16</v>
      </c>
      <c r="AQ7" s="32"/>
    </row>
    <row r="8" spans="2:43" ht="21" customHeight="1" x14ac:dyDescent="0.2">
      <c r="B8" s="472" t="s">
        <v>6</v>
      </c>
      <c r="C8" s="181">
        <v>0</v>
      </c>
      <c r="D8" s="182">
        <v>0</v>
      </c>
      <c r="E8" s="182">
        <v>0</v>
      </c>
      <c r="F8" s="183">
        <v>2</v>
      </c>
      <c r="G8" s="184">
        <v>1</v>
      </c>
      <c r="H8" s="184">
        <v>35</v>
      </c>
      <c r="I8" s="184">
        <v>48</v>
      </c>
      <c r="J8" s="182">
        <v>39</v>
      </c>
      <c r="K8" s="185">
        <v>125</v>
      </c>
      <c r="L8" s="186">
        <v>125</v>
      </c>
      <c r="M8" s="181">
        <v>0</v>
      </c>
      <c r="N8" s="182">
        <v>0</v>
      </c>
      <c r="O8" s="185">
        <v>0</v>
      </c>
      <c r="P8" s="188">
        <v>5</v>
      </c>
      <c r="Q8" s="184">
        <v>10</v>
      </c>
      <c r="R8" s="184">
        <v>25</v>
      </c>
      <c r="S8" s="184">
        <v>44</v>
      </c>
      <c r="T8" s="182">
        <v>14</v>
      </c>
      <c r="U8" s="185">
        <v>98</v>
      </c>
      <c r="V8" s="189">
        <v>98</v>
      </c>
      <c r="W8" s="188">
        <v>0</v>
      </c>
      <c r="X8" s="182">
        <v>0</v>
      </c>
      <c r="Y8" s="182">
        <v>0</v>
      </c>
      <c r="Z8" s="183">
        <v>0</v>
      </c>
      <c r="AA8" s="184">
        <v>0</v>
      </c>
      <c r="AB8" s="184">
        <v>0</v>
      </c>
      <c r="AC8" s="184">
        <v>4</v>
      </c>
      <c r="AD8" s="182">
        <v>4</v>
      </c>
      <c r="AE8" s="185">
        <v>8</v>
      </c>
      <c r="AF8" s="186">
        <v>8</v>
      </c>
      <c r="AG8" s="181">
        <v>0</v>
      </c>
      <c r="AH8" s="182">
        <v>0</v>
      </c>
      <c r="AI8" s="182">
        <v>0</v>
      </c>
      <c r="AJ8" s="183">
        <v>0</v>
      </c>
      <c r="AK8" s="184">
        <v>0</v>
      </c>
      <c r="AL8" s="184">
        <v>0</v>
      </c>
      <c r="AM8" s="184">
        <v>1</v>
      </c>
      <c r="AN8" s="182">
        <v>5</v>
      </c>
      <c r="AO8" s="185">
        <v>6</v>
      </c>
      <c r="AP8" s="187">
        <v>6</v>
      </c>
      <c r="AQ8" s="32"/>
    </row>
    <row r="9" spans="2:43" ht="21" customHeight="1" x14ac:dyDescent="0.2">
      <c r="B9" s="472" t="s">
        <v>14</v>
      </c>
      <c r="C9" s="181">
        <v>0</v>
      </c>
      <c r="D9" s="182">
        <v>0</v>
      </c>
      <c r="E9" s="182">
        <v>0</v>
      </c>
      <c r="F9" s="183">
        <v>0</v>
      </c>
      <c r="G9" s="184">
        <v>0</v>
      </c>
      <c r="H9" s="184">
        <v>21</v>
      </c>
      <c r="I9" s="184">
        <v>32</v>
      </c>
      <c r="J9" s="182">
        <v>21</v>
      </c>
      <c r="K9" s="185">
        <v>74</v>
      </c>
      <c r="L9" s="186">
        <v>74</v>
      </c>
      <c r="M9" s="181">
        <v>0</v>
      </c>
      <c r="N9" s="182">
        <v>0</v>
      </c>
      <c r="O9" s="185">
        <v>0</v>
      </c>
      <c r="P9" s="188">
        <v>2</v>
      </c>
      <c r="Q9" s="184">
        <v>8</v>
      </c>
      <c r="R9" s="184">
        <v>10</v>
      </c>
      <c r="S9" s="184">
        <v>14</v>
      </c>
      <c r="T9" s="182">
        <v>7</v>
      </c>
      <c r="U9" s="185">
        <v>41</v>
      </c>
      <c r="V9" s="189">
        <v>41</v>
      </c>
      <c r="W9" s="188">
        <v>0</v>
      </c>
      <c r="X9" s="182">
        <v>0</v>
      </c>
      <c r="Y9" s="182">
        <v>0</v>
      </c>
      <c r="Z9" s="183">
        <v>0</v>
      </c>
      <c r="AA9" s="184">
        <v>0</v>
      </c>
      <c r="AB9" s="184">
        <v>0</v>
      </c>
      <c r="AC9" s="184">
        <v>1</v>
      </c>
      <c r="AD9" s="182">
        <v>1</v>
      </c>
      <c r="AE9" s="185">
        <v>2</v>
      </c>
      <c r="AF9" s="186">
        <v>2</v>
      </c>
      <c r="AG9" s="181">
        <v>0</v>
      </c>
      <c r="AH9" s="182">
        <v>0</v>
      </c>
      <c r="AI9" s="182">
        <v>0</v>
      </c>
      <c r="AJ9" s="183">
        <v>0</v>
      </c>
      <c r="AK9" s="184">
        <v>0</v>
      </c>
      <c r="AL9" s="184">
        <v>1</v>
      </c>
      <c r="AM9" s="184">
        <v>2</v>
      </c>
      <c r="AN9" s="182">
        <v>2</v>
      </c>
      <c r="AO9" s="185">
        <v>5</v>
      </c>
      <c r="AP9" s="187">
        <v>5</v>
      </c>
      <c r="AQ9" s="32"/>
    </row>
    <row r="10" spans="2:43" ht="21" customHeight="1" x14ac:dyDescent="0.2">
      <c r="B10" s="472" t="s">
        <v>7</v>
      </c>
      <c r="C10" s="181">
        <v>0</v>
      </c>
      <c r="D10" s="182">
        <v>0</v>
      </c>
      <c r="E10" s="182">
        <v>0</v>
      </c>
      <c r="F10" s="183">
        <v>0</v>
      </c>
      <c r="G10" s="184">
        <v>1</v>
      </c>
      <c r="H10" s="184">
        <v>6</v>
      </c>
      <c r="I10" s="184">
        <v>15</v>
      </c>
      <c r="J10" s="182">
        <v>7</v>
      </c>
      <c r="K10" s="185">
        <v>29</v>
      </c>
      <c r="L10" s="186">
        <v>29</v>
      </c>
      <c r="M10" s="181">
        <v>0</v>
      </c>
      <c r="N10" s="182">
        <v>0</v>
      </c>
      <c r="O10" s="185">
        <v>0</v>
      </c>
      <c r="P10" s="188">
        <v>3</v>
      </c>
      <c r="Q10" s="184">
        <v>1</v>
      </c>
      <c r="R10" s="184">
        <v>4</v>
      </c>
      <c r="S10" s="184">
        <v>6</v>
      </c>
      <c r="T10" s="182">
        <v>3</v>
      </c>
      <c r="U10" s="185">
        <v>17</v>
      </c>
      <c r="V10" s="189">
        <v>17</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0</v>
      </c>
      <c r="AM10" s="184">
        <v>0</v>
      </c>
      <c r="AN10" s="182">
        <v>0</v>
      </c>
      <c r="AO10" s="185">
        <v>0</v>
      </c>
      <c r="AP10" s="187">
        <v>0</v>
      </c>
      <c r="AQ10" s="32"/>
    </row>
    <row r="11" spans="2:43" ht="21" customHeight="1" x14ac:dyDescent="0.2">
      <c r="B11" s="472" t="s">
        <v>8</v>
      </c>
      <c r="C11" s="181">
        <v>0</v>
      </c>
      <c r="D11" s="182">
        <v>0</v>
      </c>
      <c r="E11" s="182">
        <v>0</v>
      </c>
      <c r="F11" s="183">
        <v>1</v>
      </c>
      <c r="G11" s="184">
        <v>3</v>
      </c>
      <c r="H11" s="184">
        <v>3</v>
      </c>
      <c r="I11" s="184">
        <v>10</v>
      </c>
      <c r="J11" s="182">
        <v>6</v>
      </c>
      <c r="K11" s="185">
        <v>23</v>
      </c>
      <c r="L11" s="186">
        <v>23</v>
      </c>
      <c r="M11" s="181">
        <v>0</v>
      </c>
      <c r="N11" s="182">
        <v>0</v>
      </c>
      <c r="O11" s="185">
        <v>0</v>
      </c>
      <c r="P11" s="188">
        <v>1</v>
      </c>
      <c r="Q11" s="184">
        <v>4</v>
      </c>
      <c r="R11" s="184">
        <v>7</v>
      </c>
      <c r="S11" s="184">
        <v>5</v>
      </c>
      <c r="T11" s="182">
        <v>1</v>
      </c>
      <c r="U11" s="185">
        <v>18</v>
      </c>
      <c r="V11" s="189">
        <v>18</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1</v>
      </c>
      <c r="AL11" s="184">
        <v>1</v>
      </c>
      <c r="AM11" s="184">
        <v>0</v>
      </c>
      <c r="AN11" s="182">
        <v>0</v>
      </c>
      <c r="AO11" s="185">
        <v>2</v>
      </c>
      <c r="AP11" s="187">
        <v>2</v>
      </c>
      <c r="AQ11" s="32"/>
    </row>
    <row r="12" spans="2:43" ht="21" customHeight="1" x14ac:dyDescent="0.2">
      <c r="B12" s="472" t="s">
        <v>9</v>
      </c>
      <c r="C12" s="181">
        <v>0</v>
      </c>
      <c r="D12" s="182">
        <v>0</v>
      </c>
      <c r="E12" s="182">
        <v>0</v>
      </c>
      <c r="F12" s="183">
        <v>1</v>
      </c>
      <c r="G12" s="184">
        <v>0</v>
      </c>
      <c r="H12" s="184">
        <v>5</v>
      </c>
      <c r="I12" s="184">
        <v>14</v>
      </c>
      <c r="J12" s="182">
        <v>11</v>
      </c>
      <c r="K12" s="185">
        <v>31</v>
      </c>
      <c r="L12" s="186">
        <v>31</v>
      </c>
      <c r="M12" s="181">
        <v>0</v>
      </c>
      <c r="N12" s="182">
        <v>0</v>
      </c>
      <c r="O12" s="185">
        <v>0</v>
      </c>
      <c r="P12" s="188">
        <v>1</v>
      </c>
      <c r="Q12" s="184">
        <v>9</v>
      </c>
      <c r="R12" s="184">
        <v>6</v>
      </c>
      <c r="S12" s="184">
        <v>2</v>
      </c>
      <c r="T12" s="182">
        <v>10</v>
      </c>
      <c r="U12" s="185">
        <v>28</v>
      </c>
      <c r="V12" s="189">
        <v>28</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0</v>
      </c>
      <c r="AN12" s="182">
        <v>1</v>
      </c>
      <c r="AO12" s="185">
        <v>1</v>
      </c>
      <c r="AP12" s="187">
        <v>1</v>
      </c>
      <c r="AQ12" s="32"/>
    </row>
    <row r="13" spans="2:43" ht="21" customHeight="1" x14ac:dyDescent="0.2">
      <c r="B13" s="472" t="s">
        <v>10</v>
      </c>
      <c r="C13" s="181">
        <v>0</v>
      </c>
      <c r="D13" s="182">
        <v>0</v>
      </c>
      <c r="E13" s="182">
        <v>0</v>
      </c>
      <c r="F13" s="183">
        <v>0</v>
      </c>
      <c r="G13" s="184">
        <v>2</v>
      </c>
      <c r="H13" s="184">
        <v>15</v>
      </c>
      <c r="I13" s="184">
        <v>17</v>
      </c>
      <c r="J13" s="182">
        <v>21</v>
      </c>
      <c r="K13" s="185">
        <v>55</v>
      </c>
      <c r="L13" s="186">
        <v>55</v>
      </c>
      <c r="M13" s="181">
        <v>0</v>
      </c>
      <c r="N13" s="182">
        <v>0</v>
      </c>
      <c r="O13" s="185">
        <v>0</v>
      </c>
      <c r="P13" s="188">
        <v>1</v>
      </c>
      <c r="Q13" s="184">
        <v>2</v>
      </c>
      <c r="R13" s="184">
        <v>5</v>
      </c>
      <c r="S13" s="184">
        <v>6</v>
      </c>
      <c r="T13" s="182">
        <v>6</v>
      </c>
      <c r="U13" s="185">
        <v>20</v>
      </c>
      <c r="V13" s="189">
        <v>20</v>
      </c>
      <c r="W13" s="188">
        <v>0</v>
      </c>
      <c r="X13" s="182">
        <v>0</v>
      </c>
      <c r="Y13" s="182">
        <v>0</v>
      </c>
      <c r="Z13" s="183">
        <v>0</v>
      </c>
      <c r="AA13" s="184">
        <v>0</v>
      </c>
      <c r="AB13" s="184">
        <v>0</v>
      </c>
      <c r="AC13" s="184">
        <v>0</v>
      </c>
      <c r="AD13" s="182">
        <v>0</v>
      </c>
      <c r="AE13" s="185">
        <v>0</v>
      </c>
      <c r="AF13" s="186">
        <v>0</v>
      </c>
      <c r="AG13" s="181">
        <v>0</v>
      </c>
      <c r="AH13" s="182">
        <v>0</v>
      </c>
      <c r="AI13" s="182">
        <v>0</v>
      </c>
      <c r="AJ13" s="183">
        <v>0</v>
      </c>
      <c r="AK13" s="184">
        <v>0</v>
      </c>
      <c r="AL13" s="184">
        <v>0</v>
      </c>
      <c r="AM13" s="184">
        <v>0</v>
      </c>
      <c r="AN13" s="182">
        <v>1</v>
      </c>
      <c r="AO13" s="185">
        <v>1</v>
      </c>
      <c r="AP13" s="187">
        <v>1</v>
      </c>
      <c r="AQ13" s="32"/>
    </row>
    <row r="14" spans="2:43" ht="21" customHeight="1" x14ac:dyDescent="0.2">
      <c r="B14" s="472" t="s">
        <v>11</v>
      </c>
      <c r="C14" s="181">
        <v>0</v>
      </c>
      <c r="D14" s="182">
        <v>0</v>
      </c>
      <c r="E14" s="182">
        <v>0</v>
      </c>
      <c r="F14" s="183">
        <v>0</v>
      </c>
      <c r="G14" s="184">
        <v>0</v>
      </c>
      <c r="H14" s="184">
        <v>7</v>
      </c>
      <c r="I14" s="184">
        <v>9</v>
      </c>
      <c r="J14" s="182">
        <v>6</v>
      </c>
      <c r="K14" s="185">
        <v>22</v>
      </c>
      <c r="L14" s="186">
        <v>22</v>
      </c>
      <c r="M14" s="181">
        <v>0</v>
      </c>
      <c r="N14" s="182">
        <v>0</v>
      </c>
      <c r="O14" s="185">
        <v>0</v>
      </c>
      <c r="P14" s="188">
        <v>1</v>
      </c>
      <c r="Q14" s="184">
        <v>4</v>
      </c>
      <c r="R14" s="184">
        <v>8</v>
      </c>
      <c r="S14" s="184">
        <v>3</v>
      </c>
      <c r="T14" s="182">
        <v>0</v>
      </c>
      <c r="U14" s="185">
        <v>16</v>
      </c>
      <c r="V14" s="189">
        <v>16</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0</v>
      </c>
      <c r="AN14" s="182">
        <v>0</v>
      </c>
      <c r="AO14" s="185">
        <v>0</v>
      </c>
      <c r="AP14" s="187">
        <v>0</v>
      </c>
      <c r="AQ14" s="32"/>
    </row>
    <row r="15" spans="2:43" ht="21" customHeight="1" x14ac:dyDescent="0.2">
      <c r="B15" s="472" t="s">
        <v>12</v>
      </c>
      <c r="C15" s="181">
        <v>0</v>
      </c>
      <c r="D15" s="182">
        <v>0</v>
      </c>
      <c r="E15" s="182">
        <v>0</v>
      </c>
      <c r="F15" s="183">
        <v>0</v>
      </c>
      <c r="G15" s="184">
        <v>0</v>
      </c>
      <c r="H15" s="184">
        <v>1</v>
      </c>
      <c r="I15" s="184">
        <v>12</v>
      </c>
      <c r="J15" s="182">
        <v>4</v>
      </c>
      <c r="K15" s="185">
        <v>17</v>
      </c>
      <c r="L15" s="186">
        <v>17</v>
      </c>
      <c r="M15" s="181">
        <v>0</v>
      </c>
      <c r="N15" s="182">
        <v>0</v>
      </c>
      <c r="O15" s="185">
        <v>0</v>
      </c>
      <c r="P15" s="188">
        <v>0</v>
      </c>
      <c r="Q15" s="184">
        <v>5</v>
      </c>
      <c r="R15" s="184">
        <v>4</v>
      </c>
      <c r="S15" s="184">
        <v>7</v>
      </c>
      <c r="T15" s="182">
        <v>3</v>
      </c>
      <c r="U15" s="185">
        <v>19</v>
      </c>
      <c r="V15" s="189">
        <v>19</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0</v>
      </c>
      <c r="AO15" s="185">
        <v>1</v>
      </c>
      <c r="AP15" s="187">
        <v>1</v>
      </c>
      <c r="AQ15" s="32"/>
    </row>
    <row r="16" spans="2:43" ht="21" customHeight="1" x14ac:dyDescent="0.2">
      <c r="B16" s="472" t="s">
        <v>13</v>
      </c>
      <c r="C16" s="181">
        <v>0</v>
      </c>
      <c r="D16" s="182">
        <v>0</v>
      </c>
      <c r="E16" s="182">
        <v>0</v>
      </c>
      <c r="F16" s="183">
        <v>0</v>
      </c>
      <c r="G16" s="184">
        <v>0</v>
      </c>
      <c r="H16" s="184">
        <v>0</v>
      </c>
      <c r="I16" s="184">
        <v>3</v>
      </c>
      <c r="J16" s="182">
        <v>6</v>
      </c>
      <c r="K16" s="185">
        <v>9</v>
      </c>
      <c r="L16" s="186">
        <v>9</v>
      </c>
      <c r="M16" s="181">
        <v>0</v>
      </c>
      <c r="N16" s="182">
        <v>0</v>
      </c>
      <c r="O16" s="185">
        <v>0</v>
      </c>
      <c r="P16" s="188">
        <v>0</v>
      </c>
      <c r="Q16" s="184">
        <v>2</v>
      </c>
      <c r="R16" s="184">
        <v>1</v>
      </c>
      <c r="S16" s="184">
        <v>2</v>
      </c>
      <c r="T16" s="182">
        <v>2</v>
      </c>
      <c r="U16" s="185">
        <v>7</v>
      </c>
      <c r="V16" s="189">
        <v>7</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0</v>
      </c>
      <c r="I17" s="184">
        <v>0</v>
      </c>
      <c r="J17" s="182">
        <v>1</v>
      </c>
      <c r="K17" s="185">
        <v>1</v>
      </c>
      <c r="L17" s="186">
        <v>1</v>
      </c>
      <c r="M17" s="181">
        <v>0</v>
      </c>
      <c r="N17" s="182">
        <v>0</v>
      </c>
      <c r="O17" s="185">
        <v>0</v>
      </c>
      <c r="P17" s="188">
        <v>0</v>
      </c>
      <c r="Q17" s="184">
        <v>0</v>
      </c>
      <c r="R17" s="184">
        <v>1</v>
      </c>
      <c r="S17" s="184">
        <v>2</v>
      </c>
      <c r="T17" s="182">
        <v>0</v>
      </c>
      <c r="U17" s="185">
        <v>3</v>
      </c>
      <c r="V17" s="189">
        <v>3</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0</v>
      </c>
      <c r="H18" s="184">
        <v>7</v>
      </c>
      <c r="I18" s="184">
        <v>8</v>
      </c>
      <c r="J18" s="182">
        <v>2</v>
      </c>
      <c r="K18" s="185">
        <v>17</v>
      </c>
      <c r="L18" s="186">
        <v>17</v>
      </c>
      <c r="M18" s="181">
        <v>0</v>
      </c>
      <c r="N18" s="182">
        <v>0</v>
      </c>
      <c r="O18" s="185">
        <v>0</v>
      </c>
      <c r="P18" s="188">
        <v>0</v>
      </c>
      <c r="Q18" s="184">
        <v>2</v>
      </c>
      <c r="R18" s="184">
        <v>3</v>
      </c>
      <c r="S18" s="184">
        <v>4</v>
      </c>
      <c r="T18" s="182">
        <v>3</v>
      </c>
      <c r="U18" s="185">
        <v>12</v>
      </c>
      <c r="V18" s="189">
        <v>12</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0</v>
      </c>
      <c r="AO18" s="185">
        <v>0</v>
      </c>
      <c r="AP18" s="187">
        <v>0</v>
      </c>
      <c r="AQ18" s="32"/>
    </row>
    <row r="19" spans="2:43" ht="21" customHeight="1" x14ac:dyDescent="0.2">
      <c r="B19" s="472" t="s">
        <v>17</v>
      </c>
      <c r="C19" s="181">
        <v>0</v>
      </c>
      <c r="D19" s="182">
        <v>0</v>
      </c>
      <c r="E19" s="182">
        <v>0</v>
      </c>
      <c r="F19" s="183">
        <v>0</v>
      </c>
      <c r="G19" s="184">
        <v>2</v>
      </c>
      <c r="H19" s="184">
        <v>6</v>
      </c>
      <c r="I19" s="184">
        <v>7</v>
      </c>
      <c r="J19" s="182">
        <v>5</v>
      </c>
      <c r="K19" s="185">
        <v>20</v>
      </c>
      <c r="L19" s="186">
        <v>20</v>
      </c>
      <c r="M19" s="181">
        <v>0</v>
      </c>
      <c r="N19" s="182">
        <v>0</v>
      </c>
      <c r="O19" s="185">
        <v>0</v>
      </c>
      <c r="P19" s="188">
        <v>2</v>
      </c>
      <c r="Q19" s="184">
        <v>5</v>
      </c>
      <c r="R19" s="184">
        <v>9</v>
      </c>
      <c r="S19" s="184">
        <v>6</v>
      </c>
      <c r="T19" s="182">
        <v>4</v>
      </c>
      <c r="U19" s="185">
        <v>26</v>
      </c>
      <c r="V19" s="189">
        <v>26</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1</v>
      </c>
      <c r="AO19" s="185">
        <v>1</v>
      </c>
      <c r="AP19" s="187">
        <v>1</v>
      </c>
      <c r="AQ19" s="32"/>
    </row>
    <row r="20" spans="2:43" ht="21" customHeight="1" x14ac:dyDescent="0.2">
      <c r="B20" s="472" t="s">
        <v>18</v>
      </c>
      <c r="C20" s="181">
        <v>0</v>
      </c>
      <c r="D20" s="182">
        <v>0</v>
      </c>
      <c r="E20" s="182">
        <v>0</v>
      </c>
      <c r="F20" s="183">
        <v>1</v>
      </c>
      <c r="G20" s="184">
        <v>1</v>
      </c>
      <c r="H20" s="184">
        <v>6</v>
      </c>
      <c r="I20" s="184">
        <v>14</v>
      </c>
      <c r="J20" s="182">
        <v>6</v>
      </c>
      <c r="K20" s="185">
        <v>28</v>
      </c>
      <c r="L20" s="186">
        <v>28</v>
      </c>
      <c r="M20" s="181">
        <v>0</v>
      </c>
      <c r="N20" s="182">
        <v>0</v>
      </c>
      <c r="O20" s="185">
        <v>0</v>
      </c>
      <c r="P20" s="188">
        <v>2</v>
      </c>
      <c r="Q20" s="184">
        <v>2</v>
      </c>
      <c r="R20" s="184">
        <v>4</v>
      </c>
      <c r="S20" s="184">
        <v>7</v>
      </c>
      <c r="T20" s="182">
        <v>4</v>
      </c>
      <c r="U20" s="185">
        <v>19</v>
      </c>
      <c r="V20" s="189">
        <v>19</v>
      </c>
      <c r="W20" s="188">
        <v>0</v>
      </c>
      <c r="X20" s="182">
        <v>0</v>
      </c>
      <c r="Y20" s="182">
        <v>0</v>
      </c>
      <c r="Z20" s="183">
        <v>0</v>
      </c>
      <c r="AA20" s="184">
        <v>0</v>
      </c>
      <c r="AB20" s="184">
        <v>0</v>
      </c>
      <c r="AC20" s="184">
        <v>0</v>
      </c>
      <c r="AD20" s="182">
        <v>1</v>
      </c>
      <c r="AE20" s="185">
        <v>1</v>
      </c>
      <c r="AF20" s="186">
        <v>1</v>
      </c>
      <c r="AG20" s="181">
        <v>0</v>
      </c>
      <c r="AH20" s="182">
        <v>0</v>
      </c>
      <c r="AI20" s="182">
        <v>0</v>
      </c>
      <c r="AJ20" s="183">
        <v>0</v>
      </c>
      <c r="AK20" s="184">
        <v>0</v>
      </c>
      <c r="AL20" s="184">
        <v>0</v>
      </c>
      <c r="AM20" s="184">
        <v>0</v>
      </c>
      <c r="AN20" s="182">
        <v>0</v>
      </c>
      <c r="AO20" s="185">
        <v>0</v>
      </c>
      <c r="AP20" s="187">
        <v>0</v>
      </c>
      <c r="AQ20" s="32"/>
    </row>
    <row r="21" spans="2:43" ht="21" customHeight="1" x14ac:dyDescent="0.2">
      <c r="B21" s="472" t="s">
        <v>19</v>
      </c>
      <c r="C21" s="181">
        <v>0</v>
      </c>
      <c r="D21" s="182">
        <v>0</v>
      </c>
      <c r="E21" s="182">
        <v>0</v>
      </c>
      <c r="F21" s="183">
        <v>0</v>
      </c>
      <c r="G21" s="184">
        <v>0</v>
      </c>
      <c r="H21" s="184">
        <v>2</v>
      </c>
      <c r="I21" s="184">
        <v>2</v>
      </c>
      <c r="J21" s="182">
        <v>3</v>
      </c>
      <c r="K21" s="185">
        <v>7</v>
      </c>
      <c r="L21" s="186">
        <v>7</v>
      </c>
      <c r="M21" s="181">
        <v>0</v>
      </c>
      <c r="N21" s="182">
        <v>0</v>
      </c>
      <c r="O21" s="185">
        <v>0</v>
      </c>
      <c r="P21" s="188">
        <v>0</v>
      </c>
      <c r="Q21" s="184">
        <v>3</v>
      </c>
      <c r="R21" s="184">
        <v>2</v>
      </c>
      <c r="S21" s="184">
        <v>2</v>
      </c>
      <c r="T21" s="182">
        <v>0</v>
      </c>
      <c r="U21" s="185">
        <v>7</v>
      </c>
      <c r="V21" s="189">
        <v>7</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1</v>
      </c>
      <c r="AO21" s="185">
        <v>1</v>
      </c>
      <c r="AP21" s="187">
        <v>1</v>
      </c>
      <c r="AQ21" s="32"/>
    </row>
    <row r="22" spans="2:43" ht="21" customHeight="1" x14ac:dyDescent="0.2">
      <c r="B22" s="472" t="s">
        <v>20</v>
      </c>
      <c r="C22" s="181">
        <v>0</v>
      </c>
      <c r="D22" s="182">
        <v>0</v>
      </c>
      <c r="E22" s="182">
        <v>0</v>
      </c>
      <c r="F22" s="183">
        <v>0</v>
      </c>
      <c r="G22" s="184">
        <v>1</v>
      </c>
      <c r="H22" s="184">
        <v>1</v>
      </c>
      <c r="I22" s="184">
        <v>10</v>
      </c>
      <c r="J22" s="182">
        <v>8</v>
      </c>
      <c r="K22" s="185">
        <v>20</v>
      </c>
      <c r="L22" s="186">
        <v>20</v>
      </c>
      <c r="M22" s="181">
        <v>0</v>
      </c>
      <c r="N22" s="182">
        <v>0</v>
      </c>
      <c r="O22" s="185">
        <v>0</v>
      </c>
      <c r="P22" s="188">
        <v>2</v>
      </c>
      <c r="Q22" s="184">
        <v>1</v>
      </c>
      <c r="R22" s="184">
        <v>0</v>
      </c>
      <c r="S22" s="184">
        <v>6</v>
      </c>
      <c r="T22" s="182">
        <v>1</v>
      </c>
      <c r="U22" s="185">
        <v>10</v>
      </c>
      <c r="V22" s="189">
        <v>10</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2</v>
      </c>
      <c r="I23" s="184">
        <v>7</v>
      </c>
      <c r="J23" s="182">
        <v>2</v>
      </c>
      <c r="K23" s="185">
        <v>11</v>
      </c>
      <c r="L23" s="186">
        <v>11</v>
      </c>
      <c r="M23" s="181">
        <v>0</v>
      </c>
      <c r="N23" s="182">
        <v>0</v>
      </c>
      <c r="O23" s="185">
        <v>0</v>
      </c>
      <c r="P23" s="188">
        <v>0</v>
      </c>
      <c r="Q23" s="184">
        <v>3</v>
      </c>
      <c r="R23" s="184">
        <v>2</v>
      </c>
      <c r="S23" s="184">
        <v>0</v>
      </c>
      <c r="T23" s="182">
        <v>1</v>
      </c>
      <c r="U23" s="185">
        <v>6</v>
      </c>
      <c r="V23" s="189">
        <v>6</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1</v>
      </c>
      <c r="AO23" s="185">
        <v>1</v>
      </c>
      <c r="AP23" s="187">
        <v>1</v>
      </c>
      <c r="AQ23" s="32"/>
    </row>
    <row r="24" spans="2:43" ht="21" customHeight="1" x14ac:dyDescent="0.2">
      <c r="B24" s="472" t="s">
        <v>22</v>
      </c>
      <c r="C24" s="181">
        <v>0</v>
      </c>
      <c r="D24" s="182">
        <v>0</v>
      </c>
      <c r="E24" s="182">
        <v>0</v>
      </c>
      <c r="F24" s="183">
        <v>0</v>
      </c>
      <c r="G24" s="184">
        <v>1</v>
      </c>
      <c r="H24" s="184">
        <v>2</v>
      </c>
      <c r="I24" s="184">
        <v>2</v>
      </c>
      <c r="J24" s="182">
        <v>0</v>
      </c>
      <c r="K24" s="185">
        <v>5</v>
      </c>
      <c r="L24" s="186">
        <v>5</v>
      </c>
      <c r="M24" s="181">
        <v>0</v>
      </c>
      <c r="N24" s="182">
        <v>0</v>
      </c>
      <c r="O24" s="185">
        <v>0</v>
      </c>
      <c r="P24" s="188">
        <v>0</v>
      </c>
      <c r="Q24" s="184">
        <v>1</v>
      </c>
      <c r="R24" s="184">
        <v>3</v>
      </c>
      <c r="S24" s="184">
        <v>0</v>
      </c>
      <c r="T24" s="182">
        <v>0</v>
      </c>
      <c r="U24" s="185">
        <v>4</v>
      </c>
      <c r="V24" s="189">
        <v>4</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0</v>
      </c>
      <c r="AN24" s="182">
        <v>0</v>
      </c>
      <c r="AO24" s="185">
        <v>0</v>
      </c>
      <c r="AP24" s="187">
        <v>0</v>
      </c>
      <c r="AQ24" s="32"/>
    </row>
    <row r="25" spans="2:43" ht="21" customHeight="1" x14ac:dyDescent="0.2">
      <c r="B25" s="472" t="s">
        <v>23</v>
      </c>
      <c r="C25" s="181">
        <v>0</v>
      </c>
      <c r="D25" s="182">
        <v>0</v>
      </c>
      <c r="E25" s="182">
        <v>0</v>
      </c>
      <c r="F25" s="183">
        <v>0</v>
      </c>
      <c r="G25" s="184">
        <v>0</v>
      </c>
      <c r="H25" s="184">
        <v>2</v>
      </c>
      <c r="I25" s="184">
        <v>3</v>
      </c>
      <c r="J25" s="182">
        <v>1</v>
      </c>
      <c r="K25" s="185">
        <v>6</v>
      </c>
      <c r="L25" s="186">
        <v>6</v>
      </c>
      <c r="M25" s="181">
        <v>0</v>
      </c>
      <c r="N25" s="182">
        <v>0</v>
      </c>
      <c r="O25" s="185">
        <v>0</v>
      </c>
      <c r="P25" s="188">
        <v>0</v>
      </c>
      <c r="Q25" s="184">
        <v>0</v>
      </c>
      <c r="R25" s="184">
        <v>1</v>
      </c>
      <c r="S25" s="184">
        <v>1</v>
      </c>
      <c r="T25" s="182">
        <v>2</v>
      </c>
      <c r="U25" s="185">
        <v>4</v>
      </c>
      <c r="V25" s="189">
        <v>4</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1</v>
      </c>
      <c r="AO25" s="185">
        <v>1</v>
      </c>
      <c r="AP25" s="187">
        <v>1</v>
      </c>
      <c r="AQ25" s="32"/>
    </row>
    <row r="26" spans="2:43" ht="21" customHeight="1" x14ac:dyDescent="0.2">
      <c r="B26" s="472" t="s">
        <v>24</v>
      </c>
      <c r="C26" s="181">
        <v>0</v>
      </c>
      <c r="D26" s="182">
        <v>0</v>
      </c>
      <c r="E26" s="182">
        <v>0</v>
      </c>
      <c r="F26" s="183">
        <v>0</v>
      </c>
      <c r="G26" s="184">
        <v>0</v>
      </c>
      <c r="H26" s="184">
        <v>1</v>
      </c>
      <c r="I26" s="184">
        <v>3</v>
      </c>
      <c r="J26" s="182">
        <v>0</v>
      </c>
      <c r="K26" s="185">
        <v>4</v>
      </c>
      <c r="L26" s="186">
        <v>4</v>
      </c>
      <c r="M26" s="181">
        <v>0</v>
      </c>
      <c r="N26" s="182">
        <v>0</v>
      </c>
      <c r="O26" s="185">
        <v>0</v>
      </c>
      <c r="P26" s="188">
        <v>0</v>
      </c>
      <c r="Q26" s="184">
        <v>0</v>
      </c>
      <c r="R26" s="184">
        <v>0</v>
      </c>
      <c r="S26" s="184">
        <v>0</v>
      </c>
      <c r="T26" s="182">
        <v>0</v>
      </c>
      <c r="U26" s="185">
        <v>0</v>
      </c>
      <c r="V26" s="189">
        <v>0</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0</v>
      </c>
      <c r="H27" s="184">
        <v>2</v>
      </c>
      <c r="I27" s="184">
        <v>1</v>
      </c>
      <c r="J27" s="182">
        <v>2</v>
      </c>
      <c r="K27" s="185">
        <v>5</v>
      </c>
      <c r="L27" s="186">
        <v>5</v>
      </c>
      <c r="M27" s="181">
        <v>0</v>
      </c>
      <c r="N27" s="182">
        <v>0</v>
      </c>
      <c r="O27" s="185">
        <v>0</v>
      </c>
      <c r="P27" s="188">
        <v>2</v>
      </c>
      <c r="Q27" s="184">
        <v>3</v>
      </c>
      <c r="R27" s="184">
        <v>0</v>
      </c>
      <c r="S27" s="184">
        <v>2</v>
      </c>
      <c r="T27" s="182">
        <v>0</v>
      </c>
      <c r="U27" s="185">
        <v>7</v>
      </c>
      <c r="V27" s="189">
        <v>7</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72" t="s">
        <v>26</v>
      </c>
      <c r="C28" s="181">
        <v>0</v>
      </c>
      <c r="D28" s="182">
        <v>0</v>
      </c>
      <c r="E28" s="182">
        <v>0</v>
      </c>
      <c r="F28" s="183">
        <v>0</v>
      </c>
      <c r="G28" s="184">
        <v>0</v>
      </c>
      <c r="H28" s="184">
        <v>1</v>
      </c>
      <c r="I28" s="184">
        <v>0</v>
      </c>
      <c r="J28" s="182">
        <v>0</v>
      </c>
      <c r="K28" s="185">
        <v>1</v>
      </c>
      <c r="L28" s="186">
        <v>1</v>
      </c>
      <c r="M28" s="181">
        <v>0</v>
      </c>
      <c r="N28" s="182">
        <v>0</v>
      </c>
      <c r="O28" s="185">
        <v>0</v>
      </c>
      <c r="P28" s="188">
        <v>0</v>
      </c>
      <c r="Q28" s="184">
        <v>3</v>
      </c>
      <c r="R28" s="184">
        <v>0</v>
      </c>
      <c r="S28" s="184">
        <v>3</v>
      </c>
      <c r="T28" s="182">
        <v>0</v>
      </c>
      <c r="U28" s="185">
        <v>6</v>
      </c>
      <c r="V28" s="189">
        <v>6</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0</v>
      </c>
      <c r="H29" s="184">
        <v>1</v>
      </c>
      <c r="I29" s="184">
        <v>1</v>
      </c>
      <c r="J29" s="182">
        <v>1</v>
      </c>
      <c r="K29" s="185">
        <v>3</v>
      </c>
      <c r="L29" s="186">
        <v>3</v>
      </c>
      <c r="M29" s="181">
        <v>0</v>
      </c>
      <c r="N29" s="182">
        <v>0</v>
      </c>
      <c r="O29" s="185">
        <v>0</v>
      </c>
      <c r="P29" s="188">
        <v>1</v>
      </c>
      <c r="Q29" s="184">
        <v>0</v>
      </c>
      <c r="R29" s="184">
        <v>0</v>
      </c>
      <c r="S29" s="184">
        <v>0</v>
      </c>
      <c r="T29" s="182">
        <v>1</v>
      </c>
      <c r="U29" s="185">
        <v>2</v>
      </c>
      <c r="V29" s="189">
        <v>2</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72" t="s">
        <v>28</v>
      </c>
      <c r="C30" s="181">
        <v>0</v>
      </c>
      <c r="D30" s="182">
        <v>0</v>
      </c>
      <c r="E30" s="182">
        <v>0</v>
      </c>
      <c r="F30" s="183">
        <v>0</v>
      </c>
      <c r="G30" s="184">
        <v>0</v>
      </c>
      <c r="H30" s="184">
        <v>0</v>
      </c>
      <c r="I30" s="184">
        <v>0</v>
      </c>
      <c r="J30" s="182">
        <v>0</v>
      </c>
      <c r="K30" s="185">
        <v>0</v>
      </c>
      <c r="L30" s="186">
        <v>0</v>
      </c>
      <c r="M30" s="181">
        <v>0</v>
      </c>
      <c r="N30" s="182">
        <v>0</v>
      </c>
      <c r="O30" s="185">
        <v>0</v>
      </c>
      <c r="P30" s="188">
        <v>0</v>
      </c>
      <c r="Q30" s="184">
        <v>0</v>
      </c>
      <c r="R30" s="184">
        <v>0</v>
      </c>
      <c r="S30" s="184">
        <v>0</v>
      </c>
      <c r="T30" s="182">
        <v>0</v>
      </c>
      <c r="U30" s="185">
        <v>0</v>
      </c>
      <c r="V30" s="189">
        <v>0</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0</v>
      </c>
      <c r="S31" s="184">
        <v>1</v>
      </c>
      <c r="T31" s="182">
        <v>0</v>
      </c>
      <c r="U31" s="185">
        <v>1</v>
      </c>
      <c r="V31" s="189">
        <v>1</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1</v>
      </c>
      <c r="I32" s="184">
        <v>2</v>
      </c>
      <c r="J32" s="182">
        <v>0</v>
      </c>
      <c r="K32" s="185">
        <v>3</v>
      </c>
      <c r="L32" s="186">
        <v>3</v>
      </c>
      <c r="M32" s="181">
        <v>0</v>
      </c>
      <c r="N32" s="182">
        <v>0</v>
      </c>
      <c r="O32" s="185">
        <v>0</v>
      </c>
      <c r="P32" s="188">
        <v>0</v>
      </c>
      <c r="Q32" s="184">
        <v>0</v>
      </c>
      <c r="R32" s="184">
        <v>0</v>
      </c>
      <c r="S32" s="184">
        <v>0</v>
      </c>
      <c r="T32" s="182">
        <v>1</v>
      </c>
      <c r="U32" s="185">
        <v>1</v>
      </c>
      <c r="V32" s="189">
        <v>1</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0</v>
      </c>
      <c r="AN32" s="182">
        <v>0</v>
      </c>
      <c r="AO32" s="185">
        <v>0</v>
      </c>
      <c r="AP32" s="187">
        <v>0</v>
      </c>
      <c r="AQ32" s="32"/>
    </row>
    <row r="33" spans="2:43" ht="21" customHeight="1" x14ac:dyDescent="0.2">
      <c r="B33" s="472" t="s">
        <v>31</v>
      </c>
      <c r="C33" s="181">
        <v>0</v>
      </c>
      <c r="D33" s="182">
        <v>0</v>
      </c>
      <c r="E33" s="182">
        <v>0</v>
      </c>
      <c r="F33" s="183">
        <v>0</v>
      </c>
      <c r="G33" s="184">
        <v>0</v>
      </c>
      <c r="H33" s="184">
        <v>1</v>
      </c>
      <c r="I33" s="184">
        <v>0</v>
      </c>
      <c r="J33" s="182">
        <v>1</v>
      </c>
      <c r="K33" s="185">
        <v>2</v>
      </c>
      <c r="L33" s="186">
        <v>2</v>
      </c>
      <c r="M33" s="181">
        <v>0</v>
      </c>
      <c r="N33" s="182">
        <v>0</v>
      </c>
      <c r="O33" s="185">
        <v>0</v>
      </c>
      <c r="P33" s="188">
        <v>0</v>
      </c>
      <c r="Q33" s="184">
        <v>1</v>
      </c>
      <c r="R33" s="184">
        <v>1</v>
      </c>
      <c r="S33" s="184">
        <v>0</v>
      </c>
      <c r="T33" s="182">
        <v>0</v>
      </c>
      <c r="U33" s="185">
        <v>2</v>
      </c>
      <c r="V33" s="189">
        <v>2</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1</v>
      </c>
      <c r="I34" s="184">
        <v>0</v>
      </c>
      <c r="J34" s="182">
        <v>1</v>
      </c>
      <c r="K34" s="185">
        <v>2</v>
      </c>
      <c r="L34" s="186">
        <v>2</v>
      </c>
      <c r="M34" s="181">
        <v>0</v>
      </c>
      <c r="N34" s="182">
        <v>0</v>
      </c>
      <c r="O34" s="185">
        <v>0</v>
      </c>
      <c r="P34" s="188">
        <v>0</v>
      </c>
      <c r="Q34" s="184">
        <v>0</v>
      </c>
      <c r="R34" s="184">
        <v>0</v>
      </c>
      <c r="S34" s="184">
        <v>1</v>
      </c>
      <c r="T34" s="182">
        <v>0</v>
      </c>
      <c r="U34" s="185">
        <v>1</v>
      </c>
      <c r="V34" s="189">
        <v>1</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1</v>
      </c>
      <c r="S35" s="184">
        <v>1</v>
      </c>
      <c r="T35" s="182">
        <v>0</v>
      </c>
      <c r="U35" s="185">
        <v>2</v>
      </c>
      <c r="V35" s="189">
        <v>2</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0</v>
      </c>
      <c r="AL35" s="184">
        <v>0</v>
      </c>
      <c r="AM35" s="184">
        <v>1</v>
      </c>
      <c r="AN35" s="182">
        <v>3</v>
      </c>
      <c r="AO35" s="185">
        <v>4</v>
      </c>
      <c r="AP35" s="187">
        <v>4</v>
      </c>
      <c r="AQ35" s="32"/>
    </row>
    <row r="36" spans="2:43" ht="21" customHeight="1" x14ac:dyDescent="0.2">
      <c r="B36" s="472" t="s">
        <v>34</v>
      </c>
      <c r="C36" s="181">
        <v>0</v>
      </c>
      <c r="D36" s="182">
        <v>0</v>
      </c>
      <c r="E36" s="182">
        <v>0</v>
      </c>
      <c r="F36" s="183">
        <v>0</v>
      </c>
      <c r="G36" s="184">
        <v>0</v>
      </c>
      <c r="H36" s="184">
        <v>0</v>
      </c>
      <c r="I36" s="184">
        <v>0</v>
      </c>
      <c r="J36" s="182">
        <v>0</v>
      </c>
      <c r="K36" s="185">
        <v>0</v>
      </c>
      <c r="L36" s="186">
        <v>0</v>
      </c>
      <c r="M36" s="181">
        <v>0</v>
      </c>
      <c r="N36" s="182">
        <v>0</v>
      </c>
      <c r="O36" s="185">
        <v>0</v>
      </c>
      <c r="P36" s="188">
        <v>0</v>
      </c>
      <c r="Q36" s="184">
        <v>0</v>
      </c>
      <c r="R36" s="184">
        <v>0</v>
      </c>
      <c r="S36" s="184">
        <v>0</v>
      </c>
      <c r="T36" s="182">
        <v>0</v>
      </c>
      <c r="U36" s="185">
        <v>0</v>
      </c>
      <c r="V36" s="189">
        <v>0</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0</v>
      </c>
      <c r="K37" s="185">
        <v>1</v>
      </c>
      <c r="L37" s="186">
        <v>1</v>
      </c>
      <c r="M37" s="181">
        <v>0</v>
      </c>
      <c r="N37" s="182">
        <v>0</v>
      </c>
      <c r="O37" s="185">
        <v>0</v>
      </c>
      <c r="P37" s="188">
        <v>0</v>
      </c>
      <c r="Q37" s="184">
        <v>0</v>
      </c>
      <c r="R37" s="184">
        <v>0</v>
      </c>
      <c r="S37" s="184">
        <v>0</v>
      </c>
      <c r="T37" s="182">
        <v>0</v>
      </c>
      <c r="U37" s="185">
        <v>0</v>
      </c>
      <c r="V37" s="189">
        <v>0</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1</v>
      </c>
      <c r="I38" s="184">
        <v>1</v>
      </c>
      <c r="J38" s="182">
        <v>0</v>
      </c>
      <c r="K38" s="185">
        <v>2</v>
      </c>
      <c r="L38" s="186">
        <v>2</v>
      </c>
      <c r="M38" s="181">
        <v>0</v>
      </c>
      <c r="N38" s="182">
        <v>0</v>
      </c>
      <c r="O38" s="185">
        <v>0</v>
      </c>
      <c r="P38" s="188">
        <v>1</v>
      </c>
      <c r="Q38" s="184">
        <v>0</v>
      </c>
      <c r="R38" s="184">
        <v>1</v>
      </c>
      <c r="S38" s="184">
        <v>3</v>
      </c>
      <c r="T38" s="182">
        <v>0</v>
      </c>
      <c r="U38" s="185">
        <v>5</v>
      </c>
      <c r="V38" s="189">
        <v>5</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0</v>
      </c>
      <c r="I39" s="193">
        <v>0</v>
      </c>
      <c r="J39" s="191">
        <v>0</v>
      </c>
      <c r="K39" s="194">
        <v>0</v>
      </c>
      <c r="L39" s="195">
        <v>0</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 ref="H1:I1"/>
    <mergeCell ref="AG4:AI4"/>
    <mergeCell ref="AJ4:AO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4" customWidth="1"/>
    <col min="83" max="83" width="7.77734375" style="34" customWidth="1"/>
    <col min="84" max="90" width="9" style="34"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4" customWidth="1"/>
    <col min="116" max="116" width="7.33203125" style="34" customWidth="1"/>
    <col min="117" max="121" width="8.88671875" style="34" customWidth="1"/>
    <col min="122" max="123" width="9.6640625" style="34"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4" customWidth="1"/>
    <col min="171" max="171" width="7.33203125" style="34" customWidth="1"/>
    <col min="172" max="176" width="8.88671875" style="34" customWidth="1"/>
    <col min="177" max="178" width="9.6640625" style="34"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15" t="s">
        <v>145</v>
      </c>
      <c r="E1" s="468">
        <f>第１表!F2</f>
        <v>5</v>
      </c>
      <c r="F1" s="734">
        <f>第１表!G2</f>
        <v>10</v>
      </c>
      <c r="G1" s="649">
        <f>IF(F1&lt;3,F1-2+12,F1-2)</f>
        <v>8</v>
      </c>
      <c r="H1" s="649"/>
      <c r="IB1" s="341"/>
      <c r="IC1" s="239"/>
      <c r="ID1" s="618"/>
      <c r="IE1" s="618"/>
    </row>
    <row r="2" spans="1:409" s="39" customFormat="1" ht="24" customHeight="1" x14ac:dyDescent="0.2">
      <c r="B2" s="15" t="s">
        <v>146</v>
      </c>
      <c r="E2" s="236"/>
      <c r="F2" s="237"/>
      <c r="G2" s="654"/>
      <c r="H2" s="654"/>
      <c r="CB2" s="302"/>
      <c r="CC2" s="302"/>
      <c r="CD2" s="302"/>
      <c r="CE2" s="302"/>
      <c r="CF2" s="302"/>
      <c r="CG2" s="302"/>
      <c r="CH2" s="302"/>
      <c r="CI2" s="302"/>
      <c r="CJ2" s="302"/>
      <c r="CK2" s="302"/>
      <c r="CL2" s="302"/>
      <c r="DI2" s="302"/>
      <c r="DJ2" s="302"/>
      <c r="DK2" s="302"/>
      <c r="DL2" s="302"/>
      <c r="DM2" s="302"/>
      <c r="DN2" s="302"/>
      <c r="DO2" s="302"/>
      <c r="DP2" s="302"/>
      <c r="DQ2" s="302"/>
      <c r="DR2" s="302"/>
      <c r="DS2" s="302"/>
      <c r="FL2" s="302"/>
      <c r="FM2" s="302"/>
      <c r="FN2" s="302"/>
      <c r="FO2" s="302"/>
      <c r="FP2" s="302"/>
      <c r="FQ2" s="302"/>
      <c r="FR2" s="302"/>
      <c r="FS2" s="302"/>
      <c r="FT2" s="302"/>
      <c r="FU2" s="302"/>
      <c r="FV2" s="302"/>
      <c r="HZ2" s="34"/>
      <c r="IA2" s="34"/>
      <c r="IB2" s="238"/>
      <c r="IC2" s="239"/>
      <c r="ID2" s="344"/>
      <c r="IE2" s="344"/>
      <c r="IF2" s="34"/>
      <c r="IG2" s="34"/>
      <c r="IH2" s="34"/>
      <c r="II2" s="34"/>
      <c r="IJ2" s="34"/>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4"/>
      <c r="KZ2" s="34"/>
      <c r="LA2" s="34"/>
      <c r="LB2" s="34"/>
      <c r="LC2" s="34"/>
      <c r="LD2" s="34"/>
      <c r="LE2" s="34"/>
      <c r="LF2" s="34"/>
      <c r="LG2" s="34"/>
      <c r="LH2" s="34"/>
      <c r="LI2" s="34"/>
      <c r="LJ2" s="34"/>
      <c r="LK2" s="34"/>
      <c r="LL2" s="34"/>
      <c r="LM2" s="34"/>
      <c r="LN2" s="34"/>
      <c r="LO2" s="34"/>
      <c r="LP2" s="34"/>
      <c r="LQ2" s="34"/>
      <c r="LR2" s="34"/>
      <c r="LS2" s="34"/>
      <c r="LT2" s="34"/>
      <c r="LU2" s="34"/>
      <c r="LV2" s="34"/>
      <c r="LW2" s="34"/>
      <c r="LX2" s="34"/>
      <c r="LY2" s="34"/>
      <c r="LZ2" s="34"/>
      <c r="MA2" s="34"/>
      <c r="MB2" s="34"/>
      <c r="MC2" s="34"/>
      <c r="MD2" s="34"/>
      <c r="ME2" s="34"/>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39" customFormat="1" ht="24" customHeight="1" thickBot="1" x14ac:dyDescent="0.25">
      <c r="B3" s="15" t="s">
        <v>147</v>
      </c>
      <c r="CB3" s="302"/>
      <c r="CC3" s="302"/>
      <c r="CD3" s="302"/>
      <c r="CE3" s="302"/>
      <c r="CF3" s="302"/>
      <c r="CG3" s="302"/>
      <c r="CH3" s="302"/>
      <c r="CI3" s="302"/>
      <c r="CJ3" s="302"/>
      <c r="CK3" s="302"/>
      <c r="CL3" s="302"/>
      <c r="DI3" s="302"/>
      <c r="DJ3" s="302"/>
      <c r="DK3" s="302"/>
      <c r="DL3" s="302"/>
      <c r="DM3" s="302"/>
      <c r="DN3" s="302"/>
      <c r="DO3" s="302"/>
      <c r="DP3" s="302"/>
      <c r="DQ3" s="302"/>
      <c r="DR3" s="302"/>
      <c r="DS3" s="302"/>
      <c r="FL3" s="302"/>
      <c r="FM3" s="302"/>
      <c r="FN3" s="302"/>
      <c r="FO3" s="302"/>
      <c r="FP3" s="302"/>
      <c r="FQ3" s="302"/>
      <c r="FR3" s="302"/>
      <c r="FS3" s="302"/>
      <c r="FT3" s="302"/>
      <c r="FU3" s="302"/>
      <c r="FV3" s="302"/>
      <c r="HZ3" s="34"/>
      <c r="IA3" s="34"/>
      <c r="IB3" s="34"/>
      <c r="IC3" s="34"/>
      <c r="ID3" s="34"/>
      <c r="IE3" s="34"/>
      <c r="IF3" s="34"/>
      <c r="IG3" s="34"/>
      <c r="IH3" s="34"/>
      <c r="II3" s="34"/>
      <c r="IJ3" s="34"/>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4"/>
      <c r="KZ3" s="34"/>
      <c r="LA3" s="34"/>
      <c r="LB3" s="34"/>
      <c r="LC3" s="34"/>
      <c r="LD3" s="34"/>
      <c r="LE3" s="34"/>
      <c r="LF3" s="34"/>
      <c r="LG3" s="34"/>
      <c r="LH3" s="34"/>
      <c r="LI3" s="34"/>
      <c r="LJ3" s="34"/>
      <c r="LK3" s="34"/>
      <c r="LL3" s="34"/>
      <c r="LM3" s="34"/>
      <c r="LN3" s="34"/>
      <c r="LO3" s="34"/>
      <c r="LP3" s="34"/>
      <c r="LQ3" s="34"/>
      <c r="LR3" s="34"/>
      <c r="LS3" s="34"/>
      <c r="LT3" s="34"/>
      <c r="LU3" s="34"/>
      <c r="LV3" s="34"/>
      <c r="LW3" s="34"/>
      <c r="LX3" s="34"/>
      <c r="LY3" s="34"/>
      <c r="LZ3" s="34"/>
      <c r="MA3" s="34"/>
      <c r="MB3" s="34"/>
      <c r="MC3" s="34"/>
      <c r="MD3" s="34"/>
      <c r="ME3" s="34"/>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31" t="s">
        <v>42</v>
      </c>
      <c r="C4" s="634" t="s">
        <v>63</v>
      </c>
      <c r="D4" s="634"/>
      <c r="E4" s="634"/>
      <c r="F4" s="634"/>
      <c r="G4" s="634"/>
      <c r="H4" s="634"/>
      <c r="I4" s="634"/>
      <c r="J4" s="634"/>
      <c r="K4" s="634"/>
      <c r="L4" s="634"/>
      <c r="M4" s="634"/>
      <c r="N4" s="568"/>
      <c r="O4" s="568"/>
      <c r="P4" s="568"/>
      <c r="Q4" s="568"/>
      <c r="R4" s="568"/>
      <c r="S4" s="568"/>
      <c r="T4" s="568"/>
      <c r="U4" s="568"/>
      <c r="V4" s="568"/>
      <c r="W4" s="568"/>
      <c r="X4" s="568"/>
      <c r="Y4" s="568"/>
      <c r="Z4" s="568"/>
      <c r="AA4" s="568"/>
      <c r="AB4" s="568"/>
      <c r="AC4" s="568"/>
      <c r="AD4" s="568"/>
      <c r="AE4" s="568"/>
      <c r="AF4" s="568"/>
      <c r="AG4" s="568"/>
      <c r="AH4" s="568"/>
      <c r="AI4" s="568"/>
      <c r="AJ4" s="568"/>
      <c r="AK4" s="568"/>
      <c r="AL4" s="568"/>
      <c r="AM4" s="568"/>
      <c r="AN4" s="568"/>
      <c r="AO4" s="568"/>
      <c r="AP4" s="568"/>
      <c r="AQ4" s="568"/>
      <c r="AR4" s="568"/>
      <c r="AS4" s="568"/>
      <c r="AT4" s="568"/>
      <c r="AU4" s="568"/>
      <c r="AV4" s="568"/>
      <c r="AW4" s="568"/>
      <c r="AX4" s="568"/>
      <c r="AY4" s="568"/>
      <c r="AZ4" s="568"/>
      <c r="BA4" s="568"/>
      <c r="BB4" s="568"/>
      <c r="BC4" s="568"/>
      <c r="BD4" s="568"/>
      <c r="BE4" s="568"/>
      <c r="BF4" s="568"/>
      <c r="BG4" s="568"/>
      <c r="BH4" s="568"/>
      <c r="BI4" s="568"/>
      <c r="BJ4" s="568"/>
      <c r="BK4" s="568"/>
      <c r="BL4" s="568"/>
      <c r="BM4" s="568"/>
      <c r="BN4" s="568"/>
      <c r="BO4" s="568"/>
      <c r="BP4" s="568"/>
      <c r="BQ4" s="568"/>
      <c r="BR4" s="568"/>
      <c r="BS4" s="568"/>
      <c r="BT4" s="568"/>
      <c r="BU4" s="568"/>
      <c r="BV4" s="568"/>
      <c r="BW4" s="568"/>
      <c r="BX4" s="568"/>
      <c r="BY4" s="568"/>
      <c r="BZ4" s="568"/>
      <c r="CA4" s="568"/>
      <c r="CB4" s="568"/>
      <c r="CC4" s="568"/>
      <c r="CD4" s="568"/>
      <c r="CE4" s="568"/>
      <c r="CF4" s="568"/>
      <c r="CG4" s="568"/>
      <c r="CH4" s="568"/>
      <c r="CI4" s="568"/>
      <c r="CJ4" s="568"/>
      <c r="CK4" s="568"/>
      <c r="CL4" s="568"/>
      <c r="CM4" s="568"/>
      <c r="CN4" s="568"/>
      <c r="CO4" s="568"/>
      <c r="CP4" s="568"/>
      <c r="CQ4" s="568"/>
      <c r="CR4" s="568"/>
      <c r="CS4" s="568"/>
      <c r="CT4" s="568"/>
      <c r="CU4" s="568"/>
      <c r="CV4" s="568"/>
      <c r="CW4" s="568"/>
      <c r="CX4" s="568"/>
      <c r="CY4" s="568"/>
      <c r="CZ4" s="568"/>
      <c r="DA4" s="568"/>
      <c r="DB4" s="568"/>
      <c r="DC4" s="568"/>
      <c r="DD4" s="568"/>
      <c r="DE4" s="568"/>
      <c r="DF4" s="568"/>
      <c r="DG4" s="568"/>
      <c r="DH4" s="568"/>
      <c r="DI4" s="568"/>
      <c r="DJ4" s="568"/>
      <c r="DK4" s="568"/>
      <c r="DL4" s="568"/>
      <c r="DM4" s="568"/>
      <c r="DN4" s="568"/>
      <c r="DO4" s="568"/>
      <c r="DP4" s="568"/>
      <c r="DQ4" s="568"/>
      <c r="DR4" s="568"/>
      <c r="DS4" s="568"/>
      <c r="DT4" s="568"/>
      <c r="DU4" s="568"/>
      <c r="DV4" s="568"/>
      <c r="DW4" s="568"/>
      <c r="DX4" s="568"/>
      <c r="DY4" s="568"/>
      <c r="DZ4" s="568"/>
      <c r="EA4" s="568"/>
      <c r="EB4" s="568"/>
      <c r="EC4" s="568"/>
      <c r="ED4" s="568"/>
      <c r="EE4" s="568"/>
      <c r="EF4" s="568"/>
      <c r="EG4" s="568"/>
      <c r="EH4" s="568"/>
      <c r="EI4" s="568"/>
      <c r="EJ4" s="568"/>
      <c r="EK4" s="568"/>
      <c r="EL4" s="568"/>
      <c r="EM4" s="568"/>
      <c r="EN4" s="568"/>
      <c r="EO4" s="568"/>
      <c r="EP4" s="568"/>
      <c r="EQ4" s="568"/>
      <c r="ER4" s="568"/>
      <c r="ES4" s="568"/>
      <c r="ET4" s="568"/>
      <c r="EU4" s="568"/>
      <c r="EV4" s="568"/>
      <c r="EW4" s="568"/>
      <c r="EX4" s="568"/>
      <c r="EY4" s="568"/>
      <c r="EZ4" s="568"/>
      <c r="FA4" s="568"/>
      <c r="FB4" s="568"/>
      <c r="FC4" s="568"/>
      <c r="FD4" s="568"/>
      <c r="FE4" s="568"/>
      <c r="FF4" s="568"/>
      <c r="FG4" s="568"/>
      <c r="FH4" s="568"/>
      <c r="FI4" s="568"/>
      <c r="FJ4" s="568"/>
      <c r="FK4" s="568"/>
      <c r="FL4" s="568"/>
      <c r="FM4" s="568"/>
      <c r="FN4" s="568"/>
      <c r="FO4" s="568"/>
      <c r="FP4" s="568"/>
      <c r="FQ4" s="568"/>
      <c r="FR4" s="568"/>
      <c r="FS4" s="568"/>
      <c r="FT4" s="568"/>
      <c r="FU4" s="568"/>
      <c r="FV4" s="568"/>
      <c r="FW4" s="568"/>
      <c r="FX4" s="568"/>
      <c r="FY4" s="568"/>
      <c r="FZ4" s="568"/>
      <c r="GA4" s="568"/>
      <c r="GB4" s="568"/>
      <c r="GC4" s="568"/>
      <c r="GD4" s="568"/>
      <c r="GE4" s="568"/>
      <c r="GF4" s="568"/>
      <c r="GG4" s="568"/>
      <c r="GH4" s="568"/>
      <c r="GI4" s="568"/>
      <c r="GJ4" s="568"/>
      <c r="GK4" s="568"/>
      <c r="GL4" s="568"/>
      <c r="GM4" s="568"/>
      <c r="GN4" s="568"/>
      <c r="GO4" s="568"/>
      <c r="GP4" s="568"/>
      <c r="GQ4" s="568"/>
      <c r="GR4" s="568"/>
      <c r="GS4" s="568"/>
      <c r="GT4" s="568"/>
      <c r="GU4" s="568"/>
      <c r="GV4" s="568"/>
      <c r="GW4" s="568"/>
      <c r="GX4" s="568"/>
      <c r="GY4" s="568"/>
      <c r="GZ4" s="568"/>
      <c r="HA4" s="568"/>
      <c r="HB4" s="568"/>
      <c r="HC4" s="568"/>
      <c r="HD4" s="568"/>
      <c r="HE4" s="568"/>
      <c r="HF4" s="568"/>
      <c r="HG4" s="568"/>
      <c r="HH4" s="568"/>
      <c r="HI4" s="568"/>
      <c r="HJ4" s="568"/>
      <c r="HK4" s="568"/>
      <c r="HL4" s="568"/>
      <c r="HM4" s="568"/>
      <c r="HN4" s="568"/>
      <c r="HO4" s="568"/>
      <c r="HP4" s="568"/>
      <c r="HQ4" s="568"/>
      <c r="HR4" s="568"/>
      <c r="HS4" s="568"/>
      <c r="HT4" s="568"/>
      <c r="HU4" s="568"/>
      <c r="HV4" s="568"/>
      <c r="HW4" s="568"/>
      <c r="HX4" s="568"/>
      <c r="HY4" s="569"/>
      <c r="HZ4" s="615" t="s">
        <v>85</v>
      </c>
      <c r="IA4" s="616"/>
      <c r="IB4" s="616"/>
      <c r="IC4" s="616"/>
      <c r="ID4" s="616"/>
      <c r="IE4" s="616"/>
      <c r="IF4" s="616"/>
      <c r="IG4" s="616"/>
      <c r="IH4" s="616"/>
      <c r="II4" s="616"/>
      <c r="IJ4" s="616"/>
      <c r="IK4" s="616"/>
      <c r="IL4" s="616"/>
      <c r="IM4" s="616"/>
      <c r="IN4" s="616"/>
      <c r="IO4" s="616"/>
      <c r="IP4" s="616"/>
      <c r="IQ4" s="616"/>
      <c r="IR4" s="616"/>
      <c r="IS4" s="616"/>
      <c r="IT4" s="616"/>
      <c r="IU4" s="616"/>
      <c r="IV4" s="616"/>
      <c r="IW4" s="616"/>
      <c r="IX4" s="616"/>
      <c r="IY4" s="616"/>
      <c r="IZ4" s="616"/>
      <c r="JA4" s="616"/>
      <c r="JB4" s="616"/>
      <c r="JC4" s="616"/>
      <c r="JD4" s="616"/>
      <c r="JE4" s="616"/>
      <c r="JF4" s="616"/>
      <c r="JG4" s="616"/>
      <c r="JH4" s="616"/>
      <c r="JI4" s="616"/>
      <c r="JJ4" s="616"/>
      <c r="JK4" s="616"/>
      <c r="JL4" s="616"/>
      <c r="JM4" s="616"/>
      <c r="JN4" s="616"/>
      <c r="JO4" s="616"/>
      <c r="JP4" s="616"/>
      <c r="JQ4" s="616"/>
      <c r="JR4" s="616"/>
      <c r="JS4" s="616"/>
      <c r="JT4" s="616"/>
      <c r="JU4" s="616"/>
      <c r="JV4" s="616"/>
      <c r="JW4" s="616"/>
      <c r="JX4" s="616"/>
      <c r="JY4" s="616"/>
      <c r="JZ4" s="616"/>
      <c r="KA4" s="616"/>
      <c r="KB4" s="616"/>
      <c r="KC4" s="616"/>
      <c r="KD4" s="616"/>
      <c r="KE4" s="616"/>
      <c r="KF4" s="616"/>
      <c r="KG4" s="616"/>
      <c r="KH4" s="616"/>
      <c r="KI4" s="616"/>
      <c r="KJ4" s="616"/>
      <c r="KK4" s="616"/>
      <c r="KL4" s="616"/>
      <c r="KM4" s="616"/>
      <c r="KN4" s="616"/>
      <c r="KO4" s="616"/>
      <c r="KP4" s="616"/>
      <c r="KQ4" s="616"/>
      <c r="KR4" s="616"/>
      <c r="KS4" s="616"/>
      <c r="KT4" s="616"/>
      <c r="KU4" s="616"/>
      <c r="KV4" s="616"/>
      <c r="KW4" s="616"/>
      <c r="KX4" s="616"/>
      <c r="KY4" s="616"/>
      <c r="KZ4" s="616"/>
      <c r="LA4" s="616"/>
      <c r="LB4" s="616"/>
      <c r="LC4" s="616"/>
      <c r="LD4" s="616"/>
      <c r="LE4" s="616"/>
      <c r="LF4" s="616"/>
      <c r="LG4" s="616"/>
      <c r="LH4" s="616"/>
      <c r="LI4" s="616"/>
      <c r="LJ4" s="616"/>
      <c r="LK4" s="616"/>
      <c r="LL4" s="616"/>
      <c r="LM4" s="616"/>
      <c r="LN4" s="616"/>
      <c r="LO4" s="616"/>
      <c r="LP4" s="616"/>
      <c r="LQ4" s="616"/>
      <c r="LR4" s="616"/>
      <c r="LS4" s="616"/>
      <c r="LT4" s="616"/>
      <c r="LU4" s="616"/>
      <c r="LV4" s="616"/>
      <c r="LW4" s="616"/>
      <c r="LX4" s="616"/>
      <c r="LY4" s="616"/>
      <c r="LZ4" s="616"/>
      <c r="MA4" s="616"/>
      <c r="MB4" s="616"/>
      <c r="MC4" s="616"/>
      <c r="MD4" s="616"/>
      <c r="ME4" s="617"/>
      <c r="MF4" s="615" t="s">
        <v>86</v>
      </c>
      <c r="MG4" s="616"/>
      <c r="MH4" s="616"/>
      <c r="MI4" s="616"/>
      <c r="MJ4" s="616"/>
      <c r="MK4" s="616"/>
      <c r="ML4" s="616"/>
      <c r="MM4" s="616"/>
      <c r="MN4" s="616"/>
      <c r="MO4" s="616"/>
      <c r="MP4" s="616"/>
      <c r="MQ4" s="616"/>
      <c r="MR4" s="616"/>
      <c r="MS4" s="616"/>
      <c r="MT4" s="616"/>
      <c r="MU4" s="616"/>
      <c r="MV4" s="616"/>
      <c r="MW4" s="616"/>
      <c r="MX4" s="616"/>
      <c r="MY4" s="616"/>
      <c r="MZ4" s="616"/>
      <c r="NA4" s="616"/>
      <c r="NB4" s="616"/>
      <c r="NC4" s="616"/>
      <c r="ND4" s="616"/>
      <c r="NE4" s="616"/>
      <c r="NF4" s="616"/>
      <c r="NG4" s="616"/>
      <c r="NH4" s="616"/>
      <c r="NI4" s="616"/>
      <c r="NJ4" s="616"/>
      <c r="NK4" s="616"/>
      <c r="NL4" s="616"/>
      <c r="NM4" s="616"/>
      <c r="NN4" s="616"/>
      <c r="NO4" s="616"/>
      <c r="NP4" s="616"/>
      <c r="NQ4" s="616"/>
      <c r="NR4" s="616"/>
      <c r="NS4" s="616"/>
      <c r="NT4" s="616"/>
      <c r="NU4" s="616"/>
      <c r="NV4" s="616"/>
      <c r="NW4" s="616"/>
      <c r="NX4" s="616"/>
      <c r="NY4" s="616"/>
      <c r="NZ4" s="616"/>
      <c r="OA4" s="616"/>
      <c r="OB4" s="616"/>
      <c r="OC4" s="616"/>
      <c r="OD4" s="616"/>
      <c r="OE4" s="616"/>
      <c r="OF4" s="616"/>
      <c r="OG4" s="616"/>
      <c r="OH4" s="617"/>
      <c r="OI4" s="570" t="s">
        <v>60</v>
      </c>
      <c r="OJ4" s="480"/>
      <c r="OK4" s="480"/>
      <c r="OL4" s="480"/>
      <c r="OM4" s="480"/>
      <c r="ON4" s="480"/>
      <c r="OO4" s="480"/>
      <c r="OP4" s="480"/>
      <c r="OQ4" s="480"/>
      <c r="OR4" s="480"/>
      <c r="OS4" s="481"/>
    </row>
    <row r="5" spans="1:409" ht="21" customHeight="1" thickBot="1" x14ac:dyDescent="0.25">
      <c r="B5" s="632"/>
      <c r="C5" s="635"/>
      <c r="D5" s="635"/>
      <c r="E5" s="635"/>
      <c r="F5" s="635"/>
      <c r="G5" s="635"/>
      <c r="H5" s="635"/>
      <c r="I5" s="635"/>
      <c r="J5" s="635"/>
      <c r="K5" s="635"/>
      <c r="L5" s="635"/>
      <c r="M5" s="635"/>
      <c r="N5" s="637" t="s">
        <v>64</v>
      </c>
      <c r="O5" s="638"/>
      <c r="P5" s="638"/>
      <c r="Q5" s="638"/>
      <c r="R5" s="638"/>
      <c r="S5" s="638"/>
      <c r="T5" s="638"/>
      <c r="U5" s="638"/>
      <c r="V5" s="638"/>
      <c r="W5" s="638"/>
      <c r="X5" s="638"/>
      <c r="Y5" s="638"/>
      <c r="Z5" s="638"/>
      <c r="AA5" s="638"/>
      <c r="AB5" s="638"/>
      <c r="AC5" s="638"/>
      <c r="AD5" s="638"/>
      <c r="AE5" s="638"/>
      <c r="AF5" s="638"/>
      <c r="AG5" s="638"/>
      <c r="AH5" s="638"/>
      <c r="AI5" s="638"/>
      <c r="AJ5" s="638"/>
      <c r="AK5" s="638"/>
      <c r="AL5" s="638"/>
      <c r="AM5" s="638"/>
      <c r="AN5" s="638"/>
      <c r="AO5" s="638"/>
      <c r="AP5" s="638"/>
      <c r="AQ5" s="638"/>
      <c r="AR5" s="638"/>
      <c r="AS5" s="638"/>
      <c r="AT5" s="638"/>
      <c r="AU5" s="638"/>
      <c r="AV5" s="638"/>
      <c r="AW5" s="638"/>
      <c r="AX5" s="638"/>
      <c r="AY5" s="638"/>
      <c r="AZ5" s="638"/>
      <c r="BA5" s="638"/>
      <c r="BB5" s="638"/>
      <c r="BC5" s="638"/>
      <c r="BD5" s="638"/>
      <c r="BE5" s="638"/>
      <c r="BF5" s="638"/>
      <c r="BG5" s="638"/>
      <c r="BH5" s="638"/>
      <c r="BI5" s="638"/>
      <c r="BJ5" s="638"/>
      <c r="BK5" s="638"/>
      <c r="BL5" s="638"/>
      <c r="BM5" s="638"/>
      <c r="BN5" s="638"/>
      <c r="BO5" s="638"/>
      <c r="BP5" s="638"/>
      <c r="BQ5" s="638"/>
      <c r="BR5" s="638"/>
      <c r="BS5" s="638"/>
      <c r="BT5" s="638"/>
      <c r="BU5" s="638"/>
      <c r="BV5" s="638"/>
      <c r="BW5" s="638"/>
      <c r="BX5" s="638"/>
      <c r="BY5" s="638"/>
      <c r="BZ5" s="638"/>
      <c r="CA5" s="639"/>
      <c r="CB5" s="637" t="s">
        <v>65</v>
      </c>
      <c r="CC5" s="638"/>
      <c r="CD5" s="638"/>
      <c r="CE5" s="638"/>
      <c r="CF5" s="638"/>
      <c r="CG5" s="638"/>
      <c r="CH5" s="638"/>
      <c r="CI5" s="638"/>
      <c r="CJ5" s="638"/>
      <c r="CK5" s="638"/>
      <c r="CL5" s="638"/>
      <c r="CM5" s="638"/>
      <c r="CN5" s="638"/>
      <c r="CO5" s="638"/>
      <c r="CP5" s="638"/>
      <c r="CQ5" s="638"/>
      <c r="CR5" s="638"/>
      <c r="CS5" s="638"/>
      <c r="CT5" s="638"/>
      <c r="CU5" s="638"/>
      <c r="CV5" s="638"/>
      <c r="CW5" s="638"/>
      <c r="CX5" s="638"/>
      <c r="CY5" s="638"/>
      <c r="CZ5" s="638"/>
      <c r="DA5" s="638"/>
      <c r="DB5" s="638"/>
      <c r="DC5" s="638"/>
      <c r="DD5" s="638"/>
      <c r="DE5" s="638"/>
      <c r="DF5" s="638"/>
      <c r="DG5" s="638"/>
      <c r="DH5" s="639"/>
      <c r="DI5" s="615" t="s">
        <v>66</v>
      </c>
      <c r="DJ5" s="616"/>
      <c r="DK5" s="616"/>
      <c r="DL5" s="616"/>
      <c r="DM5" s="616"/>
      <c r="DN5" s="616"/>
      <c r="DO5" s="616"/>
      <c r="DP5" s="616"/>
      <c r="DQ5" s="616"/>
      <c r="DR5" s="616"/>
      <c r="DS5" s="616"/>
      <c r="DT5" s="616"/>
      <c r="DU5" s="616"/>
      <c r="DV5" s="616"/>
      <c r="DW5" s="616"/>
      <c r="DX5" s="616"/>
      <c r="DY5" s="616"/>
      <c r="DZ5" s="616"/>
      <c r="EA5" s="616"/>
      <c r="EB5" s="616"/>
      <c r="EC5" s="616"/>
      <c r="ED5" s="616"/>
      <c r="EE5" s="616"/>
      <c r="EF5" s="616"/>
      <c r="EG5" s="616"/>
      <c r="EH5" s="616"/>
      <c r="EI5" s="616"/>
      <c r="EJ5" s="616"/>
      <c r="EK5" s="616"/>
      <c r="EL5" s="616"/>
      <c r="EM5" s="616"/>
      <c r="EN5" s="616"/>
      <c r="EO5" s="616"/>
      <c r="EP5" s="616"/>
      <c r="EQ5" s="616"/>
      <c r="ER5" s="616"/>
      <c r="ES5" s="616"/>
      <c r="ET5" s="616"/>
      <c r="EU5" s="616"/>
      <c r="EV5" s="616"/>
      <c r="EW5" s="616"/>
      <c r="EX5" s="616"/>
      <c r="EY5" s="616"/>
      <c r="EZ5" s="616"/>
      <c r="FA5" s="616"/>
      <c r="FB5" s="616"/>
      <c r="FC5" s="616"/>
      <c r="FD5" s="616"/>
      <c r="FE5" s="616"/>
      <c r="FF5" s="616"/>
      <c r="FG5" s="616"/>
      <c r="FH5" s="616"/>
      <c r="FI5" s="616"/>
      <c r="FJ5" s="616"/>
      <c r="FK5" s="617"/>
      <c r="FL5" s="637" t="s">
        <v>67</v>
      </c>
      <c r="FM5" s="638"/>
      <c r="FN5" s="638"/>
      <c r="FO5" s="638"/>
      <c r="FP5" s="638"/>
      <c r="FQ5" s="638"/>
      <c r="FR5" s="638"/>
      <c r="FS5" s="638"/>
      <c r="FT5" s="638"/>
      <c r="FU5" s="638"/>
      <c r="FV5" s="638"/>
      <c r="FW5" s="638"/>
      <c r="FX5" s="638"/>
      <c r="FY5" s="638"/>
      <c r="FZ5" s="638"/>
      <c r="GA5" s="638"/>
      <c r="GB5" s="638"/>
      <c r="GC5" s="638"/>
      <c r="GD5" s="638"/>
      <c r="GE5" s="638"/>
      <c r="GF5" s="638"/>
      <c r="GG5" s="638"/>
      <c r="GH5" s="638"/>
      <c r="GI5" s="638"/>
      <c r="GJ5" s="638"/>
      <c r="GK5" s="638"/>
      <c r="GL5" s="638"/>
      <c r="GM5" s="638"/>
      <c r="GN5" s="638"/>
      <c r="GO5" s="638"/>
      <c r="GP5" s="638"/>
      <c r="GQ5" s="638"/>
      <c r="GR5" s="638"/>
      <c r="GS5" s="638"/>
      <c r="GT5" s="638"/>
      <c r="GU5" s="638"/>
      <c r="GV5" s="638"/>
      <c r="GW5" s="638"/>
      <c r="GX5" s="638"/>
      <c r="GY5" s="638"/>
      <c r="GZ5" s="638"/>
      <c r="HA5" s="638"/>
      <c r="HB5" s="638"/>
      <c r="HC5" s="639"/>
      <c r="HD5" s="640" t="s">
        <v>68</v>
      </c>
      <c r="HE5" s="641"/>
      <c r="HF5" s="641"/>
      <c r="HG5" s="641"/>
      <c r="HH5" s="641"/>
      <c r="HI5" s="641"/>
      <c r="HJ5" s="641"/>
      <c r="HK5" s="641"/>
      <c r="HL5" s="641"/>
      <c r="HM5" s="641"/>
      <c r="HN5" s="642"/>
      <c r="HO5" s="640" t="s">
        <v>69</v>
      </c>
      <c r="HP5" s="641"/>
      <c r="HQ5" s="641"/>
      <c r="HR5" s="641"/>
      <c r="HS5" s="641"/>
      <c r="HT5" s="641"/>
      <c r="HU5" s="641"/>
      <c r="HV5" s="641"/>
      <c r="HW5" s="641"/>
      <c r="HX5" s="641"/>
      <c r="HY5" s="642"/>
      <c r="HZ5" s="594"/>
      <c r="IA5" s="595"/>
      <c r="IB5" s="595"/>
      <c r="IC5" s="595"/>
      <c r="ID5" s="595"/>
      <c r="IE5" s="595"/>
      <c r="IF5" s="595"/>
      <c r="IG5" s="595"/>
      <c r="IH5" s="595"/>
      <c r="II5" s="595"/>
      <c r="IJ5" s="596"/>
      <c r="IK5" s="570" t="s">
        <v>94</v>
      </c>
      <c r="IL5" s="480"/>
      <c r="IM5" s="480"/>
      <c r="IN5" s="480"/>
      <c r="IO5" s="480"/>
      <c r="IP5" s="480"/>
      <c r="IQ5" s="480"/>
      <c r="IR5" s="480"/>
      <c r="IS5" s="480"/>
      <c r="IT5" s="480"/>
      <c r="IU5" s="481"/>
      <c r="IV5" s="570" t="s">
        <v>88</v>
      </c>
      <c r="IW5" s="480"/>
      <c r="IX5" s="480"/>
      <c r="IY5" s="480"/>
      <c r="IZ5" s="480"/>
      <c r="JA5" s="480"/>
      <c r="JB5" s="480"/>
      <c r="JC5" s="480"/>
      <c r="JD5" s="480"/>
      <c r="JE5" s="480"/>
      <c r="JF5" s="481"/>
      <c r="JG5" s="600" t="s">
        <v>143</v>
      </c>
      <c r="JH5" s="601"/>
      <c r="JI5" s="601"/>
      <c r="JJ5" s="601"/>
      <c r="JK5" s="601"/>
      <c r="JL5" s="601"/>
      <c r="JM5" s="601"/>
      <c r="JN5" s="601"/>
      <c r="JO5" s="601"/>
      <c r="JP5" s="601"/>
      <c r="JQ5" s="602"/>
      <c r="JR5" s="570" t="s">
        <v>90</v>
      </c>
      <c r="JS5" s="480"/>
      <c r="JT5" s="480"/>
      <c r="JU5" s="480"/>
      <c r="JV5" s="480"/>
      <c r="JW5" s="480"/>
      <c r="JX5" s="480"/>
      <c r="JY5" s="480"/>
      <c r="JZ5" s="480"/>
      <c r="KA5" s="480"/>
      <c r="KB5" s="481"/>
      <c r="KC5" s="570" t="s">
        <v>89</v>
      </c>
      <c r="KD5" s="480"/>
      <c r="KE5" s="480"/>
      <c r="KF5" s="480"/>
      <c r="KG5" s="480"/>
      <c r="KH5" s="480"/>
      <c r="KI5" s="480"/>
      <c r="KJ5" s="480"/>
      <c r="KK5" s="480"/>
      <c r="KL5" s="480"/>
      <c r="KM5" s="481"/>
      <c r="KN5" s="570" t="s">
        <v>91</v>
      </c>
      <c r="KO5" s="480"/>
      <c r="KP5" s="480"/>
      <c r="KQ5" s="480"/>
      <c r="KR5" s="480"/>
      <c r="KS5" s="480"/>
      <c r="KT5" s="480"/>
      <c r="KU5" s="480"/>
      <c r="KV5" s="480"/>
      <c r="KW5" s="480"/>
      <c r="KX5" s="481"/>
      <c r="KY5" s="570" t="s">
        <v>92</v>
      </c>
      <c r="KZ5" s="480"/>
      <c r="LA5" s="480"/>
      <c r="LB5" s="480"/>
      <c r="LC5" s="480"/>
      <c r="LD5" s="480"/>
      <c r="LE5" s="480"/>
      <c r="LF5" s="480"/>
      <c r="LG5" s="480"/>
      <c r="LH5" s="480"/>
      <c r="LI5" s="481"/>
      <c r="LJ5" s="606" t="s">
        <v>93</v>
      </c>
      <c r="LK5" s="607"/>
      <c r="LL5" s="607"/>
      <c r="LM5" s="607"/>
      <c r="LN5" s="607"/>
      <c r="LO5" s="607"/>
      <c r="LP5" s="607"/>
      <c r="LQ5" s="607"/>
      <c r="LR5" s="607"/>
      <c r="LS5" s="607"/>
      <c r="LT5" s="608"/>
      <c r="LU5" s="609" t="s">
        <v>144</v>
      </c>
      <c r="LV5" s="610"/>
      <c r="LW5" s="610"/>
      <c r="LX5" s="610"/>
      <c r="LY5" s="610"/>
      <c r="LZ5" s="610"/>
      <c r="MA5" s="610"/>
      <c r="MB5" s="610"/>
      <c r="MC5" s="610"/>
      <c r="MD5" s="610"/>
      <c r="ME5" s="611"/>
      <c r="MF5" s="594"/>
      <c r="MG5" s="595"/>
      <c r="MH5" s="595"/>
      <c r="MI5" s="595"/>
      <c r="MJ5" s="595"/>
      <c r="MK5" s="595"/>
      <c r="ML5" s="595"/>
      <c r="MM5" s="595"/>
      <c r="MN5" s="595"/>
      <c r="MO5" s="595"/>
      <c r="MP5" s="596"/>
      <c r="MQ5" s="570" t="s">
        <v>57</v>
      </c>
      <c r="MR5" s="480"/>
      <c r="MS5" s="480"/>
      <c r="MT5" s="480"/>
      <c r="MU5" s="480"/>
      <c r="MV5" s="480"/>
      <c r="MW5" s="480"/>
      <c r="MX5" s="480"/>
      <c r="MY5" s="480"/>
      <c r="MZ5" s="480"/>
      <c r="NA5" s="481"/>
      <c r="NB5" s="570" t="s">
        <v>58</v>
      </c>
      <c r="NC5" s="480"/>
      <c r="ND5" s="480"/>
      <c r="NE5" s="480"/>
      <c r="NF5" s="480"/>
      <c r="NG5" s="480"/>
      <c r="NH5" s="480"/>
      <c r="NI5" s="480"/>
      <c r="NJ5" s="480"/>
      <c r="NK5" s="480"/>
      <c r="NL5" s="481"/>
      <c r="NM5" s="570" t="s">
        <v>59</v>
      </c>
      <c r="NN5" s="480"/>
      <c r="NO5" s="480"/>
      <c r="NP5" s="480"/>
      <c r="NQ5" s="480"/>
      <c r="NR5" s="480"/>
      <c r="NS5" s="480"/>
      <c r="NT5" s="480"/>
      <c r="NU5" s="480"/>
      <c r="NV5" s="480"/>
      <c r="NW5" s="481"/>
      <c r="NX5" s="619" t="s">
        <v>150</v>
      </c>
      <c r="NY5" s="620"/>
      <c r="NZ5" s="620"/>
      <c r="OA5" s="620"/>
      <c r="OB5" s="620"/>
      <c r="OC5" s="620"/>
      <c r="OD5" s="620"/>
      <c r="OE5" s="620"/>
      <c r="OF5" s="620"/>
      <c r="OG5" s="620"/>
      <c r="OH5" s="621"/>
      <c r="OI5" s="591"/>
      <c r="OJ5" s="592"/>
      <c r="OK5" s="592"/>
      <c r="OL5" s="592"/>
      <c r="OM5" s="592"/>
      <c r="ON5" s="592"/>
      <c r="OO5" s="592"/>
      <c r="OP5" s="592"/>
      <c r="OQ5" s="592"/>
      <c r="OR5" s="592"/>
      <c r="OS5" s="593"/>
    </row>
    <row r="6" spans="1:409" ht="21" customHeight="1" thickBot="1" x14ac:dyDescent="0.25">
      <c r="B6" s="632"/>
      <c r="C6" s="636"/>
      <c r="D6" s="636"/>
      <c r="E6" s="636"/>
      <c r="F6" s="636"/>
      <c r="G6" s="636"/>
      <c r="H6" s="636"/>
      <c r="I6" s="636"/>
      <c r="J6" s="636"/>
      <c r="K6" s="636"/>
      <c r="L6" s="636"/>
      <c r="M6" s="636"/>
      <c r="N6" s="571"/>
      <c r="O6" s="562"/>
      <c r="P6" s="562"/>
      <c r="Q6" s="562"/>
      <c r="R6" s="562"/>
      <c r="S6" s="562"/>
      <c r="T6" s="562"/>
      <c r="U6" s="562"/>
      <c r="V6" s="562"/>
      <c r="W6" s="562"/>
      <c r="X6" s="572"/>
      <c r="Y6" s="573" t="s">
        <v>70</v>
      </c>
      <c r="Z6" s="574"/>
      <c r="AA6" s="574"/>
      <c r="AB6" s="574"/>
      <c r="AC6" s="574"/>
      <c r="AD6" s="574"/>
      <c r="AE6" s="574"/>
      <c r="AF6" s="574"/>
      <c r="AG6" s="574"/>
      <c r="AH6" s="574"/>
      <c r="AI6" s="575"/>
      <c r="AJ6" s="640" t="s">
        <v>71</v>
      </c>
      <c r="AK6" s="641"/>
      <c r="AL6" s="641"/>
      <c r="AM6" s="641"/>
      <c r="AN6" s="641"/>
      <c r="AO6" s="641"/>
      <c r="AP6" s="641"/>
      <c r="AQ6" s="641"/>
      <c r="AR6" s="641"/>
      <c r="AS6" s="641"/>
      <c r="AT6" s="642"/>
      <c r="AU6" s="650" t="s">
        <v>72</v>
      </c>
      <c r="AV6" s="651"/>
      <c r="AW6" s="651"/>
      <c r="AX6" s="651"/>
      <c r="AY6" s="651"/>
      <c r="AZ6" s="651"/>
      <c r="BA6" s="651"/>
      <c r="BB6" s="651"/>
      <c r="BC6" s="651"/>
      <c r="BD6" s="651"/>
      <c r="BE6" s="652"/>
      <c r="BF6" s="650" t="s">
        <v>73</v>
      </c>
      <c r="BG6" s="651"/>
      <c r="BH6" s="651"/>
      <c r="BI6" s="651"/>
      <c r="BJ6" s="651"/>
      <c r="BK6" s="651"/>
      <c r="BL6" s="651"/>
      <c r="BM6" s="651"/>
      <c r="BN6" s="651"/>
      <c r="BO6" s="651"/>
      <c r="BP6" s="652"/>
      <c r="BQ6" s="650" t="s">
        <v>74</v>
      </c>
      <c r="BR6" s="651"/>
      <c r="BS6" s="651"/>
      <c r="BT6" s="651"/>
      <c r="BU6" s="651"/>
      <c r="BV6" s="651"/>
      <c r="BW6" s="651"/>
      <c r="BX6" s="651"/>
      <c r="BY6" s="651"/>
      <c r="BZ6" s="651"/>
      <c r="CA6" s="652"/>
      <c r="CB6" s="597"/>
      <c r="CC6" s="598"/>
      <c r="CD6" s="598"/>
      <c r="CE6" s="598"/>
      <c r="CF6" s="598"/>
      <c r="CG6" s="598"/>
      <c r="CH6" s="598"/>
      <c r="CI6" s="598"/>
      <c r="CJ6" s="598"/>
      <c r="CK6" s="598"/>
      <c r="CL6" s="599"/>
      <c r="CM6" s="650" t="s">
        <v>75</v>
      </c>
      <c r="CN6" s="651"/>
      <c r="CO6" s="651"/>
      <c r="CP6" s="651"/>
      <c r="CQ6" s="651"/>
      <c r="CR6" s="651"/>
      <c r="CS6" s="651"/>
      <c r="CT6" s="651"/>
      <c r="CU6" s="651"/>
      <c r="CV6" s="651"/>
      <c r="CW6" s="652"/>
      <c r="CX6" s="650" t="s">
        <v>76</v>
      </c>
      <c r="CY6" s="651"/>
      <c r="CZ6" s="651"/>
      <c r="DA6" s="651"/>
      <c r="DB6" s="651"/>
      <c r="DC6" s="651"/>
      <c r="DD6" s="651"/>
      <c r="DE6" s="651"/>
      <c r="DF6" s="651"/>
      <c r="DG6" s="651"/>
      <c r="DH6" s="652"/>
      <c r="DI6" s="597"/>
      <c r="DJ6" s="598"/>
      <c r="DK6" s="598"/>
      <c r="DL6" s="598"/>
      <c r="DM6" s="598"/>
      <c r="DN6" s="598"/>
      <c r="DO6" s="598"/>
      <c r="DP6" s="598"/>
      <c r="DQ6" s="598"/>
      <c r="DR6" s="598"/>
      <c r="DS6" s="598"/>
      <c r="DT6" s="650" t="s">
        <v>77</v>
      </c>
      <c r="DU6" s="651"/>
      <c r="DV6" s="651"/>
      <c r="DW6" s="651"/>
      <c r="DX6" s="651"/>
      <c r="DY6" s="651"/>
      <c r="DZ6" s="651"/>
      <c r="EA6" s="651"/>
      <c r="EB6" s="651"/>
      <c r="EC6" s="651"/>
      <c r="ED6" s="652"/>
      <c r="EE6" s="650" t="s">
        <v>78</v>
      </c>
      <c r="EF6" s="651"/>
      <c r="EG6" s="651"/>
      <c r="EH6" s="651"/>
      <c r="EI6" s="651"/>
      <c r="EJ6" s="651"/>
      <c r="EK6" s="651"/>
      <c r="EL6" s="651"/>
      <c r="EM6" s="651"/>
      <c r="EN6" s="651"/>
      <c r="EO6" s="652"/>
      <c r="EP6" s="650" t="s">
        <v>79</v>
      </c>
      <c r="EQ6" s="651"/>
      <c r="ER6" s="651"/>
      <c r="ES6" s="651"/>
      <c r="ET6" s="651"/>
      <c r="EU6" s="651"/>
      <c r="EV6" s="651"/>
      <c r="EW6" s="651"/>
      <c r="EX6" s="651"/>
      <c r="EY6" s="651"/>
      <c r="EZ6" s="652"/>
      <c r="FA6" s="653" t="s">
        <v>151</v>
      </c>
      <c r="FB6" s="651"/>
      <c r="FC6" s="651"/>
      <c r="FD6" s="651"/>
      <c r="FE6" s="651"/>
      <c r="FF6" s="651"/>
      <c r="FG6" s="651"/>
      <c r="FH6" s="651"/>
      <c r="FI6" s="651"/>
      <c r="FJ6" s="651"/>
      <c r="FK6" s="652"/>
      <c r="FL6" s="597"/>
      <c r="FM6" s="598"/>
      <c r="FN6" s="598"/>
      <c r="FO6" s="598"/>
      <c r="FP6" s="598"/>
      <c r="FQ6" s="598"/>
      <c r="FR6" s="598"/>
      <c r="FS6" s="598"/>
      <c r="FT6" s="598"/>
      <c r="FU6" s="598"/>
      <c r="FV6" s="598"/>
      <c r="FW6" s="650" t="s">
        <v>80</v>
      </c>
      <c r="FX6" s="651"/>
      <c r="FY6" s="651"/>
      <c r="FZ6" s="651"/>
      <c r="GA6" s="651"/>
      <c r="GB6" s="651"/>
      <c r="GC6" s="651"/>
      <c r="GD6" s="651"/>
      <c r="GE6" s="651"/>
      <c r="GF6" s="651"/>
      <c r="GG6" s="652"/>
      <c r="GH6" s="573" t="s">
        <v>81</v>
      </c>
      <c r="GI6" s="574"/>
      <c r="GJ6" s="574"/>
      <c r="GK6" s="574"/>
      <c r="GL6" s="574"/>
      <c r="GM6" s="574"/>
      <c r="GN6" s="574"/>
      <c r="GO6" s="574"/>
      <c r="GP6" s="574"/>
      <c r="GQ6" s="574"/>
      <c r="GR6" s="575"/>
      <c r="GS6" s="573" t="s">
        <v>82</v>
      </c>
      <c r="GT6" s="574"/>
      <c r="GU6" s="574"/>
      <c r="GV6" s="574"/>
      <c r="GW6" s="574"/>
      <c r="GX6" s="574"/>
      <c r="GY6" s="574"/>
      <c r="GZ6" s="574"/>
      <c r="HA6" s="574"/>
      <c r="HB6" s="574"/>
      <c r="HC6" s="575"/>
      <c r="HD6" s="643"/>
      <c r="HE6" s="644"/>
      <c r="HF6" s="644"/>
      <c r="HG6" s="644"/>
      <c r="HH6" s="644"/>
      <c r="HI6" s="644"/>
      <c r="HJ6" s="644"/>
      <c r="HK6" s="644"/>
      <c r="HL6" s="644"/>
      <c r="HM6" s="644"/>
      <c r="HN6" s="645"/>
      <c r="HO6" s="643"/>
      <c r="HP6" s="644"/>
      <c r="HQ6" s="644"/>
      <c r="HR6" s="644"/>
      <c r="HS6" s="644"/>
      <c r="HT6" s="644"/>
      <c r="HU6" s="644"/>
      <c r="HV6" s="644"/>
      <c r="HW6" s="644"/>
      <c r="HX6" s="644"/>
      <c r="HY6" s="645"/>
      <c r="HZ6" s="597"/>
      <c r="IA6" s="598"/>
      <c r="IB6" s="598"/>
      <c r="IC6" s="598"/>
      <c r="ID6" s="598"/>
      <c r="IE6" s="598"/>
      <c r="IF6" s="598"/>
      <c r="IG6" s="598"/>
      <c r="IH6" s="598"/>
      <c r="II6" s="598"/>
      <c r="IJ6" s="599"/>
      <c r="IK6" s="571"/>
      <c r="IL6" s="562"/>
      <c r="IM6" s="562"/>
      <c r="IN6" s="562"/>
      <c r="IO6" s="562"/>
      <c r="IP6" s="562"/>
      <c r="IQ6" s="562"/>
      <c r="IR6" s="562"/>
      <c r="IS6" s="562"/>
      <c r="IT6" s="562"/>
      <c r="IU6" s="572"/>
      <c r="IV6" s="571"/>
      <c r="IW6" s="562"/>
      <c r="IX6" s="562"/>
      <c r="IY6" s="562"/>
      <c r="IZ6" s="562"/>
      <c r="JA6" s="562"/>
      <c r="JB6" s="562"/>
      <c r="JC6" s="562"/>
      <c r="JD6" s="562"/>
      <c r="JE6" s="562"/>
      <c r="JF6" s="572"/>
      <c r="JG6" s="603"/>
      <c r="JH6" s="604"/>
      <c r="JI6" s="604"/>
      <c r="JJ6" s="604"/>
      <c r="JK6" s="604"/>
      <c r="JL6" s="604"/>
      <c r="JM6" s="604"/>
      <c r="JN6" s="604"/>
      <c r="JO6" s="604"/>
      <c r="JP6" s="604"/>
      <c r="JQ6" s="605"/>
      <c r="JR6" s="571"/>
      <c r="JS6" s="562"/>
      <c r="JT6" s="562"/>
      <c r="JU6" s="562"/>
      <c r="JV6" s="562"/>
      <c r="JW6" s="562"/>
      <c r="JX6" s="562"/>
      <c r="JY6" s="562"/>
      <c r="JZ6" s="562"/>
      <c r="KA6" s="562"/>
      <c r="KB6" s="572"/>
      <c r="KC6" s="571"/>
      <c r="KD6" s="562"/>
      <c r="KE6" s="562"/>
      <c r="KF6" s="562"/>
      <c r="KG6" s="562"/>
      <c r="KH6" s="562"/>
      <c r="KI6" s="562"/>
      <c r="KJ6" s="562"/>
      <c r="KK6" s="562"/>
      <c r="KL6" s="562"/>
      <c r="KM6" s="572"/>
      <c r="KN6" s="571"/>
      <c r="KO6" s="562"/>
      <c r="KP6" s="562"/>
      <c r="KQ6" s="562"/>
      <c r="KR6" s="562"/>
      <c r="KS6" s="562"/>
      <c r="KT6" s="562"/>
      <c r="KU6" s="562"/>
      <c r="KV6" s="562"/>
      <c r="KW6" s="562"/>
      <c r="KX6" s="572"/>
      <c r="KY6" s="571"/>
      <c r="KZ6" s="562"/>
      <c r="LA6" s="562"/>
      <c r="LB6" s="562"/>
      <c r="LC6" s="562"/>
      <c r="LD6" s="562"/>
      <c r="LE6" s="562"/>
      <c r="LF6" s="562"/>
      <c r="LG6" s="562"/>
      <c r="LH6" s="562"/>
      <c r="LI6" s="572"/>
      <c r="LJ6" s="597"/>
      <c r="LK6" s="598"/>
      <c r="LL6" s="598"/>
      <c r="LM6" s="598"/>
      <c r="LN6" s="598"/>
      <c r="LO6" s="598"/>
      <c r="LP6" s="598"/>
      <c r="LQ6" s="598"/>
      <c r="LR6" s="598"/>
      <c r="LS6" s="598"/>
      <c r="LT6" s="599"/>
      <c r="LU6" s="612"/>
      <c r="LV6" s="613"/>
      <c r="LW6" s="613"/>
      <c r="LX6" s="613"/>
      <c r="LY6" s="613"/>
      <c r="LZ6" s="613"/>
      <c r="MA6" s="613"/>
      <c r="MB6" s="613"/>
      <c r="MC6" s="613"/>
      <c r="MD6" s="613"/>
      <c r="ME6" s="614"/>
      <c r="MF6" s="597"/>
      <c r="MG6" s="598"/>
      <c r="MH6" s="598"/>
      <c r="MI6" s="598"/>
      <c r="MJ6" s="598"/>
      <c r="MK6" s="598"/>
      <c r="ML6" s="598"/>
      <c r="MM6" s="598"/>
      <c r="MN6" s="598"/>
      <c r="MO6" s="598"/>
      <c r="MP6" s="599"/>
      <c r="MQ6" s="571"/>
      <c r="MR6" s="562"/>
      <c r="MS6" s="562"/>
      <c r="MT6" s="562"/>
      <c r="MU6" s="562"/>
      <c r="MV6" s="562"/>
      <c r="MW6" s="562"/>
      <c r="MX6" s="562"/>
      <c r="MY6" s="562"/>
      <c r="MZ6" s="562"/>
      <c r="NA6" s="572"/>
      <c r="NB6" s="571"/>
      <c r="NC6" s="562"/>
      <c r="ND6" s="562"/>
      <c r="NE6" s="562"/>
      <c r="NF6" s="562"/>
      <c r="NG6" s="562"/>
      <c r="NH6" s="562"/>
      <c r="NI6" s="562"/>
      <c r="NJ6" s="562"/>
      <c r="NK6" s="562"/>
      <c r="NL6" s="572"/>
      <c r="NM6" s="571"/>
      <c r="NN6" s="562"/>
      <c r="NO6" s="562"/>
      <c r="NP6" s="562"/>
      <c r="NQ6" s="562"/>
      <c r="NR6" s="562"/>
      <c r="NS6" s="562"/>
      <c r="NT6" s="562"/>
      <c r="NU6" s="562"/>
      <c r="NV6" s="562"/>
      <c r="NW6" s="572"/>
      <c r="NX6" s="622"/>
      <c r="NY6" s="623"/>
      <c r="NZ6" s="623"/>
      <c r="OA6" s="623"/>
      <c r="OB6" s="623"/>
      <c r="OC6" s="623"/>
      <c r="OD6" s="623"/>
      <c r="OE6" s="623"/>
      <c r="OF6" s="623"/>
      <c r="OG6" s="623"/>
      <c r="OH6" s="624"/>
      <c r="OI6" s="571"/>
      <c r="OJ6" s="562"/>
      <c r="OK6" s="562"/>
      <c r="OL6" s="562"/>
      <c r="OM6" s="562"/>
      <c r="ON6" s="562"/>
      <c r="OO6" s="562"/>
      <c r="OP6" s="562"/>
      <c r="OQ6" s="562"/>
      <c r="OR6" s="562"/>
      <c r="OS6" s="572"/>
    </row>
    <row r="7" spans="1:409" ht="21" customHeight="1" x14ac:dyDescent="0.2">
      <c r="B7" s="632"/>
      <c r="C7" s="553" t="s">
        <v>61</v>
      </c>
      <c r="D7" s="553"/>
      <c r="E7" s="553"/>
      <c r="F7" s="552" t="s">
        <v>62</v>
      </c>
      <c r="G7" s="553"/>
      <c r="H7" s="553"/>
      <c r="I7" s="553"/>
      <c r="J7" s="553"/>
      <c r="K7" s="553"/>
      <c r="L7" s="553"/>
      <c r="M7" s="552" t="s">
        <v>52</v>
      </c>
      <c r="N7" s="647" t="s">
        <v>61</v>
      </c>
      <c r="O7" s="553"/>
      <c r="P7" s="553"/>
      <c r="Q7" s="552" t="s">
        <v>62</v>
      </c>
      <c r="R7" s="553"/>
      <c r="S7" s="553"/>
      <c r="T7" s="553"/>
      <c r="U7" s="553"/>
      <c r="V7" s="553"/>
      <c r="W7" s="554"/>
      <c r="X7" s="588" t="s">
        <v>52</v>
      </c>
      <c r="Y7" s="571" t="s">
        <v>61</v>
      </c>
      <c r="Z7" s="562"/>
      <c r="AA7" s="563"/>
      <c r="AB7" s="561" t="s">
        <v>62</v>
      </c>
      <c r="AC7" s="562"/>
      <c r="AD7" s="562"/>
      <c r="AE7" s="562"/>
      <c r="AF7" s="562"/>
      <c r="AG7" s="562"/>
      <c r="AH7" s="563"/>
      <c r="AI7" s="572" t="s">
        <v>52</v>
      </c>
      <c r="AJ7" s="549" t="s">
        <v>61</v>
      </c>
      <c r="AK7" s="550"/>
      <c r="AL7" s="551"/>
      <c r="AM7" s="586" t="s">
        <v>62</v>
      </c>
      <c r="AN7" s="550"/>
      <c r="AO7" s="550"/>
      <c r="AP7" s="550"/>
      <c r="AQ7" s="550"/>
      <c r="AR7" s="550"/>
      <c r="AS7" s="587"/>
      <c r="AT7" s="648" t="s">
        <v>52</v>
      </c>
      <c r="AU7" s="566" t="s">
        <v>61</v>
      </c>
      <c r="AV7" s="559"/>
      <c r="AW7" s="560"/>
      <c r="AX7" s="589" t="s">
        <v>62</v>
      </c>
      <c r="AY7" s="559"/>
      <c r="AZ7" s="559"/>
      <c r="BA7" s="559"/>
      <c r="BB7" s="559"/>
      <c r="BC7" s="559"/>
      <c r="BD7" s="590"/>
      <c r="BE7" s="572" t="s">
        <v>52</v>
      </c>
      <c r="BF7" s="566" t="s">
        <v>61</v>
      </c>
      <c r="BG7" s="559"/>
      <c r="BH7" s="560"/>
      <c r="BI7" s="589" t="s">
        <v>62</v>
      </c>
      <c r="BJ7" s="559"/>
      <c r="BK7" s="559"/>
      <c r="BL7" s="559"/>
      <c r="BM7" s="559"/>
      <c r="BN7" s="559"/>
      <c r="BO7" s="590"/>
      <c r="BP7" s="572" t="s">
        <v>52</v>
      </c>
      <c r="BQ7" s="566" t="s">
        <v>61</v>
      </c>
      <c r="BR7" s="559"/>
      <c r="BS7" s="560"/>
      <c r="BT7" s="589" t="s">
        <v>62</v>
      </c>
      <c r="BU7" s="559"/>
      <c r="BV7" s="559"/>
      <c r="BW7" s="559"/>
      <c r="BX7" s="559"/>
      <c r="BY7" s="559"/>
      <c r="BZ7" s="590"/>
      <c r="CA7" s="572" t="s">
        <v>52</v>
      </c>
      <c r="CB7" s="549" t="s">
        <v>61</v>
      </c>
      <c r="CC7" s="550"/>
      <c r="CD7" s="551"/>
      <c r="CE7" s="586" t="s">
        <v>62</v>
      </c>
      <c r="CF7" s="550"/>
      <c r="CG7" s="550"/>
      <c r="CH7" s="550"/>
      <c r="CI7" s="550"/>
      <c r="CJ7" s="550"/>
      <c r="CK7" s="587"/>
      <c r="CL7" s="588" t="s">
        <v>52</v>
      </c>
      <c r="CM7" s="566" t="s">
        <v>61</v>
      </c>
      <c r="CN7" s="559"/>
      <c r="CO7" s="590"/>
      <c r="CP7" s="589" t="s">
        <v>62</v>
      </c>
      <c r="CQ7" s="559"/>
      <c r="CR7" s="559"/>
      <c r="CS7" s="559"/>
      <c r="CT7" s="559"/>
      <c r="CU7" s="559"/>
      <c r="CV7" s="590"/>
      <c r="CW7" s="584" t="s">
        <v>52</v>
      </c>
      <c r="CX7" s="566" t="s">
        <v>61</v>
      </c>
      <c r="CY7" s="559"/>
      <c r="CZ7" s="590"/>
      <c r="DA7" s="589" t="s">
        <v>62</v>
      </c>
      <c r="DB7" s="559"/>
      <c r="DC7" s="559"/>
      <c r="DD7" s="559"/>
      <c r="DE7" s="559"/>
      <c r="DF7" s="559"/>
      <c r="DG7" s="590"/>
      <c r="DH7" s="584" t="s">
        <v>52</v>
      </c>
      <c r="DI7" s="549" t="s">
        <v>61</v>
      </c>
      <c r="DJ7" s="550"/>
      <c r="DK7" s="587"/>
      <c r="DL7" s="586" t="s">
        <v>62</v>
      </c>
      <c r="DM7" s="550"/>
      <c r="DN7" s="550"/>
      <c r="DO7" s="550"/>
      <c r="DP7" s="550"/>
      <c r="DQ7" s="550"/>
      <c r="DR7" s="587"/>
      <c r="DS7" s="588" t="s">
        <v>52</v>
      </c>
      <c r="DT7" s="566" t="s">
        <v>61</v>
      </c>
      <c r="DU7" s="559"/>
      <c r="DV7" s="560"/>
      <c r="DW7" s="589" t="s">
        <v>62</v>
      </c>
      <c r="DX7" s="559"/>
      <c r="DY7" s="559"/>
      <c r="DZ7" s="559"/>
      <c r="EA7" s="559"/>
      <c r="EB7" s="559"/>
      <c r="EC7" s="590"/>
      <c r="ED7" s="572" t="s">
        <v>52</v>
      </c>
      <c r="EE7" s="566" t="s">
        <v>61</v>
      </c>
      <c r="EF7" s="559"/>
      <c r="EG7" s="560"/>
      <c r="EH7" s="589" t="s">
        <v>62</v>
      </c>
      <c r="EI7" s="559"/>
      <c r="EJ7" s="559"/>
      <c r="EK7" s="559"/>
      <c r="EL7" s="559"/>
      <c r="EM7" s="559"/>
      <c r="EN7" s="590"/>
      <c r="EO7" s="572" t="s">
        <v>52</v>
      </c>
      <c r="EP7" s="566" t="s">
        <v>61</v>
      </c>
      <c r="EQ7" s="559"/>
      <c r="ER7" s="560"/>
      <c r="ES7" s="589" t="s">
        <v>62</v>
      </c>
      <c r="ET7" s="559"/>
      <c r="EU7" s="559"/>
      <c r="EV7" s="559"/>
      <c r="EW7" s="559"/>
      <c r="EX7" s="559"/>
      <c r="EY7" s="590"/>
      <c r="EZ7" s="572" t="s">
        <v>52</v>
      </c>
      <c r="FA7" s="566" t="s">
        <v>61</v>
      </c>
      <c r="FB7" s="559"/>
      <c r="FC7" s="560"/>
      <c r="FD7" s="589" t="s">
        <v>62</v>
      </c>
      <c r="FE7" s="559"/>
      <c r="FF7" s="559"/>
      <c r="FG7" s="559"/>
      <c r="FH7" s="559"/>
      <c r="FI7" s="559"/>
      <c r="FJ7" s="590"/>
      <c r="FK7" s="572" t="s">
        <v>52</v>
      </c>
      <c r="FL7" s="549" t="s">
        <v>61</v>
      </c>
      <c r="FM7" s="550"/>
      <c r="FN7" s="551"/>
      <c r="FO7" s="586" t="s">
        <v>62</v>
      </c>
      <c r="FP7" s="550"/>
      <c r="FQ7" s="550"/>
      <c r="FR7" s="550"/>
      <c r="FS7" s="550"/>
      <c r="FT7" s="550"/>
      <c r="FU7" s="587"/>
      <c r="FV7" s="553" t="s">
        <v>52</v>
      </c>
      <c r="FW7" s="566" t="s">
        <v>61</v>
      </c>
      <c r="FX7" s="559"/>
      <c r="FY7" s="560"/>
      <c r="FZ7" s="589" t="s">
        <v>62</v>
      </c>
      <c r="GA7" s="559"/>
      <c r="GB7" s="559"/>
      <c r="GC7" s="559"/>
      <c r="GD7" s="559"/>
      <c r="GE7" s="559"/>
      <c r="GF7" s="590"/>
      <c r="GG7" s="572" t="s">
        <v>52</v>
      </c>
      <c r="GH7" s="571" t="s">
        <v>61</v>
      </c>
      <c r="GI7" s="562"/>
      <c r="GJ7" s="562"/>
      <c r="GK7" s="561" t="s">
        <v>62</v>
      </c>
      <c r="GL7" s="562"/>
      <c r="GM7" s="562"/>
      <c r="GN7" s="562"/>
      <c r="GO7" s="562"/>
      <c r="GP7" s="562"/>
      <c r="GQ7" s="563"/>
      <c r="GR7" s="629" t="s">
        <v>52</v>
      </c>
      <c r="GS7" s="571" t="s">
        <v>61</v>
      </c>
      <c r="GT7" s="562"/>
      <c r="GU7" s="563"/>
      <c r="GV7" s="561" t="s">
        <v>62</v>
      </c>
      <c r="GW7" s="562"/>
      <c r="GX7" s="562"/>
      <c r="GY7" s="562"/>
      <c r="GZ7" s="562"/>
      <c r="HA7" s="562"/>
      <c r="HB7" s="563"/>
      <c r="HC7" s="629" t="s">
        <v>52</v>
      </c>
      <c r="HD7" s="566" t="s">
        <v>61</v>
      </c>
      <c r="HE7" s="559"/>
      <c r="HF7" s="560"/>
      <c r="HG7" s="589" t="s">
        <v>62</v>
      </c>
      <c r="HH7" s="559"/>
      <c r="HI7" s="559"/>
      <c r="HJ7" s="559"/>
      <c r="HK7" s="559"/>
      <c r="HL7" s="559"/>
      <c r="HM7" s="590"/>
      <c r="HN7" s="572" t="s">
        <v>52</v>
      </c>
      <c r="HO7" s="566" t="s">
        <v>61</v>
      </c>
      <c r="HP7" s="559"/>
      <c r="HQ7" s="560"/>
      <c r="HR7" s="589" t="s">
        <v>62</v>
      </c>
      <c r="HS7" s="559"/>
      <c r="HT7" s="559"/>
      <c r="HU7" s="559"/>
      <c r="HV7" s="559"/>
      <c r="HW7" s="559"/>
      <c r="HX7" s="590"/>
      <c r="HY7" s="572" t="s">
        <v>52</v>
      </c>
      <c r="HZ7" s="549" t="s">
        <v>61</v>
      </c>
      <c r="IA7" s="550"/>
      <c r="IB7" s="551"/>
      <c r="IC7" s="586" t="s">
        <v>62</v>
      </c>
      <c r="ID7" s="550"/>
      <c r="IE7" s="550"/>
      <c r="IF7" s="550"/>
      <c r="IG7" s="550"/>
      <c r="IH7" s="550"/>
      <c r="II7" s="587"/>
      <c r="IJ7" s="553" t="s">
        <v>52</v>
      </c>
      <c r="IK7" s="566" t="s">
        <v>61</v>
      </c>
      <c r="IL7" s="559"/>
      <c r="IM7" s="560"/>
      <c r="IN7" s="589" t="s">
        <v>62</v>
      </c>
      <c r="IO7" s="559"/>
      <c r="IP7" s="559"/>
      <c r="IQ7" s="559"/>
      <c r="IR7" s="559"/>
      <c r="IS7" s="559"/>
      <c r="IT7" s="590"/>
      <c r="IU7" s="572" t="s">
        <v>52</v>
      </c>
      <c r="IV7" s="566" t="s">
        <v>61</v>
      </c>
      <c r="IW7" s="559"/>
      <c r="IX7" s="590"/>
      <c r="IY7" s="589" t="s">
        <v>62</v>
      </c>
      <c r="IZ7" s="559"/>
      <c r="JA7" s="559"/>
      <c r="JB7" s="559"/>
      <c r="JC7" s="559"/>
      <c r="JD7" s="559"/>
      <c r="JE7" s="590"/>
      <c r="JF7" s="572" t="s">
        <v>52</v>
      </c>
      <c r="JG7" s="566" t="s">
        <v>61</v>
      </c>
      <c r="JH7" s="559"/>
      <c r="JI7" s="560"/>
      <c r="JJ7" s="589" t="s">
        <v>62</v>
      </c>
      <c r="JK7" s="559"/>
      <c r="JL7" s="559"/>
      <c r="JM7" s="559"/>
      <c r="JN7" s="559"/>
      <c r="JO7" s="559"/>
      <c r="JP7" s="590"/>
      <c r="JQ7" s="584" t="s">
        <v>52</v>
      </c>
      <c r="JR7" s="566" t="s">
        <v>61</v>
      </c>
      <c r="JS7" s="559"/>
      <c r="JT7" s="560"/>
      <c r="JU7" s="589" t="s">
        <v>62</v>
      </c>
      <c r="JV7" s="559"/>
      <c r="JW7" s="559"/>
      <c r="JX7" s="559"/>
      <c r="JY7" s="559"/>
      <c r="JZ7" s="559"/>
      <c r="KA7" s="590"/>
      <c r="KB7" s="584" t="s">
        <v>52</v>
      </c>
      <c r="KC7" s="566" t="s">
        <v>61</v>
      </c>
      <c r="KD7" s="559"/>
      <c r="KE7" s="560"/>
      <c r="KF7" s="589" t="s">
        <v>62</v>
      </c>
      <c r="KG7" s="559"/>
      <c r="KH7" s="559"/>
      <c r="KI7" s="559"/>
      <c r="KJ7" s="559"/>
      <c r="KK7" s="559"/>
      <c r="KL7" s="590"/>
      <c r="KM7" s="584" t="s">
        <v>52</v>
      </c>
      <c r="KN7" s="566" t="s">
        <v>61</v>
      </c>
      <c r="KO7" s="559"/>
      <c r="KP7" s="560"/>
      <c r="KQ7" s="589" t="s">
        <v>62</v>
      </c>
      <c r="KR7" s="559"/>
      <c r="KS7" s="559"/>
      <c r="KT7" s="559"/>
      <c r="KU7" s="559"/>
      <c r="KV7" s="559"/>
      <c r="KW7" s="590"/>
      <c r="KX7" s="584" t="s">
        <v>52</v>
      </c>
      <c r="KY7" s="566" t="s">
        <v>61</v>
      </c>
      <c r="KZ7" s="559"/>
      <c r="LA7" s="560"/>
      <c r="LB7" s="589" t="s">
        <v>62</v>
      </c>
      <c r="LC7" s="559"/>
      <c r="LD7" s="559"/>
      <c r="LE7" s="559"/>
      <c r="LF7" s="559"/>
      <c r="LG7" s="559"/>
      <c r="LH7" s="590"/>
      <c r="LI7" s="584" t="s">
        <v>52</v>
      </c>
      <c r="LJ7" s="566" t="s">
        <v>61</v>
      </c>
      <c r="LK7" s="559"/>
      <c r="LL7" s="560"/>
      <c r="LM7" s="589" t="s">
        <v>62</v>
      </c>
      <c r="LN7" s="559"/>
      <c r="LO7" s="559"/>
      <c r="LP7" s="559"/>
      <c r="LQ7" s="559"/>
      <c r="LR7" s="559"/>
      <c r="LS7" s="590"/>
      <c r="LT7" s="584" t="s">
        <v>52</v>
      </c>
      <c r="LU7" s="566" t="s">
        <v>61</v>
      </c>
      <c r="LV7" s="559"/>
      <c r="LW7" s="560"/>
      <c r="LX7" s="589" t="s">
        <v>62</v>
      </c>
      <c r="LY7" s="559"/>
      <c r="LZ7" s="559"/>
      <c r="MA7" s="559"/>
      <c r="MB7" s="559"/>
      <c r="MC7" s="559"/>
      <c r="MD7" s="590"/>
      <c r="ME7" s="584" t="s">
        <v>52</v>
      </c>
      <c r="MF7" s="549" t="s">
        <v>61</v>
      </c>
      <c r="MG7" s="550"/>
      <c r="MH7" s="551"/>
      <c r="MI7" s="586" t="s">
        <v>62</v>
      </c>
      <c r="MJ7" s="550"/>
      <c r="MK7" s="550"/>
      <c r="ML7" s="550"/>
      <c r="MM7" s="550"/>
      <c r="MN7" s="550"/>
      <c r="MO7" s="587"/>
      <c r="MP7" s="588" t="s">
        <v>52</v>
      </c>
      <c r="MQ7" s="566" t="s">
        <v>61</v>
      </c>
      <c r="MR7" s="559"/>
      <c r="MS7" s="560"/>
      <c r="MT7" s="589" t="s">
        <v>62</v>
      </c>
      <c r="MU7" s="559"/>
      <c r="MV7" s="559"/>
      <c r="MW7" s="559"/>
      <c r="MX7" s="559"/>
      <c r="MY7" s="559"/>
      <c r="MZ7" s="590"/>
      <c r="NA7" s="584" t="s">
        <v>52</v>
      </c>
      <c r="NB7" s="566" t="s">
        <v>61</v>
      </c>
      <c r="NC7" s="559"/>
      <c r="ND7" s="560"/>
      <c r="NE7" s="589" t="s">
        <v>62</v>
      </c>
      <c r="NF7" s="559"/>
      <c r="NG7" s="559"/>
      <c r="NH7" s="559"/>
      <c r="NI7" s="559"/>
      <c r="NJ7" s="559"/>
      <c r="NK7" s="590"/>
      <c r="NL7" s="584" t="s">
        <v>52</v>
      </c>
      <c r="NM7" s="566" t="s">
        <v>61</v>
      </c>
      <c r="NN7" s="559"/>
      <c r="NO7" s="560"/>
      <c r="NP7" s="589" t="s">
        <v>62</v>
      </c>
      <c r="NQ7" s="559"/>
      <c r="NR7" s="559"/>
      <c r="NS7" s="559"/>
      <c r="NT7" s="559"/>
      <c r="NU7" s="559"/>
      <c r="NV7" s="590"/>
      <c r="NW7" s="584" t="s">
        <v>52</v>
      </c>
      <c r="NX7" s="566" t="s">
        <v>61</v>
      </c>
      <c r="NY7" s="559"/>
      <c r="NZ7" s="560"/>
      <c r="OA7" s="589" t="s">
        <v>62</v>
      </c>
      <c r="OB7" s="559"/>
      <c r="OC7" s="559"/>
      <c r="OD7" s="559"/>
      <c r="OE7" s="559"/>
      <c r="OF7" s="559"/>
      <c r="OG7" s="590"/>
      <c r="OH7" s="584" t="s">
        <v>52</v>
      </c>
      <c r="OI7" s="549" t="s">
        <v>61</v>
      </c>
      <c r="OJ7" s="550"/>
      <c r="OK7" s="551"/>
      <c r="OL7" s="586" t="s">
        <v>62</v>
      </c>
      <c r="OM7" s="550"/>
      <c r="ON7" s="550"/>
      <c r="OO7" s="550"/>
      <c r="OP7" s="550"/>
      <c r="OQ7" s="550"/>
      <c r="OR7" s="587"/>
      <c r="OS7" s="588" t="s">
        <v>52</v>
      </c>
    </row>
    <row r="8" spans="1:409" ht="30" customHeight="1" thickBot="1" x14ac:dyDescent="0.25">
      <c r="B8" s="633"/>
      <c r="C8" s="55" t="s">
        <v>43</v>
      </c>
      <c r="D8" s="13" t="s">
        <v>44</v>
      </c>
      <c r="E8" s="36" t="s">
        <v>45</v>
      </c>
      <c r="F8" s="37" t="s">
        <v>83</v>
      </c>
      <c r="G8" s="13" t="s">
        <v>47</v>
      </c>
      <c r="H8" s="13" t="s">
        <v>48</v>
      </c>
      <c r="I8" s="13" t="s">
        <v>49</v>
      </c>
      <c r="J8" s="13" t="s">
        <v>50</v>
      </c>
      <c r="K8" s="13" t="s">
        <v>51</v>
      </c>
      <c r="L8" s="14" t="s">
        <v>45</v>
      </c>
      <c r="M8" s="646"/>
      <c r="N8" s="35" t="s">
        <v>43</v>
      </c>
      <c r="O8" s="13" t="s">
        <v>44</v>
      </c>
      <c r="P8" s="14" t="s">
        <v>45</v>
      </c>
      <c r="Q8" s="37" t="s">
        <v>83</v>
      </c>
      <c r="R8" s="13" t="s">
        <v>47</v>
      </c>
      <c r="S8" s="13" t="s">
        <v>48</v>
      </c>
      <c r="T8" s="13" t="s">
        <v>49</v>
      </c>
      <c r="U8" s="13" t="s">
        <v>50</v>
      </c>
      <c r="V8" s="13" t="s">
        <v>51</v>
      </c>
      <c r="W8" s="14" t="s">
        <v>45</v>
      </c>
      <c r="X8" s="627"/>
      <c r="Y8" s="35" t="s">
        <v>43</v>
      </c>
      <c r="Z8" s="13" t="s">
        <v>44</v>
      </c>
      <c r="AA8" s="14" t="s">
        <v>45</v>
      </c>
      <c r="AB8" s="37" t="s">
        <v>83</v>
      </c>
      <c r="AC8" s="13" t="s">
        <v>47</v>
      </c>
      <c r="AD8" s="13" t="s">
        <v>48</v>
      </c>
      <c r="AE8" s="13" t="s">
        <v>49</v>
      </c>
      <c r="AF8" s="13" t="s">
        <v>50</v>
      </c>
      <c r="AG8" s="13" t="s">
        <v>51</v>
      </c>
      <c r="AH8" s="14" t="s">
        <v>45</v>
      </c>
      <c r="AI8" s="628"/>
      <c r="AJ8" s="35" t="s">
        <v>43</v>
      </c>
      <c r="AK8" s="13" t="s">
        <v>44</v>
      </c>
      <c r="AL8" s="36" t="s">
        <v>45</v>
      </c>
      <c r="AM8" s="37" t="s">
        <v>83</v>
      </c>
      <c r="AN8" s="13" t="s">
        <v>47</v>
      </c>
      <c r="AO8" s="13" t="s">
        <v>48</v>
      </c>
      <c r="AP8" s="13" t="s">
        <v>49</v>
      </c>
      <c r="AQ8" s="13" t="s">
        <v>50</v>
      </c>
      <c r="AR8" s="13" t="s">
        <v>51</v>
      </c>
      <c r="AS8" s="14" t="s">
        <v>45</v>
      </c>
      <c r="AT8" s="628"/>
      <c r="AU8" s="35" t="s">
        <v>43</v>
      </c>
      <c r="AV8" s="13" t="s">
        <v>44</v>
      </c>
      <c r="AW8" s="36" t="s">
        <v>45</v>
      </c>
      <c r="AX8" s="37" t="s">
        <v>83</v>
      </c>
      <c r="AY8" s="13" t="s">
        <v>47</v>
      </c>
      <c r="AZ8" s="13" t="s">
        <v>48</v>
      </c>
      <c r="BA8" s="13" t="s">
        <v>49</v>
      </c>
      <c r="BB8" s="13" t="s">
        <v>50</v>
      </c>
      <c r="BC8" s="13" t="s">
        <v>51</v>
      </c>
      <c r="BD8" s="14" t="s">
        <v>45</v>
      </c>
      <c r="BE8" s="628"/>
      <c r="BF8" s="53" t="s">
        <v>43</v>
      </c>
      <c r="BG8" s="13" t="s">
        <v>44</v>
      </c>
      <c r="BH8" s="36" t="s">
        <v>45</v>
      </c>
      <c r="BI8" s="37" t="s">
        <v>83</v>
      </c>
      <c r="BJ8" s="13" t="s">
        <v>47</v>
      </c>
      <c r="BK8" s="13" t="s">
        <v>48</v>
      </c>
      <c r="BL8" s="13" t="s">
        <v>49</v>
      </c>
      <c r="BM8" s="13" t="s">
        <v>50</v>
      </c>
      <c r="BN8" s="13" t="s">
        <v>51</v>
      </c>
      <c r="BO8" s="14" t="s">
        <v>45</v>
      </c>
      <c r="BP8" s="628"/>
      <c r="BQ8" s="35" t="s">
        <v>43</v>
      </c>
      <c r="BR8" s="13" t="s">
        <v>44</v>
      </c>
      <c r="BS8" s="36" t="s">
        <v>45</v>
      </c>
      <c r="BT8" s="37" t="s">
        <v>83</v>
      </c>
      <c r="BU8" s="13" t="s">
        <v>47</v>
      </c>
      <c r="BV8" s="13" t="s">
        <v>48</v>
      </c>
      <c r="BW8" s="13" t="s">
        <v>49</v>
      </c>
      <c r="BX8" s="13" t="s">
        <v>50</v>
      </c>
      <c r="BY8" s="13" t="s">
        <v>51</v>
      </c>
      <c r="BZ8" s="14" t="s">
        <v>45</v>
      </c>
      <c r="CA8" s="628"/>
      <c r="CB8" s="35" t="s">
        <v>43</v>
      </c>
      <c r="CC8" s="13" t="s">
        <v>44</v>
      </c>
      <c r="CD8" s="36" t="s">
        <v>45</v>
      </c>
      <c r="CE8" s="37" t="s">
        <v>83</v>
      </c>
      <c r="CF8" s="13" t="s">
        <v>47</v>
      </c>
      <c r="CG8" s="13" t="s">
        <v>48</v>
      </c>
      <c r="CH8" s="13" t="s">
        <v>49</v>
      </c>
      <c r="CI8" s="13" t="s">
        <v>50</v>
      </c>
      <c r="CJ8" s="13" t="s">
        <v>51</v>
      </c>
      <c r="CK8" s="14" t="s">
        <v>45</v>
      </c>
      <c r="CL8" s="627"/>
      <c r="CM8" s="35" t="s">
        <v>43</v>
      </c>
      <c r="CN8" s="13" t="s">
        <v>44</v>
      </c>
      <c r="CO8" s="14" t="s">
        <v>45</v>
      </c>
      <c r="CP8" s="37" t="s">
        <v>83</v>
      </c>
      <c r="CQ8" s="13" t="s">
        <v>47</v>
      </c>
      <c r="CR8" s="13" t="s">
        <v>48</v>
      </c>
      <c r="CS8" s="13" t="s">
        <v>49</v>
      </c>
      <c r="CT8" s="13" t="s">
        <v>50</v>
      </c>
      <c r="CU8" s="13" t="s">
        <v>51</v>
      </c>
      <c r="CV8" s="14" t="s">
        <v>45</v>
      </c>
      <c r="CW8" s="627"/>
      <c r="CX8" s="35" t="s">
        <v>43</v>
      </c>
      <c r="CY8" s="13" t="s">
        <v>44</v>
      </c>
      <c r="CZ8" s="14" t="s">
        <v>45</v>
      </c>
      <c r="DA8" s="37" t="s">
        <v>83</v>
      </c>
      <c r="DB8" s="13" t="s">
        <v>47</v>
      </c>
      <c r="DC8" s="13" t="s">
        <v>48</v>
      </c>
      <c r="DD8" s="13" t="s">
        <v>49</v>
      </c>
      <c r="DE8" s="13" t="s">
        <v>50</v>
      </c>
      <c r="DF8" s="13" t="s">
        <v>51</v>
      </c>
      <c r="DG8" s="14" t="s">
        <v>45</v>
      </c>
      <c r="DH8" s="627"/>
      <c r="DI8" s="35" t="s">
        <v>43</v>
      </c>
      <c r="DJ8" s="13" t="s">
        <v>44</v>
      </c>
      <c r="DK8" s="14" t="s">
        <v>45</v>
      </c>
      <c r="DL8" s="37" t="s">
        <v>83</v>
      </c>
      <c r="DM8" s="13" t="s">
        <v>47</v>
      </c>
      <c r="DN8" s="13" t="s">
        <v>48</v>
      </c>
      <c r="DO8" s="13" t="s">
        <v>49</v>
      </c>
      <c r="DP8" s="13" t="s">
        <v>50</v>
      </c>
      <c r="DQ8" s="13" t="s">
        <v>51</v>
      </c>
      <c r="DR8" s="14" t="s">
        <v>45</v>
      </c>
      <c r="DS8" s="627"/>
      <c r="DT8" s="35" t="s">
        <v>43</v>
      </c>
      <c r="DU8" s="13" t="s">
        <v>44</v>
      </c>
      <c r="DV8" s="36" t="s">
        <v>45</v>
      </c>
      <c r="DW8" s="37" t="s">
        <v>83</v>
      </c>
      <c r="DX8" s="13" t="s">
        <v>47</v>
      </c>
      <c r="DY8" s="13" t="s">
        <v>48</v>
      </c>
      <c r="DZ8" s="13" t="s">
        <v>49</v>
      </c>
      <c r="EA8" s="13" t="s">
        <v>50</v>
      </c>
      <c r="EB8" s="13" t="s">
        <v>51</v>
      </c>
      <c r="EC8" s="14" t="s">
        <v>45</v>
      </c>
      <c r="ED8" s="628"/>
      <c r="EE8" s="35" t="s">
        <v>43</v>
      </c>
      <c r="EF8" s="13" t="s">
        <v>44</v>
      </c>
      <c r="EG8" s="36" t="s">
        <v>45</v>
      </c>
      <c r="EH8" s="37" t="s">
        <v>83</v>
      </c>
      <c r="EI8" s="13" t="s">
        <v>47</v>
      </c>
      <c r="EJ8" s="13" t="s">
        <v>48</v>
      </c>
      <c r="EK8" s="13" t="s">
        <v>49</v>
      </c>
      <c r="EL8" s="13" t="s">
        <v>50</v>
      </c>
      <c r="EM8" s="13" t="s">
        <v>51</v>
      </c>
      <c r="EN8" s="14" t="s">
        <v>45</v>
      </c>
      <c r="EO8" s="628"/>
      <c r="EP8" s="35" t="s">
        <v>43</v>
      </c>
      <c r="EQ8" s="13" t="s">
        <v>44</v>
      </c>
      <c r="ER8" s="36" t="s">
        <v>45</v>
      </c>
      <c r="ES8" s="37" t="s">
        <v>83</v>
      </c>
      <c r="ET8" s="13" t="s">
        <v>47</v>
      </c>
      <c r="EU8" s="13" t="s">
        <v>48</v>
      </c>
      <c r="EV8" s="13" t="s">
        <v>49</v>
      </c>
      <c r="EW8" s="13" t="s">
        <v>50</v>
      </c>
      <c r="EX8" s="13" t="s">
        <v>51</v>
      </c>
      <c r="EY8" s="14" t="s">
        <v>45</v>
      </c>
      <c r="EZ8" s="628"/>
      <c r="FA8" s="35" t="s">
        <v>43</v>
      </c>
      <c r="FB8" s="13" t="s">
        <v>44</v>
      </c>
      <c r="FC8" s="36" t="s">
        <v>45</v>
      </c>
      <c r="FD8" s="37" t="s">
        <v>83</v>
      </c>
      <c r="FE8" s="13" t="s">
        <v>47</v>
      </c>
      <c r="FF8" s="13" t="s">
        <v>48</v>
      </c>
      <c r="FG8" s="13" t="s">
        <v>49</v>
      </c>
      <c r="FH8" s="13" t="s">
        <v>50</v>
      </c>
      <c r="FI8" s="13" t="s">
        <v>51</v>
      </c>
      <c r="FJ8" s="14" t="s">
        <v>45</v>
      </c>
      <c r="FK8" s="628"/>
      <c r="FL8" s="35" t="s">
        <v>43</v>
      </c>
      <c r="FM8" s="13" t="s">
        <v>44</v>
      </c>
      <c r="FN8" s="36" t="s">
        <v>45</v>
      </c>
      <c r="FO8" s="37" t="s">
        <v>83</v>
      </c>
      <c r="FP8" s="13" t="s">
        <v>47</v>
      </c>
      <c r="FQ8" s="13" t="s">
        <v>48</v>
      </c>
      <c r="FR8" s="13" t="s">
        <v>49</v>
      </c>
      <c r="FS8" s="13" t="s">
        <v>50</v>
      </c>
      <c r="FT8" s="13" t="s">
        <v>51</v>
      </c>
      <c r="FU8" s="14" t="s">
        <v>45</v>
      </c>
      <c r="FV8" s="626"/>
      <c r="FW8" s="35" t="s">
        <v>43</v>
      </c>
      <c r="FX8" s="13" t="s">
        <v>44</v>
      </c>
      <c r="FY8" s="36" t="s">
        <v>45</v>
      </c>
      <c r="FZ8" s="37" t="s">
        <v>83</v>
      </c>
      <c r="GA8" s="13" t="s">
        <v>47</v>
      </c>
      <c r="GB8" s="13" t="s">
        <v>48</v>
      </c>
      <c r="GC8" s="13" t="s">
        <v>49</v>
      </c>
      <c r="GD8" s="13" t="s">
        <v>50</v>
      </c>
      <c r="GE8" s="13" t="s">
        <v>51</v>
      </c>
      <c r="GF8" s="14" t="s">
        <v>45</v>
      </c>
      <c r="GG8" s="628"/>
      <c r="GH8" s="35" t="s">
        <v>43</v>
      </c>
      <c r="GI8" s="13" t="s">
        <v>44</v>
      </c>
      <c r="GJ8" s="36" t="s">
        <v>45</v>
      </c>
      <c r="GK8" s="37" t="s">
        <v>83</v>
      </c>
      <c r="GL8" s="13" t="s">
        <v>47</v>
      </c>
      <c r="GM8" s="13" t="s">
        <v>48</v>
      </c>
      <c r="GN8" s="13" t="s">
        <v>49</v>
      </c>
      <c r="GO8" s="13" t="s">
        <v>50</v>
      </c>
      <c r="GP8" s="13" t="s">
        <v>51</v>
      </c>
      <c r="GQ8" s="14" t="s">
        <v>45</v>
      </c>
      <c r="GR8" s="630"/>
      <c r="GS8" s="35" t="s">
        <v>43</v>
      </c>
      <c r="GT8" s="13" t="s">
        <v>44</v>
      </c>
      <c r="GU8" s="36" t="s">
        <v>45</v>
      </c>
      <c r="GV8" s="37" t="s">
        <v>83</v>
      </c>
      <c r="GW8" s="13" t="s">
        <v>47</v>
      </c>
      <c r="GX8" s="13" t="s">
        <v>48</v>
      </c>
      <c r="GY8" s="13" t="s">
        <v>49</v>
      </c>
      <c r="GZ8" s="13" t="s">
        <v>50</v>
      </c>
      <c r="HA8" s="13" t="s">
        <v>51</v>
      </c>
      <c r="HB8" s="14" t="s">
        <v>45</v>
      </c>
      <c r="HC8" s="630"/>
      <c r="HD8" s="35" t="s">
        <v>43</v>
      </c>
      <c r="HE8" s="13" t="s">
        <v>44</v>
      </c>
      <c r="HF8" s="36" t="s">
        <v>45</v>
      </c>
      <c r="HG8" s="37" t="s">
        <v>83</v>
      </c>
      <c r="HH8" s="13" t="s">
        <v>47</v>
      </c>
      <c r="HI8" s="13" t="s">
        <v>48</v>
      </c>
      <c r="HJ8" s="13" t="s">
        <v>49</v>
      </c>
      <c r="HK8" s="13" t="s">
        <v>50</v>
      </c>
      <c r="HL8" s="13" t="s">
        <v>51</v>
      </c>
      <c r="HM8" s="14" t="s">
        <v>45</v>
      </c>
      <c r="HN8" s="628"/>
      <c r="HO8" s="35" t="s">
        <v>43</v>
      </c>
      <c r="HP8" s="13" t="s">
        <v>44</v>
      </c>
      <c r="HQ8" s="36" t="s">
        <v>45</v>
      </c>
      <c r="HR8" s="37" t="s">
        <v>83</v>
      </c>
      <c r="HS8" s="13" t="s">
        <v>47</v>
      </c>
      <c r="HT8" s="13" t="s">
        <v>48</v>
      </c>
      <c r="HU8" s="13" t="s">
        <v>49</v>
      </c>
      <c r="HV8" s="13" t="s">
        <v>50</v>
      </c>
      <c r="HW8" s="13" t="s">
        <v>51</v>
      </c>
      <c r="HX8" s="14" t="s">
        <v>45</v>
      </c>
      <c r="HY8" s="628"/>
      <c r="HZ8" s="342" t="s">
        <v>43</v>
      </c>
      <c r="IA8" s="343" t="s">
        <v>44</v>
      </c>
      <c r="IB8" s="36" t="s">
        <v>45</v>
      </c>
      <c r="IC8" s="37" t="s">
        <v>83</v>
      </c>
      <c r="ID8" s="343" t="s">
        <v>47</v>
      </c>
      <c r="IE8" s="343" t="s">
        <v>48</v>
      </c>
      <c r="IF8" s="343" t="s">
        <v>49</v>
      </c>
      <c r="IG8" s="343" t="s">
        <v>50</v>
      </c>
      <c r="IH8" s="343" t="s">
        <v>51</v>
      </c>
      <c r="II8" s="14" t="s">
        <v>45</v>
      </c>
      <c r="IJ8" s="626"/>
      <c r="IK8" s="342" t="s">
        <v>43</v>
      </c>
      <c r="IL8" s="343" t="s">
        <v>44</v>
      </c>
      <c r="IM8" s="36" t="s">
        <v>45</v>
      </c>
      <c r="IN8" s="37" t="s">
        <v>83</v>
      </c>
      <c r="IO8" s="51" t="s">
        <v>47</v>
      </c>
      <c r="IP8" s="51" t="s">
        <v>48</v>
      </c>
      <c r="IQ8" s="51" t="s">
        <v>49</v>
      </c>
      <c r="IR8" s="51" t="s">
        <v>50</v>
      </c>
      <c r="IS8" s="51" t="s">
        <v>51</v>
      </c>
      <c r="IT8" s="54" t="s">
        <v>45</v>
      </c>
      <c r="IU8" s="625"/>
      <c r="IV8" s="53" t="s">
        <v>43</v>
      </c>
      <c r="IW8" s="51" t="s">
        <v>44</v>
      </c>
      <c r="IX8" s="54" t="s">
        <v>45</v>
      </c>
      <c r="IY8" s="28" t="s">
        <v>83</v>
      </c>
      <c r="IZ8" s="51" t="s">
        <v>47</v>
      </c>
      <c r="JA8" s="51" t="s">
        <v>48</v>
      </c>
      <c r="JB8" s="51" t="s">
        <v>49</v>
      </c>
      <c r="JC8" s="51" t="s">
        <v>50</v>
      </c>
      <c r="JD8" s="51" t="s">
        <v>51</v>
      </c>
      <c r="JE8" s="54" t="s">
        <v>45</v>
      </c>
      <c r="JF8" s="625"/>
      <c r="JG8" s="53" t="s">
        <v>43</v>
      </c>
      <c r="JH8" s="51" t="s">
        <v>44</v>
      </c>
      <c r="JI8" s="52" t="s">
        <v>45</v>
      </c>
      <c r="JJ8" s="28" t="s">
        <v>83</v>
      </c>
      <c r="JK8" s="51" t="s">
        <v>47</v>
      </c>
      <c r="JL8" s="51" t="s">
        <v>48</v>
      </c>
      <c r="JM8" s="51" t="s">
        <v>49</v>
      </c>
      <c r="JN8" s="51" t="s">
        <v>50</v>
      </c>
      <c r="JO8" s="51" t="s">
        <v>51</v>
      </c>
      <c r="JP8" s="54" t="s">
        <v>45</v>
      </c>
      <c r="JQ8" s="585"/>
      <c r="JR8" s="53" t="s">
        <v>43</v>
      </c>
      <c r="JS8" s="51" t="s">
        <v>44</v>
      </c>
      <c r="JT8" s="52" t="s">
        <v>45</v>
      </c>
      <c r="JU8" s="28" t="s">
        <v>83</v>
      </c>
      <c r="JV8" s="51" t="s">
        <v>47</v>
      </c>
      <c r="JW8" s="51" t="s">
        <v>48</v>
      </c>
      <c r="JX8" s="51" t="s">
        <v>49</v>
      </c>
      <c r="JY8" s="51" t="s">
        <v>50</v>
      </c>
      <c r="JZ8" s="51" t="s">
        <v>51</v>
      </c>
      <c r="KA8" s="54" t="s">
        <v>45</v>
      </c>
      <c r="KB8" s="585"/>
      <c r="KC8" s="53" t="s">
        <v>43</v>
      </c>
      <c r="KD8" s="51" t="s">
        <v>44</v>
      </c>
      <c r="KE8" s="52" t="s">
        <v>45</v>
      </c>
      <c r="KF8" s="28" t="s">
        <v>83</v>
      </c>
      <c r="KG8" s="51" t="s">
        <v>47</v>
      </c>
      <c r="KH8" s="51" t="s">
        <v>48</v>
      </c>
      <c r="KI8" s="51" t="s">
        <v>49</v>
      </c>
      <c r="KJ8" s="51" t="s">
        <v>50</v>
      </c>
      <c r="KK8" s="51" t="s">
        <v>51</v>
      </c>
      <c r="KL8" s="54" t="s">
        <v>45</v>
      </c>
      <c r="KM8" s="585"/>
      <c r="KN8" s="53" t="s">
        <v>43</v>
      </c>
      <c r="KO8" s="51" t="s">
        <v>44</v>
      </c>
      <c r="KP8" s="52" t="s">
        <v>45</v>
      </c>
      <c r="KQ8" s="37" t="s">
        <v>83</v>
      </c>
      <c r="KR8" s="51" t="s">
        <v>47</v>
      </c>
      <c r="KS8" s="51" t="s">
        <v>48</v>
      </c>
      <c r="KT8" s="51" t="s">
        <v>49</v>
      </c>
      <c r="KU8" s="51" t="s">
        <v>50</v>
      </c>
      <c r="KV8" s="51" t="s">
        <v>51</v>
      </c>
      <c r="KW8" s="54" t="s">
        <v>45</v>
      </c>
      <c r="KX8" s="585"/>
      <c r="KY8" s="53" t="s">
        <v>43</v>
      </c>
      <c r="KZ8" s="51" t="s">
        <v>44</v>
      </c>
      <c r="LA8" s="52" t="s">
        <v>45</v>
      </c>
      <c r="LB8" s="37" t="s">
        <v>83</v>
      </c>
      <c r="LC8" s="51" t="s">
        <v>47</v>
      </c>
      <c r="LD8" s="51" t="s">
        <v>48</v>
      </c>
      <c r="LE8" s="51" t="s">
        <v>49</v>
      </c>
      <c r="LF8" s="51" t="s">
        <v>50</v>
      </c>
      <c r="LG8" s="51" t="s">
        <v>51</v>
      </c>
      <c r="LH8" s="54" t="s">
        <v>45</v>
      </c>
      <c r="LI8" s="585"/>
      <c r="LJ8" s="53" t="s">
        <v>43</v>
      </c>
      <c r="LK8" s="51" t="s">
        <v>44</v>
      </c>
      <c r="LL8" s="52" t="s">
        <v>45</v>
      </c>
      <c r="LM8" s="37" t="s">
        <v>83</v>
      </c>
      <c r="LN8" s="51" t="s">
        <v>47</v>
      </c>
      <c r="LO8" s="51" t="s">
        <v>48</v>
      </c>
      <c r="LP8" s="51" t="s">
        <v>49</v>
      </c>
      <c r="LQ8" s="51" t="s">
        <v>50</v>
      </c>
      <c r="LR8" s="51" t="s">
        <v>51</v>
      </c>
      <c r="LS8" s="54" t="s">
        <v>45</v>
      </c>
      <c r="LT8" s="585"/>
      <c r="LU8" s="53" t="s">
        <v>43</v>
      </c>
      <c r="LV8" s="51" t="s">
        <v>44</v>
      </c>
      <c r="LW8" s="52" t="s">
        <v>45</v>
      </c>
      <c r="LX8" s="37" t="s">
        <v>83</v>
      </c>
      <c r="LY8" s="51" t="s">
        <v>47</v>
      </c>
      <c r="LZ8" s="51" t="s">
        <v>48</v>
      </c>
      <c r="MA8" s="51" t="s">
        <v>49</v>
      </c>
      <c r="MB8" s="51" t="s">
        <v>50</v>
      </c>
      <c r="MC8" s="51" t="s">
        <v>51</v>
      </c>
      <c r="MD8" s="54" t="s">
        <v>45</v>
      </c>
      <c r="ME8" s="585"/>
      <c r="MF8" s="53" t="s">
        <v>43</v>
      </c>
      <c r="MG8" s="51" t="s">
        <v>44</v>
      </c>
      <c r="MH8" s="52" t="s">
        <v>45</v>
      </c>
      <c r="MI8" s="37" t="s">
        <v>83</v>
      </c>
      <c r="MJ8" s="51" t="s">
        <v>47</v>
      </c>
      <c r="MK8" s="51" t="s">
        <v>48</v>
      </c>
      <c r="ML8" s="51" t="s">
        <v>49</v>
      </c>
      <c r="MM8" s="51" t="s">
        <v>50</v>
      </c>
      <c r="MN8" s="51" t="s">
        <v>51</v>
      </c>
      <c r="MO8" s="54" t="s">
        <v>45</v>
      </c>
      <c r="MP8" s="585"/>
      <c r="MQ8" s="53" t="s">
        <v>43</v>
      </c>
      <c r="MR8" s="51" t="s">
        <v>44</v>
      </c>
      <c r="MS8" s="52" t="s">
        <v>45</v>
      </c>
      <c r="MT8" s="37" t="s">
        <v>83</v>
      </c>
      <c r="MU8" s="51" t="s">
        <v>47</v>
      </c>
      <c r="MV8" s="51" t="s">
        <v>48</v>
      </c>
      <c r="MW8" s="51" t="s">
        <v>49</v>
      </c>
      <c r="MX8" s="51" t="s">
        <v>50</v>
      </c>
      <c r="MY8" s="51" t="s">
        <v>51</v>
      </c>
      <c r="MZ8" s="54" t="s">
        <v>45</v>
      </c>
      <c r="NA8" s="585"/>
      <c r="NB8" s="53" t="s">
        <v>43</v>
      </c>
      <c r="NC8" s="51" t="s">
        <v>44</v>
      </c>
      <c r="ND8" s="52" t="s">
        <v>45</v>
      </c>
      <c r="NE8" s="37" t="s">
        <v>83</v>
      </c>
      <c r="NF8" s="51" t="s">
        <v>47</v>
      </c>
      <c r="NG8" s="51" t="s">
        <v>48</v>
      </c>
      <c r="NH8" s="51" t="s">
        <v>49</v>
      </c>
      <c r="NI8" s="51" t="s">
        <v>50</v>
      </c>
      <c r="NJ8" s="51" t="s">
        <v>51</v>
      </c>
      <c r="NK8" s="54" t="s">
        <v>45</v>
      </c>
      <c r="NL8" s="585"/>
      <c r="NM8" s="53" t="s">
        <v>43</v>
      </c>
      <c r="NN8" s="51" t="s">
        <v>44</v>
      </c>
      <c r="NO8" s="52" t="s">
        <v>45</v>
      </c>
      <c r="NP8" s="37" t="s">
        <v>83</v>
      </c>
      <c r="NQ8" s="51" t="s">
        <v>47</v>
      </c>
      <c r="NR8" s="51" t="s">
        <v>48</v>
      </c>
      <c r="NS8" s="51" t="s">
        <v>49</v>
      </c>
      <c r="NT8" s="51" t="s">
        <v>50</v>
      </c>
      <c r="NU8" s="51" t="s">
        <v>51</v>
      </c>
      <c r="NV8" s="54" t="s">
        <v>45</v>
      </c>
      <c r="NW8" s="585"/>
      <c r="NX8" s="53" t="s">
        <v>43</v>
      </c>
      <c r="NY8" s="51" t="s">
        <v>44</v>
      </c>
      <c r="NZ8" s="52" t="s">
        <v>45</v>
      </c>
      <c r="OA8" s="37" t="s">
        <v>83</v>
      </c>
      <c r="OB8" s="51" t="s">
        <v>47</v>
      </c>
      <c r="OC8" s="51" t="s">
        <v>48</v>
      </c>
      <c r="OD8" s="51" t="s">
        <v>49</v>
      </c>
      <c r="OE8" s="51" t="s">
        <v>50</v>
      </c>
      <c r="OF8" s="51" t="s">
        <v>51</v>
      </c>
      <c r="OG8" s="54" t="s">
        <v>45</v>
      </c>
      <c r="OH8" s="585"/>
      <c r="OI8" s="53" t="s">
        <v>43</v>
      </c>
      <c r="OJ8" s="51" t="s">
        <v>44</v>
      </c>
      <c r="OK8" s="52" t="s">
        <v>45</v>
      </c>
      <c r="OL8" s="28" t="s">
        <v>83</v>
      </c>
      <c r="OM8" s="51" t="s">
        <v>47</v>
      </c>
      <c r="ON8" s="51" t="s">
        <v>48</v>
      </c>
      <c r="OO8" s="51" t="s">
        <v>49</v>
      </c>
      <c r="OP8" s="51" t="s">
        <v>50</v>
      </c>
      <c r="OQ8" s="51" t="s">
        <v>51</v>
      </c>
      <c r="OR8" s="54" t="s">
        <v>45</v>
      </c>
      <c r="OS8" s="585"/>
    </row>
    <row r="9" spans="1:409" s="403" customFormat="1" ht="21" customHeight="1" x14ac:dyDescent="0.2">
      <c r="A9" s="39"/>
      <c r="B9" s="470" t="s">
        <v>4</v>
      </c>
      <c r="C9" s="360">
        <v>411504378</v>
      </c>
      <c r="D9" s="361">
        <v>862164540</v>
      </c>
      <c r="E9" s="362">
        <v>1273668918</v>
      </c>
      <c r="F9" s="363">
        <v>0</v>
      </c>
      <c r="G9" s="361">
        <v>5290681530</v>
      </c>
      <c r="H9" s="361">
        <v>7295631538</v>
      </c>
      <c r="I9" s="361">
        <v>6118810730</v>
      </c>
      <c r="J9" s="361">
        <v>5787796126</v>
      </c>
      <c r="K9" s="361">
        <v>4382323045</v>
      </c>
      <c r="L9" s="364">
        <v>28875242969</v>
      </c>
      <c r="M9" s="365">
        <v>30148911887</v>
      </c>
      <c r="N9" s="360">
        <v>100611489</v>
      </c>
      <c r="O9" s="361">
        <v>261077220</v>
      </c>
      <c r="P9" s="366">
        <v>361688709</v>
      </c>
      <c r="Q9" s="360">
        <v>0</v>
      </c>
      <c r="R9" s="361">
        <v>1537682533</v>
      </c>
      <c r="S9" s="361">
        <v>2394471579</v>
      </c>
      <c r="T9" s="361">
        <v>2058491865</v>
      </c>
      <c r="U9" s="361">
        <v>2247653676</v>
      </c>
      <c r="V9" s="361">
        <v>2275821721</v>
      </c>
      <c r="W9" s="366">
        <v>10514121374</v>
      </c>
      <c r="X9" s="365">
        <v>10875810083</v>
      </c>
      <c r="Y9" s="360">
        <v>0</v>
      </c>
      <c r="Z9" s="361">
        <v>0</v>
      </c>
      <c r="AA9" s="366">
        <v>0</v>
      </c>
      <c r="AB9" s="367">
        <v>0</v>
      </c>
      <c r="AC9" s="368">
        <v>734442069</v>
      </c>
      <c r="AD9" s="368">
        <v>1174886592</v>
      </c>
      <c r="AE9" s="368">
        <v>1149612082</v>
      </c>
      <c r="AF9" s="368">
        <v>1320645325</v>
      </c>
      <c r="AG9" s="368">
        <v>1327375819</v>
      </c>
      <c r="AH9" s="366">
        <v>5706961887</v>
      </c>
      <c r="AI9" s="365">
        <v>5706961887</v>
      </c>
      <c r="AJ9" s="369">
        <v>66212</v>
      </c>
      <c r="AK9" s="368">
        <v>446257</v>
      </c>
      <c r="AL9" s="366">
        <v>512469</v>
      </c>
      <c r="AM9" s="367">
        <v>0</v>
      </c>
      <c r="AN9" s="368">
        <v>6405205</v>
      </c>
      <c r="AO9" s="364">
        <v>26092228</v>
      </c>
      <c r="AP9" s="368">
        <v>48570969</v>
      </c>
      <c r="AQ9" s="368">
        <v>127234772</v>
      </c>
      <c r="AR9" s="368">
        <v>258083783</v>
      </c>
      <c r="AS9" s="366">
        <v>466386957</v>
      </c>
      <c r="AT9" s="365">
        <v>466899426</v>
      </c>
      <c r="AU9" s="369">
        <v>56923103</v>
      </c>
      <c r="AV9" s="368">
        <v>188709830</v>
      </c>
      <c r="AW9" s="366">
        <v>245632933</v>
      </c>
      <c r="AX9" s="367">
        <v>0</v>
      </c>
      <c r="AY9" s="368">
        <v>501350646</v>
      </c>
      <c r="AZ9" s="368">
        <v>809182011</v>
      </c>
      <c r="BA9" s="368">
        <v>526544260</v>
      </c>
      <c r="BB9" s="368">
        <v>470471499</v>
      </c>
      <c r="BC9" s="368">
        <v>443456722</v>
      </c>
      <c r="BD9" s="366">
        <v>2751005138</v>
      </c>
      <c r="BE9" s="370">
        <v>2996638071</v>
      </c>
      <c r="BF9" s="369">
        <v>6964737</v>
      </c>
      <c r="BG9" s="364">
        <v>27275425</v>
      </c>
      <c r="BH9" s="371">
        <v>34240162</v>
      </c>
      <c r="BI9" s="367">
        <v>0</v>
      </c>
      <c r="BJ9" s="368">
        <v>40813790</v>
      </c>
      <c r="BK9" s="368">
        <v>68667138</v>
      </c>
      <c r="BL9" s="368">
        <v>45055320</v>
      </c>
      <c r="BM9" s="368">
        <v>40362650</v>
      </c>
      <c r="BN9" s="368">
        <v>23982557</v>
      </c>
      <c r="BO9" s="366">
        <v>218881455</v>
      </c>
      <c r="BP9" s="365">
        <v>253121617</v>
      </c>
      <c r="BQ9" s="369">
        <v>36657437</v>
      </c>
      <c r="BR9" s="368">
        <v>44645708</v>
      </c>
      <c r="BS9" s="366">
        <v>81303145</v>
      </c>
      <c r="BT9" s="367">
        <v>0</v>
      </c>
      <c r="BU9" s="368">
        <v>254670823</v>
      </c>
      <c r="BV9" s="368">
        <v>315643610</v>
      </c>
      <c r="BW9" s="368">
        <v>288709234</v>
      </c>
      <c r="BX9" s="368">
        <v>288939430</v>
      </c>
      <c r="BY9" s="368">
        <v>222922840</v>
      </c>
      <c r="BZ9" s="366">
        <v>1370885937</v>
      </c>
      <c r="CA9" s="365">
        <v>1452189082</v>
      </c>
      <c r="CB9" s="369">
        <v>38906151</v>
      </c>
      <c r="CC9" s="368">
        <v>118480850</v>
      </c>
      <c r="CD9" s="366">
        <v>157387001</v>
      </c>
      <c r="CE9" s="367">
        <v>0</v>
      </c>
      <c r="CF9" s="368">
        <v>1452898736</v>
      </c>
      <c r="CG9" s="368">
        <v>1955110917</v>
      </c>
      <c r="CH9" s="372">
        <v>1403531460</v>
      </c>
      <c r="CI9" s="368">
        <v>927877619</v>
      </c>
      <c r="CJ9" s="368">
        <v>468751209</v>
      </c>
      <c r="CK9" s="366">
        <v>6208169941</v>
      </c>
      <c r="CL9" s="365">
        <v>6365556942</v>
      </c>
      <c r="CM9" s="360">
        <v>0</v>
      </c>
      <c r="CN9" s="361">
        <v>11026</v>
      </c>
      <c r="CO9" s="366">
        <v>11026</v>
      </c>
      <c r="CP9" s="367">
        <v>0</v>
      </c>
      <c r="CQ9" s="368">
        <v>1226911301</v>
      </c>
      <c r="CR9" s="368">
        <v>1523285771</v>
      </c>
      <c r="CS9" s="368">
        <v>1093245084</v>
      </c>
      <c r="CT9" s="368">
        <v>705855477</v>
      </c>
      <c r="CU9" s="368">
        <v>376015300</v>
      </c>
      <c r="CV9" s="373">
        <v>4925312933</v>
      </c>
      <c r="CW9" s="365">
        <v>4925323959</v>
      </c>
      <c r="CX9" s="369">
        <v>38906151</v>
      </c>
      <c r="CY9" s="368">
        <v>118469824</v>
      </c>
      <c r="CZ9" s="366">
        <v>157375975</v>
      </c>
      <c r="DA9" s="367">
        <v>0</v>
      </c>
      <c r="DB9" s="368">
        <v>225987435</v>
      </c>
      <c r="DC9" s="368">
        <v>431825146</v>
      </c>
      <c r="DD9" s="368">
        <v>310286376</v>
      </c>
      <c r="DE9" s="368">
        <v>222022142</v>
      </c>
      <c r="DF9" s="368">
        <v>92735909</v>
      </c>
      <c r="DG9" s="366">
        <v>1282857008</v>
      </c>
      <c r="DH9" s="365">
        <v>1440232983</v>
      </c>
      <c r="DI9" s="369">
        <v>2295259</v>
      </c>
      <c r="DJ9" s="368">
        <v>10587903</v>
      </c>
      <c r="DK9" s="371">
        <v>12883162</v>
      </c>
      <c r="DL9" s="367">
        <v>0</v>
      </c>
      <c r="DM9" s="368">
        <v>144722807</v>
      </c>
      <c r="DN9" s="368">
        <v>311215594</v>
      </c>
      <c r="DO9" s="368">
        <v>549592037</v>
      </c>
      <c r="DP9" s="368">
        <v>467960476</v>
      </c>
      <c r="DQ9" s="368">
        <v>258169680</v>
      </c>
      <c r="DR9" s="374">
        <v>1731660594</v>
      </c>
      <c r="DS9" s="365">
        <v>1744543756</v>
      </c>
      <c r="DT9" s="369">
        <v>2199740</v>
      </c>
      <c r="DU9" s="368">
        <v>9785819</v>
      </c>
      <c r="DV9" s="366">
        <v>11985559</v>
      </c>
      <c r="DW9" s="367">
        <v>0</v>
      </c>
      <c r="DX9" s="368">
        <v>128909089</v>
      </c>
      <c r="DY9" s="368">
        <v>272858164</v>
      </c>
      <c r="DZ9" s="368">
        <v>496506808</v>
      </c>
      <c r="EA9" s="368">
        <v>412254225</v>
      </c>
      <c r="EB9" s="368">
        <v>222591986</v>
      </c>
      <c r="EC9" s="366">
        <v>1533120272</v>
      </c>
      <c r="ED9" s="365">
        <v>1545105831</v>
      </c>
      <c r="EE9" s="369">
        <v>95519</v>
      </c>
      <c r="EF9" s="364">
        <v>802084</v>
      </c>
      <c r="EG9" s="366">
        <v>897603</v>
      </c>
      <c r="EH9" s="370">
        <v>0</v>
      </c>
      <c r="EI9" s="368">
        <v>15813718</v>
      </c>
      <c r="EJ9" s="368">
        <v>38357430</v>
      </c>
      <c r="EK9" s="368">
        <v>53085229</v>
      </c>
      <c r="EL9" s="368">
        <v>55672431</v>
      </c>
      <c r="EM9" s="372">
        <v>35577694</v>
      </c>
      <c r="EN9" s="364">
        <v>198506502</v>
      </c>
      <c r="EO9" s="365">
        <v>199404105</v>
      </c>
      <c r="EP9" s="369">
        <v>0</v>
      </c>
      <c r="EQ9" s="368">
        <v>0</v>
      </c>
      <c r="ER9" s="364">
        <v>0</v>
      </c>
      <c r="ES9" s="367">
        <v>0</v>
      </c>
      <c r="ET9" s="368">
        <v>0</v>
      </c>
      <c r="EU9" s="368">
        <v>0</v>
      </c>
      <c r="EV9" s="368">
        <v>0</v>
      </c>
      <c r="EW9" s="368">
        <v>33820</v>
      </c>
      <c r="EX9" s="368">
        <v>0</v>
      </c>
      <c r="EY9" s="373">
        <v>33820</v>
      </c>
      <c r="EZ9" s="365">
        <v>33820</v>
      </c>
      <c r="FA9" s="369">
        <v>0</v>
      </c>
      <c r="FB9" s="368">
        <v>0</v>
      </c>
      <c r="FC9" s="364">
        <v>0</v>
      </c>
      <c r="FD9" s="375"/>
      <c r="FE9" s="368">
        <v>0</v>
      </c>
      <c r="FF9" s="368">
        <v>0</v>
      </c>
      <c r="FG9" s="368">
        <v>0</v>
      </c>
      <c r="FH9" s="368">
        <v>0</v>
      </c>
      <c r="FI9" s="368">
        <v>0</v>
      </c>
      <c r="FJ9" s="373">
        <v>0</v>
      </c>
      <c r="FK9" s="365">
        <v>0</v>
      </c>
      <c r="FL9" s="369">
        <v>96275162</v>
      </c>
      <c r="FM9" s="368">
        <v>199366358</v>
      </c>
      <c r="FN9" s="366">
        <v>295641520</v>
      </c>
      <c r="FO9" s="367">
        <v>0</v>
      </c>
      <c r="FP9" s="368">
        <v>251587032</v>
      </c>
      <c r="FQ9" s="368">
        <v>648222161</v>
      </c>
      <c r="FR9" s="368">
        <v>459584407</v>
      </c>
      <c r="FS9" s="368">
        <v>420189060</v>
      </c>
      <c r="FT9" s="368">
        <v>307508212</v>
      </c>
      <c r="FU9" s="366">
        <v>2087090872</v>
      </c>
      <c r="FV9" s="365">
        <v>2382732392</v>
      </c>
      <c r="FW9" s="369">
        <v>55414922</v>
      </c>
      <c r="FX9" s="368">
        <v>150723717</v>
      </c>
      <c r="FY9" s="364">
        <v>206138639</v>
      </c>
      <c r="FZ9" s="370">
        <v>0</v>
      </c>
      <c r="GA9" s="368">
        <v>202182974</v>
      </c>
      <c r="GB9" s="376">
        <v>596390438</v>
      </c>
      <c r="GC9" s="368">
        <v>428618516</v>
      </c>
      <c r="GD9" s="376">
        <v>390966149</v>
      </c>
      <c r="GE9" s="368">
        <v>297849405</v>
      </c>
      <c r="GF9" s="373">
        <v>1916007482</v>
      </c>
      <c r="GG9" s="377">
        <v>2122146121</v>
      </c>
      <c r="GH9" s="378">
        <v>5224500</v>
      </c>
      <c r="GI9" s="368">
        <v>9116895</v>
      </c>
      <c r="GJ9" s="376">
        <v>14341395</v>
      </c>
      <c r="GK9" s="363">
        <v>0</v>
      </c>
      <c r="GL9" s="368">
        <v>12818753</v>
      </c>
      <c r="GM9" s="364">
        <v>16169544</v>
      </c>
      <c r="GN9" s="368">
        <v>13290453</v>
      </c>
      <c r="GO9" s="364">
        <v>11133774</v>
      </c>
      <c r="GP9" s="368">
        <v>5152674</v>
      </c>
      <c r="GQ9" s="374">
        <v>58565198</v>
      </c>
      <c r="GR9" s="365">
        <v>72906593</v>
      </c>
      <c r="GS9" s="364">
        <v>35635740</v>
      </c>
      <c r="GT9" s="368">
        <v>39525746</v>
      </c>
      <c r="GU9" s="366">
        <v>75161486</v>
      </c>
      <c r="GV9" s="364">
        <v>0</v>
      </c>
      <c r="GW9" s="368">
        <v>36585305</v>
      </c>
      <c r="GX9" s="364">
        <v>35662179</v>
      </c>
      <c r="GY9" s="368">
        <v>17675438</v>
      </c>
      <c r="GZ9" s="364">
        <v>18089137</v>
      </c>
      <c r="HA9" s="368">
        <v>4506133</v>
      </c>
      <c r="HB9" s="364">
        <v>112518192</v>
      </c>
      <c r="HC9" s="365">
        <v>187679678</v>
      </c>
      <c r="HD9" s="364">
        <v>100731657</v>
      </c>
      <c r="HE9" s="368">
        <v>128157445</v>
      </c>
      <c r="HF9" s="364">
        <v>228889102</v>
      </c>
      <c r="HG9" s="370">
        <v>0</v>
      </c>
      <c r="HH9" s="368">
        <v>1045625877</v>
      </c>
      <c r="HI9" s="376">
        <v>1062438170</v>
      </c>
      <c r="HJ9" s="368">
        <v>1045629068</v>
      </c>
      <c r="HK9" s="376">
        <v>1307617279</v>
      </c>
      <c r="HL9" s="368">
        <v>816779259</v>
      </c>
      <c r="HM9" s="373">
        <v>5278089653</v>
      </c>
      <c r="HN9" s="364">
        <v>5506978755</v>
      </c>
      <c r="HO9" s="378">
        <v>72684660</v>
      </c>
      <c r="HP9" s="368">
        <v>144494764</v>
      </c>
      <c r="HQ9" s="373">
        <v>217179424</v>
      </c>
      <c r="HR9" s="364">
        <v>0</v>
      </c>
      <c r="HS9" s="368">
        <v>858164545</v>
      </c>
      <c r="HT9" s="364">
        <v>924173117</v>
      </c>
      <c r="HU9" s="368">
        <v>601981893</v>
      </c>
      <c r="HV9" s="364">
        <v>416498016</v>
      </c>
      <c r="HW9" s="368">
        <v>255292964</v>
      </c>
      <c r="HX9" s="364">
        <v>3056110535</v>
      </c>
      <c r="HY9" s="365">
        <v>3273289959</v>
      </c>
      <c r="HZ9" s="379">
        <v>8864347</v>
      </c>
      <c r="IA9" s="380">
        <v>33783018</v>
      </c>
      <c r="IB9" s="381">
        <v>42647365</v>
      </c>
      <c r="IC9" s="382">
        <v>0</v>
      </c>
      <c r="ID9" s="380">
        <v>1619667286</v>
      </c>
      <c r="IE9" s="383">
        <v>2194102195</v>
      </c>
      <c r="IF9" s="384">
        <v>2365284171</v>
      </c>
      <c r="IG9" s="380">
        <v>1744754359</v>
      </c>
      <c r="IH9" s="384">
        <v>1300616743</v>
      </c>
      <c r="II9" s="385">
        <v>9224424754</v>
      </c>
      <c r="IJ9" s="386">
        <v>9267072119</v>
      </c>
      <c r="IK9" s="387">
        <v>0</v>
      </c>
      <c r="IL9" s="388">
        <v>0</v>
      </c>
      <c r="IM9" s="389">
        <v>0</v>
      </c>
      <c r="IN9" s="390"/>
      <c r="IO9" s="391">
        <v>24576413</v>
      </c>
      <c r="IP9" s="391">
        <v>51906763</v>
      </c>
      <c r="IQ9" s="391">
        <v>69653169</v>
      </c>
      <c r="IR9" s="391">
        <v>97097017</v>
      </c>
      <c r="IS9" s="391">
        <v>122376977</v>
      </c>
      <c r="IT9" s="392">
        <v>365610339</v>
      </c>
      <c r="IU9" s="393">
        <v>365610339</v>
      </c>
      <c r="IV9" s="394">
        <v>0</v>
      </c>
      <c r="IW9" s="391">
        <v>0</v>
      </c>
      <c r="IX9" s="395">
        <v>0</v>
      </c>
      <c r="IY9" s="396"/>
      <c r="IZ9" s="391">
        <v>3415727</v>
      </c>
      <c r="JA9" s="391">
        <v>11112629</v>
      </c>
      <c r="JB9" s="391">
        <v>11899207</v>
      </c>
      <c r="JC9" s="391">
        <v>14069510</v>
      </c>
      <c r="JD9" s="391">
        <v>18242803</v>
      </c>
      <c r="JE9" s="395">
        <v>58739876</v>
      </c>
      <c r="JF9" s="397">
        <v>58739876</v>
      </c>
      <c r="JG9" s="394">
        <v>0</v>
      </c>
      <c r="JH9" s="391">
        <v>0</v>
      </c>
      <c r="JI9" s="392">
        <v>0</v>
      </c>
      <c r="JJ9" s="398">
        <v>0</v>
      </c>
      <c r="JK9" s="391">
        <v>633036005</v>
      </c>
      <c r="JL9" s="391">
        <v>762065263</v>
      </c>
      <c r="JM9" s="391">
        <v>593531583</v>
      </c>
      <c r="JN9" s="391">
        <v>351879000</v>
      </c>
      <c r="JO9" s="391">
        <v>178751537</v>
      </c>
      <c r="JP9" s="395">
        <v>2519263388</v>
      </c>
      <c r="JQ9" s="393">
        <v>2519263388</v>
      </c>
      <c r="JR9" s="394">
        <v>278769</v>
      </c>
      <c r="JS9" s="391">
        <v>519816</v>
      </c>
      <c r="JT9" s="392">
        <v>798585</v>
      </c>
      <c r="JU9" s="398">
        <v>0</v>
      </c>
      <c r="JV9" s="391">
        <v>69936675</v>
      </c>
      <c r="JW9" s="391">
        <v>107669927</v>
      </c>
      <c r="JX9" s="391">
        <v>154662971</v>
      </c>
      <c r="JY9" s="391">
        <v>95800574</v>
      </c>
      <c r="JZ9" s="391">
        <v>74889999</v>
      </c>
      <c r="KA9" s="395">
        <v>502960146</v>
      </c>
      <c r="KB9" s="393">
        <v>503758731</v>
      </c>
      <c r="KC9" s="399">
        <v>8585578</v>
      </c>
      <c r="KD9" s="400">
        <v>23324403</v>
      </c>
      <c r="KE9" s="395">
        <v>31909981</v>
      </c>
      <c r="KF9" s="398">
        <v>0</v>
      </c>
      <c r="KG9" s="391">
        <v>197202230</v>
      </c>
      <c r="KH9" s="391">
        <v>297441684</v>
      </c>
      <c r="KI9" s="391">
        <v>376952945</v>
      </c>
      <c r="KJ9" s="391">
        <v>268774504</v>
      </c>
      <c r="KK9" s="391">
        <v>160740939</v>
      </c>
      <c r="KL9" s="395">
        <v>1301112302</v>
      </c>
      <c r="KM9" s="401">
        <v>1333022283</v>
      </c>
      <c r="KN9" s="387">
        <v>0</v>
      </c>
      <c r="KO9" s="388">
        <v>9938799</v>
      </c>
      <c r="KP9" s="389">
        <v>9938799</v>
      </c>
      <c r="KQ9" s="390"/>
      <c r="KR9" s="391">
        <v>651114422</v>
      </c>
      <c r="KS9" s="391">
        <v>881601475</v>
      </c>
      <c r="KT9" s="391">
        <v>1001815871</v>
      </c>
      <c r="KU9" s="391">
        <v>682321184</v>
      </c>
      <c r="KV9" s="391">
        <v>494995879</v>
      </c>
      <c r="KW9" s="395">
        <v>3711848831</v>
      </c>
      <c r="KX9" s="393">
        <v>3721787630</v>
      </c>
      <c r="KY9" s="394">
        <v>0</v>
      </c>
      <c r="KZ9" s="391">
        <v>0</v>
      </c>
      <c r="LA9" s="395">
        <v>0</v>
      </c>
      <c r="LB9" s="402"/>
      <c r="LC9" s="391">
        <v>6600464</v>
      </c>
      <c r="LD9" s="391">
        <v>7983439</v>
      </c>
      <c r="LE9" s="391">
        <v>14996416</v>
      </c>
      <c r="LF9" s="391">
        <v>15144792</v>
      </c>
      <c r="LG9" s="391">
        <v>13203238</v>
      </c>
      <c r="LH9" s="395">
        <v>57928349</v>
      </c>
      <c r="LI9" s="397">
        <v>57928349</v>
      </c>
      <c r="LJ9" s="394">
        <v>0</v>
      </c>
      <c r="LK9" s="391">
        <v>0</v>
      </c>
      <c r="LL9" s="395">
        <v>0</v>
      </c>
      <c r="LM9" s="402"/>
      <c r="LN9" s="391">
        <v>2711395</v>
      </c>
      <c r="LO9" s="391">
        <v>6728284</v>
      </c>
      <c r="LP9" s="391">
        <v>56597215</v>
      </c>
      <c r="LQ9" s="391">
        <v>100830371</v>
      </c>
      <c r="LR9" s="391">
        <v>74762237</v>
      </c>
      <c r="LS9" s="395">
        <v>241629502</v>
      </c>
      <c r="LT9" s="393">
        <v>241629502</v>
      </c>
      <c r="LU9" s="394">
        <v>0</v>
      </c>
      <c r="LV9" s="391">
        <v>0</v>
      </c>
      <c r="LW9" s="395">
        <v>0</v>
      </c>
      <c r="LX9" s="402"/>
      <c r="LY9" s="391">
        <v>31073955</v>
      </c>
      <c r="LZ9" s="391">
        <v>67592731</v>
      </c>
      <c r="MA9" s="391">
        <v>85174794</v>
      </c>
      <c r="MB9" s="391">
        <v>118837407</v>
      </c>
      <c r="MC9" s="391">
        <v>162653134</v>
      </c>
      <c r="MD9" s="395">
        <v>465332021</v>
      </c>
      <c r="ME9" s="397">
        <v>465332021</v>
      </c>
      <c r="MF9" s="394">
        <v>0</v>
      </c>
      <c r="MG9" s="391">
        <v>0</v>
      </c>
      <c r="MH9" s="395">
        <v>0</v>
      </c>
      <c r="MI9" s="402"/>
      <c r="MJ9" s="391">
        <v>538768250</v>
      </c>
      <c r="MK9" s="391">
        <v>1390572628</v>
      </c>
      <c r="ML9" s="391">
        <v>4091662778</v>
      </c>
      <c r="MM9" s="391">
        <v>6211580053</v>
      </c>
      <c r="MN9" s="391">
        <v>4395226763</v>
      </c>
      <c r="MO9" s="395">
        <v>16627810472</v>
      </c>
      <c r="MP9" s="401">
        <v>16627810472</v>
      </c>
      <c r="MQ9" s="394">
        <v>0</v>
      </c>
      <c r="MR9" s="391">
        <v>0</v>
      </c>
      <c r="MS9" s="395">
        <v>0</v>
      </c>
      <c r="MT9" s="402"/>
      <c r="MU9" s="391">
        <v>101940725</v>
      </c>
      <c r="MV9" s="391">
        <v>386946706</v>
      </c>
      <c r="MW9" s="391">
        <v>2624123651</v>
      </c>
      <c r="MX9" s="391">
        <v>4209333445</v>
      </c>
      <c r="MY9" s="391">
        <v>3124721396</v>
      </c>
      <c r="MZ9" s="395">
        <v>10447065923</v>
      </c>
      <c r="NA9" s="401">
        <v>10447065923</v>
      </c>
      <c r="NB9" s="394">
        <v>0</v>
      </c>
      <c r="NC9" s="391">
        <v>0</v>
      </c>
      <c r="ND9" s="395">
        <v>0</v>
      </c>
      <c r="NE9" s="402"/>
      <c r="NF9" s="391">
        <v>433614710</v>
      </c>
      <c r="NG9" s="391">
        <v>998355652</v>
      </c>
      <c r="NH9" s="391">
        <v>1443737502</v>
      </c>
      <c r="NI9" s="391">
        <v>1826025680</v>
      </c>
      <c r="NJ9" s="391">
        <v>1014552683</v>
      </c>
      <c r="NK9" s="395">
        <v>5716286227</v>
      </c>
      <c r="NL9" s="393">
        <v>5716286227</v>
      </c>
      <c r="NM9" s="394">
        <v>0</v>
      </c>
      <c r="NN9" s="391">
        <v>0</v>
      </c>
      <c r="NO9" s="395">
        <v>0</v>
      </c>
      <c r="NP9" s="402"/>
      <c r="NQ9" s="391">
        <v>0</v>
      </c>
      <c r="NR9" s="391">
        <v>0</v>
      </c>
      <c r="NS9" s="391">
        <v>2863676</v>
      </c>
      <c r="NT9" s="391">
        <v>41213967</v>
      </c>
      <c r="NU9" s="391">
        <v>51862196</v>
      </c>
      <c r="NV9" s="395">
        <v>95939839</v>
      </c>
      <c r="NW9" s="397">
        <v>95939839</v>
      </c>
      <c r="NX9" s="394">
        <v>0</v>
      </c>
      <c r="NY9" s="391">
        <v>0</v>
      </c>
      <c r="NZ9" s="395">
        <v>0</v>
      </c>
      <c r="OA9" s="402"/>
      <c r="OB9" s="391">
        <v>3212815</v>
      </c>
      <c r="OC9" s="391">
        <v>5270270</v>
      </c>
      <c r="OD9" s="391">
        <v>20937949</v>
      </c>
      <c r="OE9" s="391">
        <v>135006961</v>
      </c>
      <c r="OF9" s="391">
        <v>204090488</v>
      </c>
      <c r="OG9" s="395">
        <v>368518483</v>
      </c>
      <c r="OH9" s="397">
        <v>368518483</v>
      </c>
      <c r="OI9" s="394">
        <v>420368725</v>
      </c>
      <c r="OJ9" s="391">
        <v>895947558</v>
      </c>
      <c r="OK9" s="392">
        <v>1316316283</v>
      </c>
      <c r="OL9" s="398">
        <v>0</v>
      </c>
      <c r="OM9" s="391">
        <v>7449117066</v>
      </c>
      <c r="ON9" s="391">
        <v>10880306361</v>
      </c>
      <c r="OO9" s="391">
        <v>12575757679</v>
      </c>
      <c r="OP9" s="391">
        <v>13744130538</v>
      </c>
      <c r="OQ9" s="391">
        <v>10078166551</v>
      </c>
      <c r="OR9" s="395">
        <v>54727478195</v>
      </c>
      <c r="OS9" s="401">
        <v>56043794478</v>
      </c>
    </row>
    <row r="10" spans="1:409" s="403" customFormat="1" ht="21" customHeight="1" x14ac:dyDescent="0.2">
      <c r="A10" s="39"/>
      <c r="B10" s="471" t="s">
        <v>5</v>
      </c>
      <c r="C10" s="404">
        <v>166249554</v>
      </c>
      <c r="D10" s="405">
        <v>405476436</v>
      </c>
      <c r="E10" s="406">
        <v>571725990</v>
      </c>
      <c r="F10" s="407">
        <v>0</v>
      </c>
      <c r="G10" s="405">
        <v>1834321406</v>
      </c>
      <c r="H10" s="405">
        <v>3275870256</v>
      </c>
      <c r="I10" s="405">
        <v>2528757513</v>
      </c>
      <c r="J10" s="405">
        <v>2353709905</v>
      </c>
      <c r="K10" s="405">
        <v>1806417903</v>
      </c>
      <c r="L10" s="407">
        <v>11799076983</v>
      </c>
      <c r="M10" s="408">
        <v>12370802973</v>
      </c>
      <c r="N10" s="404">
        <v>43952286</v>
      </c>
      <c r="O10" s="405">
        <v>138975217</v>
      </c>
      <c r="P10" s="406">
        <v>182927503</v>
      </c>
      <c r="Q10" s="404">
        <v>0</v>
      </c>
      <c r="R10" s="405">
        <v>547575293</v>
      </c>
      <c r="S10" s="405">
        <v>1122227111</v>
      </c>
      <c r="T10" s="405">
        <v>866687278</v>
      </c>
      <c r="U10" s="405">
        <v>901268565</v>
      </c>
      <c r="V10" s="405">
        <v>940696556</v>
      </c>
      <c r="W10" s="406">
        <v>4378454803</v>
      </c>
      <c r="X10" s="408">
        <v>4561382306</v>
      </c>
      <c r="Y10" s="404">
        <v>0</v>
      </c>
      <c r="Z10" s="405">
        <v>0</v>
      </c>
      <c r="AA10" s="406">
        <v>0</v>
      </c>
      <c r="AB10" s="404">
        <v>0</v>
      </c>
      <c r="AC10" s="405">
        <v>251861648</v>
      </c>
      <c r="AD10" s="405">
        <v>521484200</v>
      </c>
      <c r="AE10" s="405">
        <v>444247222</v>
      </c>
      <c r="AF10" s="405">
        <v>491313439</v>
      </c>
      <c r="AG10" s="405">
        <v>519965781</v>
      </c>
      <c r="AH10" s="406">
        <v>2228872290</v>
      </c>
      <c r="AI10" s="408">
        <v>2228872290</v>
      </c>
      <c r="AJ10" s="404">
        <v>47718</v>
      </c>
      <c r="AK10" s="405">
        <v>114103</v>
      </c>
      <c r="AL10" s="406">
        <v>161821</v>
      </c>
      <c r="AM10" s="404">
        <v>0</v>
      </c>
      <c r="AN10" s="405">
        <v>1131548</v>
      </c>
      <c r="AO10" s="405">
        <v>9040535</v>
      </c>
      <c r="AP10" s="405">
        <v>18347981</v>
      </c>
      <c r="AQ10" s="405">
        <v>52633168</v>
      </c>
      <c r="AR10" s="405">
        <v>116182521</v>
      </c>
      <c r="AS10" s="406">
        <v>197335753</v>
      </c>
      <c r="AT10" s="408">
        <v>197497574</v>
      </c>
      <c r="AU10" s="404">
        <v>25466824</v>
      </c>
      <c r="AV10" s="405">
        <v>102552205</v>
      </c>
      <c r="AW10" s="406">
        <v>128019029</v>
      </c>
      <c r="AX10" s="404">
        <v>0</v>
      </c>
      <c r="AY10" s="405">
        <v>187821498</v>
      </c>
      <c r="AZ10" s="405">
        <v>426052008</v>
      </c>
      <c r="BA10" s="405">
        <v>265112477</v>
      </c>
      <c r="BB10" s="405">
        <v>219860690</v>
      </c>
      <c r="BC10" s="405">
        <v>201657188</v>
      </c>
      <c r="BD10" s="406">
        <v>1300503861</v>
      </c>
      <c r="BE10" s="408">
        <v>1428522890</v>
      </c>
      <c r="BF10" s="404">
        <v>2557192</v>
      </c>
      <c r="BG10" s="405">
        <v>14116284</v>
      </c>
      <c r="BH10" s="409">
        <v>16673476</v>
      </c>
      <c r="BI10" s="410">
        <v>0</v>
      </c>
      <c r="BJ10" s="405">
        <v>9654975</v>
      </c>
      <c r="BK10" s="405">
        <v>26629892</v>
      </c>
      <c r="BL10" s="405">
        <v>19156910</v>
      </c>
      <c r="BM10" s="405">
        <v>16563716</v>
      </c>
      <c r="BN10" s="405">
        <v>9850720</v>
      </c>
      <c r="BO10" s="406">
        <v>81856213</v>
      </c>
      <c r="BP10" s="408">
        <v>98529689</v>
      </c>
      <c r="BQ10" s="404">
        <v>15880552</v>
      </c>
      <c r="BR10" s="405">
        <v>22192625</v>
      </c>
      <c r="BS10" s="406">
        <v>38073177</v>
      </c>
      <c r="BT10" s="404">
        <v>0</v>
      </c>
      <c r="BU10" s="405">
        <v>97105624</v>
      </c>
      <c r="BV10" s="405">
        <v>139020476</v>
      </c>
      <c r="BW10" s="405">
        <v>119822688</v>
      </c>
      <c r="BX10" s="405">
        <v>120897552</v>
      </c>
      <c r="BY10" s="405">
        <v>93040346</v>
      </c>
      <c r="BZ10" s="406">
        <v>569886686</v>
      </c>
      <c r="CA10" s="408">
        <v>607959863</v>
      </c>
      <c r="CB10" s="404">
        <v>16933519</v>
      </c>
      <c r="CC10" s="405">
        <v>54647624</v>
      </c>
      <c r="CD10" s="406">
        <v>71581143</v>
      </c>
      <c r="CE10" s="404">
        <v>0</v>
      </c>
      <c r="CF10" s="405">
        <v>457311690</v>
      </c>
      <c r="CG10" s="405">
        <v>809540955</v>
      </c>
      <c r="CH10" s="405">
        <v>533608019</v>
      </c>
      <c r="CI10" s="405">
        <v>335105100</v>
      </c>
      <c r="CJ10" s="405">
        <v>174051279</v>
      </c>
      <c r="CK10" s="406">
        <v>2309617043</v>
      </c>
      <c r="CL10" s="408">
        <v>2381198186</v>
      </c>
      <c r="CM10" s="404">
        <v>0</v>
      </c>
      <c r="CN10" s="405">
        <v>11026</v>
      </c>
      <c r="CO10" s="406">
        <v>11026</v>
      </c>
      <c r="CP10" s="410">
        <v>0</v>
      </c>
      <c r="CQ10" s="405">
        <v>388886885</v>
      </c>
      <c r="CR10" s="405">
        <v>614979803</v>
      </c>
      <c r="CS10" s="405">
        <v>395990769</v>
      </c>
      <c r="CT10" s="405">
        <v>238118412</v>
      </c>
      <c r="CU10" s="405">
        <v>132489882</v>
      </c>
      <c r="CV10" s="406">
        <v>1770465751</v>
      </c>
      <c r="CW10" s="408">
        <v>1770476777</v>
      </c>
      <c r="CX10" s="404">
        <v>16933519</v>
      </c>
      <c r="CY10" s="405">
        <v>54636598</v>
      </c>
      <c r="CZ10" s="406">
        <v>71570117</v>
      </c>
      <c r="DA10" s="404">
        <v>0</v>
      </c>
      <c r="DB10" s="405">
        <v>68424805</v>
      </c>
      <c r="DC10" s="405">
        <v>194561152</v>
      </c>
      <c r="DD10" s="405">
        <v>137617250</v>
      </c>
      <c r="DE10" s="405">
        <v>96986688</v>
      </c>
      <c r="DF10" s="405">
        <v>41561397</v>
      </c>
      <c r="DG10" s="406">
        <v>539151292</v>
      </c>
      <c r="DH10" s="408">
        <v>610721409</v>
      </c>
      <c r="DI10" s="404">
        <v>829132</v>
      </c>
      <c r="DJ10" s="405">
        <v>4821126</v>
      </c>
      <c r="DK10" s="409">
        <v>5650258</v>
      </c>
      <c r="DL10" s="410">
        <v>0</v>
      </c>
      <c r="DM10" s="405">
        <v>46993287</v>
      </c>
      <c r="DN10" s="405">
        <v>130196301</v>
      </c>
      <c r="DO10" s="405">
        <v>227109192</v>
      </c>
      <c r="DP10" s="405">
        <v>182106084</v>
      </c>
      <c r="DQ10" s="405">
        <v>104402095</v>
      </c>
      <c r="DR10" s="406">
        <v>690806959</v>
      </c>
      <c r="DS10" s="408">
        <v>696457217</v>
      </c>
      <c r="DT10" s="404">
        <v>807521</v>
      </c>
      <c r="DU10" s="405">
        <v>4152200</v>
      </c>
      <c r="DV10" s="406">
        <v>4959721</v>
      </c>
      <c r="DW10" s="404">
        <v>0</v>
      </c>
      <c r="DX10" s="405">
        <v>39018531</v>
      </c>
      <c r="DY10" s="405">
        <v>106709700</v>
      </c>
      <c r="DZ10" s="405">
        <v>196560441</v>
      </c>
      <c r="EA10" s="405">
        <v>151968027</v>
      </c>
      <c r="EB10" s="405">
        <v>82897601</v>
      </c>
      <c r="EC10" s="406">
        <v>577154300</v>
      </c>
      <c r="ED10" s="408">
        <v>582114021</v>
      </c>
      <c r="EE10" s="404">
        <v>21611</v>
      </c>
      <c r="EF10" s="409">
        <v>668926</v>
      </c>
      <c r="EG10" s="406">
        <v>690537</v>
      </c>
      <c r="EH10" s="404">
        <v>0</v>
      </c>
      <c r="EI10" s="405">
        <v>7974756</v>
      </c>
      <c r="EJ10" s="405">
        <v>23486601</v>
      </c>
      <c r="EK10" s="405">
        <v>30548751</v>
      </c>
      <c r="EL10" s="405">
        <v>30138057</v>
      </c>
      <c r="EM10" s="405">
        <v>21504494</v>
      </c>
      <c r="EN10" s="409">
        <v>113652659</v>
      </c>
      <c r="EO10" s="408">
        <v>114343196</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34938698</v>
      </c>
      <c r="FM10" s="405">
        <v>83251175</v>
      </c>
      <c r="FN10" s="406">
        <v>118189873</v>
      </c>
      <c r="FO10" s="404">
        <v>0</v>
      </c>
      <c r="FP10" s="405">
        <v>69237751</v>
      </c>
      <c r="FQ10" s="405">
        <v>281913475</v>
      </c>
      <c r="FR10" s="405">
        <v>187087684</v>
      </c>
      <c r="FS10" s="405">
        <v>165883437</v>
      </c>
      <c r="FT10" s="405">
        <v>122665213</v>
      </c>
      <c r="FU10" s="406">
        <v>826787560</v>
      </c>
      <c r="FV10" s="408">
        <v>944977433</v>
      </c>
      <c r="FW10" s="412">
        <v>17524045</v>
      </c>
      <c r="FX10" s="405">
        <v>62915067</v>
      </c>
      <c r="FY10" s="409">
        <v>80439112</v>
      </c>
      <c r="FZ10" s="410">
        <v>0</v>
      </c>
      <c r="GA10" s="405">
        <v>53055582</v>
      </c>
      <c r="GB10" s="405">
        <v>259432508</v>
      </c>
      <c r="GC10" s="405">
        <v>174021614</v>
      </c>
      <c r="GD10" s="405">
        <v>152524177</v>
      </c>
      <c r="GE10" s="405">
        <v>119183232</v>
      </c>
      <c r="GF10" s="406">
        <v>758217113</v>
      </c>
      <c r="GG10" s="413">
        <v>838656225</v>
      </c>
      <c r="GH10" s="412">
        <v>1889849</v>
      </c>
      <c r="GI10" s="405">
        <v>4363657</v>
      </c>
      <c r="GJ10" s="409">
        <v>6253506</v>
      </c>
      <c r="GK10" s="410">
        <v>0</v>
      </c>
      <c r="GL10" s="405">
        <v>3850604</v>
      </c>
      <c r="GM10" s="405">
        <v>6833271</v>
      </c>
      <c r="GN10" s="405">
        <v>5788889</v>
      </c>
      <c r="GO10" s="405">
        <v>4836804</v>
      </c>
      <c r="GP10" s="405">
        <v>2113107</v>
      </c>
      <c r="GQ10" s="406">
        <v>23422675</v>
      </c>
      <c r="GR10" s="408">
        <v>29676181</v>
      </c>
      <c r="GS10" s="404">
        <v>15524804</v>
      </c>
      <c r="GT10" s="405">
        <v>15972451</v>
      </c>
      <c r="GU10" s="406">
        <v>31497255</v>
      </c>
      <c r="GV10" s="404">
        <v>0</v>
      </c>
      <c r="GW10" s="405">
        <v>12331565</v>
      </c>
      <c r="GX10" s="405">
        <v>15647696</v>
      </c>
      <c r="GY10" s="405">
        <v>7277181</v>
      </c>
      <c r="GZ10" s="405">
        <v>8522456</v>
      </c>
      <c r="HA10" s="405">
        <v>1368874</v>
      </c>
      <c r="HB10" s="409">
        <v>45147772</v>
      </c>
      <c r="HC10" s="408">
        <v>76645027</v>
      </c>
      <c r="HD10" s="404">
        <v>42951755</v>
      </c>
      <c r="HE10" s="405">
        <v>58476711</v>
      </c>
      <c r="HF10" s="409">
        <v>101428466</v>
      </c>
      <c r="HG10" s="410">
        <v>0</v>
      </c>
      <c r="HH10" s="405">
        <v>424178834</v>
      </c>
      <c r="HI10" s="405">
        <v>504474690</v>
      </c>
      <c r="HJ10" s="405">
        <v>456663871</v>
      </c>
      <c r="HK10" s="405">
        <v>596048798</v>
      </c>
      <c r="HL10" s="405">
        <v>357571512</v>
      </c>
      <c r="HM10" s="406">
        <v>2338937705</v>
      </c>
      <c r="HN10" s="407">
        <v>2440366171</v>
      </c>
      <c r="HO10" s="412">
        <v>26644164</v>
      </c>
      <c r="HP10" s="405">
        <v>65304583</v>
      </c>
      <c r="HQ10" s="406">
        <v>91948747</v>
      </c>
      <c r="HR10" s="404">
        <v>0</v>
      </c>
      <c r="HS10" s="405">
        <v>289024551</v>
      </c>
      <c r="HT10" s="405">
        <v>427517724</v>
      </c>
      <c r="HU10" s="405">
        <v>257601469</v>
      </c>
      <c r="HV10" s="405">
        <v>173297921</v>
      </c>
      <c r="HW10" s="405">
        <v>107031248</v>
      </c>
      <c r="HX10" s="409">
        <v>1254472913</v>
      </c>
      <c r="HY10" s="408">
        <v>1346421660</v>
      </c>
      <c r="HZ10" s="414">
        <v>4134452</v>
      </c>
      <c r="IA10" s="415">
        <v>13022388</v>
      </c>
      <c r="IB10" s="416">
        <v>17156840</v>
      </c>
      <c r="IC10" s="417">
        <v>0</v>
      </c>
      <c r="ID10" s="418">
        <v>642056576</v>
      </c>
      <c r="IE10" s="419">
        <v>985374494</v>
      </c>
      <c r="IF10" s="420">
        <v>1019191828</v>
      </c>
      <c r="IG10" s="418">
        <v>736995066</v>
      </c>
      <c r="IH10" s="420">
        <v>577019570</v>
      </c>
      <c r="II10" s="421">
        <v>3960637534</v>
      </c>
      <c r="IJ10" s="422">
        <v>3977794374</v>
      </c>
      <c r="IK10" s="423">
        <v>0</v>
      </c>
      <c r="IL10" s="424">
        <v>0</v>
      </c>
      <c r="IM10" s="425">
        <v>0</v>
      </c>
      <c r="IN10" s="426"/>
      <c r="IO10" s="427">
        <v>10258939</v>
      </c>
      <c r="IP10" s="427">
        <v>23645970</v>
      </c>
      <c r="IQ10" s="427">
        <v>35869325</v>
      </c>
      <c r="IR10" s="427">
        <v>46679453</v>
      </c>
      <c r="IS10" s="427">
        <v>56569919</v>
      </c>
      <c r="IT10" s="428">
        <v>173023606</v>
      </c>
      <c r="IU10" s="429">
        <v>173023606</v>
      </c>
      <c r="IV10" s="430">
        <v>0</v>
      </c>
      <c r="IW10" s="427">
        <v>0</v>
      </c>
      <c r="IX10" s="431">
        <v>0</v>
      </c>
      <c r="IY10" s="432"/>
      <c r="IZ10" s="427">
        <v>1773566</v>
      </c>
      <c r="JA10" s="427">
        <v>8132311</v>
      </c>
      <c r="JB10" s="427">
        <v>8435733</v>
      </c>
      <c r="JC10" s="427">
        <v>10898208</v>
      </c>
      <c r="JD10" s="427">
        <v>13741911</v>
      </c>
      <c r="JE10" s="431">
        <v>42981729</v>
      </c>
      <c r="JF10" s="433">
        <v>42981729</v>
      </c>
      <c r="JG10" s="430">
        <v>0</v>
      </c>
      <c r="JH10" s="427">
        <v>0</v>
      </c>
      <c r="JI10" s="428">
        <v>0</v>
      </c>
      <c r="JJ10" s="434">
        <v>0</v>
      </c>
      <c r="JK10" s="427">
        <v>223021671</v>
      </c>
      <c r="JL10" s="427">
        <v>360030044</v>
      </c>
      <c r="JM10" s="427">
        <v>274110473</v>
      </c>
      <c r="JN10" s="427">
        <v>167679410</v>
      </c>
      <c r="JO10" s="427">
        <v>82162138</v>
      </c>
      <c r="JP10" s="431">
        <v>1107003736</v>
      </c>
      <c r="JQ10" s="429">
        <v>1107003736</v>
      </c>
      <c r="JR10" s="430">
        <v>171679</v>
      </c>
      <c r="JS10" s="427">
        <v>179897</v>
      </c>
      <c r="JT10" s="428">
        <v>351576</v>
      </c>
      <c r="JU10" s="434">
        <v>0</v>
      </c>
      <c r="JV10" s="427">
        <v>34521705</v>
      </c>
      <c r="JW10" s="427">
        <v>56095732</v>
      </c>
      <c r="JX10" s="427">
        <v>81503877</v>
      </c>
      <c r="JY10" s="427">
        <v>53569387</v>
      </c>
      <c r="JZ10" s="427">
        <v>40557059</v>
      </c>
      <c r="KA10" s="431">
        <v>266247760</v>
      </c>
      <c r="KB10" s="429">
        <v>266599336</v>
      </c>
      <c r="KC10" s="435">
        <v>3962773</v>
      </c>
      <c r="KD10" s="436">
        <v>9210879</v>
      </c>
      <c r="KE10" s="431">
        <v>13173652</v>
      </c>
      <c r="KF10" s="434">
        <v>0</v>
      </c>
      <c r="KG10" s="427">
        <v>74257697</v>
      </c>
      <c r="KH10" s="427">
        <v>131263192</v>
      </c>
      <c r="KI10" s="427">
        <v>154178506</v>
      </c>
      <c r="KJ10" s="427">
        <v>117671403</v>
      </c>
      <c r="KK10" s="427">
        <v>80385613</v>
      </c>
      <c r="KL10" s="431">
        <v>557756411</v>
      </c>
      <c r="KM10" s="437">
        <v>570930063</v>
      </c>
      <c r="KN10" s="423">
        <v>0</v>
      </c>
      <c r="KO10" s="424">
        <v>3631612</v>
      </c>
      <c r="KP10" s="425">
        <v>3631612</v>
      </c>
      <c r="KQ10" s="426"/>
      <c r="KR10" s="427">
        <v>292678863</v>
      </c>
      <c r="KS10" s="427">
        <v>386818995</v>
      </c>
      <c r="KT10" s="427">
        <v>437322326</v>
      </c>
      <c r="KU10" s="427">
        <v>295278961</v>
      </c>
      <c r="KV10" s="427">
        <v>226467152</v>
      </c>
      <c r="KW10" s="431">
        <v>1638566297</v>
      </c>
      <c r="KX10" s="429">
        <v>1642197909</v>
      </c>
      <c r="KY10" s="430">
        <v>0</v>
      </c>
      <c r="KZ10" s="427">
        <v>0</v>
      </c>
      <c r="LA10" s="431">
        <v>0</v>
      </c>
      <c r="LB10" s="438"/>
      <c r="LC10" s="427">
        <v>0</v>
      </c>
      <c r="LD10" s="427">
        <v>394158</v>
      </c>
      <c r="LE10" s="427">
        <v>1098665</v>
      </c>
      <c r="LF10" s="427">
        <v>240765</v>
      </c>
      <c r="LG10" s="427">
        <v>789300</v>
      </c>
      <c r="LH10" s="431">
        <v>2522888</v>
      </c>
      <c r="LI10" s="433">
        <v>2522888</v>
      </c>
      <c r="LJ10" s="430">
        <v>0</v>
      </c>
      <c r="LK10" s="427">
        <v>0</v>
      </c>
      <c r="LL10" s="431">
        <v>0</v>
      </c>
      <c r="LM10" s="438"/>
      <c r="LN10" s="427">
        <v>1325572</v>
      </c>
      <c r="LO10" s="427">
        <v>2600417</v>
      </c>
      <c r="LP10" s="427">
        <v>7289548</v>
      </c>
      <c r="LQ10" s="427">
        <v>13130976</v>
      </c>
      <c r="LR10" s="427">
        <v>12761200</v>
      </c>
      <c r="LS10" s="431">
        <v>37107713</v>
      </c>
      <c r="LT10" s="429">
        <v>37107713</v>
      </c>
      <c r="LU10" s="430">
        <v>0</v>
      </c>
      <c r="LV10" s="427">
        <v>0</v>
      </c>
      <c r="LW10" s="431">
        <v>0</v>
      </c>
      <c r="LX10" s="438"/>
      <c r="LY10" s="427">
        <v>4218563</v>
      </c>
      <c r="LZ10" s="427">
        <v>16393675</v>
      </c>
      <c r="MA10" s="427">
        <v>19383375</v>
      </c>
      <c r="MB10" s="427">
        <v>31846503</v>
      </c>
      <c r="MC10" s="427">
        <v>63585278</v>
      </c>
      <c r="MD10" s="431">
        <v>135427394</v>
      </c>
      <c r="ME10" s="433">
        <v>135427394</v>
      </c>
      <c r="MF10" s="430">
        <v>0</v>
      </c>
      <c r="MG10" s="427">
        <v>0</v>
      </c>
      <c r="MH10" s="431">
        <v>0</v>
      </c>
      <c r="MI10" s="438"/>
      <c r="MJ10" s="427">
        <v>219349091</v>
      </c>
      <c r="MK10" s="427">
        <v>727881194</v>
      </c>
      <c r="ML10" s="427">
        <v>1808764890</v>
      </c>
      <c r="MM10" s="427">
        <v>2685081124</v>
      </c>
      <c r="MN10" s="427">
        <v>1907113616</v>
      </c>
      <c r="MO10" s="431">
        <v>7348189915</v>
      </c>
      <c r="MP10" s="437">
        <v>7348189915</v>
      </c>
      <c r="MQ10" s="430">
        <v>0</v>
      </c>
      <c r="MR10" s="427">
        <v>0</v>
      </c>
      <c r="MS10" s="431">
        <v>0</v>
      </c>
      <c r="MT10" s="438"/>
      <c r="MU10" s="427">
        <v>60130181</v>
      </c>
      <c r="MV10" s="427">
        <v>260966091</v>
      </c>
      <c r="MW10" s="427">
        <v>1181307813</v>
      </c>
      <c r="MX10" s="427">
        <v>1789458607</v>
      </c>
      <c r="MY10" s="427">
        <v>1353081063</v>
      </c>
      <c r="MZ10" s="431">
        <v>4644943755</v>
      </c>
      <c r="NA10" s="437">
        <v>4644943755</v>
      </c>
      <c r="NB10" s="430">
        <v>0</v>
      </c>
      <c r="NC10" s="427">
        <v>0</v>
      </c>
      <c r="ND10" s="431">
        <v>0</v>
      </c>
      <c r="NE10" s="438"/>
      <c r="NF10" s="427">
        <v>158902427</v>
      </c>
      <c r="NG10" s="427">
        <v>466021834</v>
      </c>
      <c r="NH10" s="427">
        <v>622107656</v>
      </c>
      <c r="NI10" s="427">
        <v>844296802</v>
      </c>
      <c r="NJ10" s="427">
        <v>487909231</v>
      </c>
      <c r="NK10" s="431">
        <v>2579237950</v>
      </c>
      <c r="NL10" s="429">
        <v>2579237950</v>
      </c>
      <c r="NM10" s="430">
        <v>0</v>
      </c>
      <c r="NN10" s="427">
        <v>0</v>
      </c>
      <c r="NO10" s="431">
        <v>0</v>
      </c>
      <c r="NP10" s="438"/>
      <c r="NQ10" s="427">
        <v>0</v>
      </c>
      <c r="NR10" s="427">
        <v>0</v>
      </c>
      <c r="NS10" s="427">
        <v>860631</v>
      </c>
      <c r="NT10" s="427">
        <v>13803155</v>
      </c>
      <c r="NU10" s="427">
        <v>14933070</v>
      </c>
      <c r="NV10" s="431">
        <v>29596856</v>
      </c>
      <c r="NW10" s="433">
        <v>29596856</v>
      </c>
      <c r="NX10" s="430">
        <v>0</v>
      </c>
      <c r="NY10" s="427">
        <v>0</v>
      </c>
      <c r="NZ10" s="431">
        <v>0</v>
      </c>
      <c r="OA10" s="438"/>
      <c r="OB10" s="427">
        <v>316483</v>
      </c>
      <c r="OC10" s="427">
        <v>893269</v>
      </c>
      <c r="OD10" s="427">
        <v>4488790</v>
      </c>
      <c r="OE10" s="427">
        <v>37522560</v>
      </c>
      <c r="OF10" s="427">
        <v>51190252</v>
      </c>
      <c r="OG10" s="431">
        <v>94411354</v>
      </c>
      <c r="OH10" s="433">
        <v>94411354</v>
      </c>
      <c r="OI10" s="430">
        <v>170384006</v>
      </c>
      <c r="OJ10" s="427">
        <v>418498824</v>
      </c>
      <c r="OK10" s="428">
        <v>588882830</v>
      </c>
      <c r="OL10" s="434">
        <v>0</v>
      </c>
      <c r="OM10" s="427">
        <v>2695727073</v>
      </c>
      <c r="ON10" s="427">
        <v>4989125944</v>
      </c>
      <c r="OO10" s="427">
        <v>5356714231</v>
      </c>
      <c r="OP10" s="427">
        <v>5775786095</v>
      </c>
      <c r="OQ10" s="427">
        <v>4290551089</v>
      </c>
      <c r="OR10" s="431">
        <v>23107904432</v>
      </c>
      <c r="OS10" s="437">
        <v>23696787262</v>
      </c>
    </row>
    <row r="11" spans="1:409" ht="21" customHeight="1" x14ac:dyDescent="0.2">
      <c r="B11" s="472" t="s">
        <v>6</v>
      </c>
      <c r="C11" s="100">
        <v>56941873</v>
      </c>
      <c r="D11" s="104">
        <v>103253167</v>
      </c>
      <c r="E11" s="103">
        <v>160195040</v>
      </c>
      <c r="F11" s="99">
        <v>0</v>
      </c>
      <c r="G11" s="104">
        <v>876116476</v>
      </c>
      <c r="H11" s="104">
        <v>969693181</v>
      </c>
      <c r="I11" s="104">
        <v>857606235</v>
      </c>
      <c r="J11" s="104">
        <v>839106822</v>
      </c>
      <c r="K11" s="104">
        <v>698570820</v>
      </c>
      <c r="L11" s="99">
        <v>4241093534</v>
      </c>
      <c r="M11" s="106">
        <v>4401288574</v>
      </c>
      <c r="N11" s="100">
        <v>15534078</v>
      </c>
      <c r="O11" s="104">
        <v>33177229</v>
      </c>
      <c r="P11" s="103">
        <v>48711307</v>
      </c>
      <c r="Q11" s="100">
        <v>0</v>
      </c>
      <c r="R11" s="104">
        <v>287813835</v>
      </c>
      <c r="S11" s="104">
        <v>349726102</v>
      </c>
      <c r="T11" s="104">
        <v>304000231</v>
      </c>
      <c r="U11" s="104">
        <v>337648321</v>
      </c>
      <c r="V11" s="104">
        <v>375627143</v>
      </c>
      <c r="W11" s="103">
        <v>1654815632</v>
      </c>
      <c r="X11" s="106">
        <v>1703526939</v>
      </c>
      <c r="Y11" s="100">
        <v>0</v>
      </c>
      <c r="Z11" s="104">
        <v>0</v>
      </c>
      <c r="AA11" s="103">
        <v>0</v>
      </c>
      <c r="AB11" s="100">
        <v>0</v>
      </c>
      <c r="AC11" s="104">
        <v>139497536</v>
      </c>
      <c r="AD11" s="104">
        <v>177995740</v>
      </c>
      <c r="AE11" s="104">
        <v>175834771</v>
      </c>
      <c r="AF11" s="104">
        <v>204898627</v>
      </c>
      <c r="AG11" s="104">
        <v>224897027</v>
      </c>
      <c r="AH11" s="103">
        <v>923123701</v>
      </c>
      <c r="AI11" s="106">
        <v>923123701</v>
      </c>
      <c r="AJ11" s="100">
        <v>18494</v>
      </c>
      <c r="AK11" s="104">
        <v>36969</v>
      </c>
      <c r="AL11" s="103">
        <v>55463</v>
      </c>
      <c r="AM11" s="100">
        <v>0</v>
      </c>
      <c r="AN11" s="104">
        <v>1282652</v>
      </c>
      <c r="AO11" s="104">
        <v>3705117</v>
      </c>
      <c r="AP11" s="104">
        <v>6852401</v>
      </c>
      <c r="AQ11" s="104">
        <v>16008548</v>
      </c>
      <c r="AR11" s="104">
        <v>39466970</v>
      </c>
      <c r="AS11" s="103">
        <v>67315688</v>
      </c>
      <c r="AT11" s="106">
        <v>67371151</v>
      </c>
      <c r="AU11" s="100">
        <v>8882241</v>
      </c>
      <c r="AV11" s="104">
        <v>24709298</v>
      </c>
      <c r="AW11" s="103">
        <v>33591539</v>
      </c>
      <c r="AX11" s="100">
        <v>0</v>
      </c>
      <c r="AY11" s="104">
        <v>92654524</v>
      </c>
      <c r="AZ11" s="104">
        <v>107356999</v>
      </c>
      <c r="BA11" s="104">
        <v>70854513</v>
      </c>
      <c r="BB11" s="104">
        <v>65154612</v>
      </c>
      <c r="BC11" s="104">
        <v>68334215</v>
      </c>
      <c r="BD11" s="103">
        <v>404354863</v>
      </c>
      <c r="BE11" s="106">
        <v>437946402</v>
      </c>
      <c r="BF11" s="100">
        <v>614687</v>
      </c>
      <c r="BG11" s="104">
        <v>1757835</v>
      </c>
      <c r="BH11" s="102">
        <v>2372522</v>
      </c>
      <c r="BI11" s="101">
        <v>0</v>
      </c>
      <c r="BJ11" s="104">
        <v>6824558</v>
      </c>
      <c r="BK11" s="104">
        <v>8538066</v>
      </c>
      <c r="BL11" s="104">
        <v>4276602</v>
      </c>
      <c r="BM11" s="104">
        <v>5283604</v>
      </c>
      <c r="BN11" s="104">
        <v>3042982</v>
      </c>
      <c r="BO11" s="103">
        <v>27965812</v>
      </c>
      <c r="BP11" s="106">
        <v>30338334</v>
      </c>
      <c r="BQ11" s="100">
        <v>6018656</v>
      </c>
      <c r="BR11" s="104">
        <v>6673127</v>
      </c>
      <c r="BS11" s="103">
        <v>12691783</v>
      </c>
      <c r="BT11" s="100">
        <v>0</v>
      </c>
      <c r="BU11" s="104">
        <v>47554565</v>
      </c>
      <c r="BV11" s="104">
        <v>52130180</v>
      </c>
      <c r="BW11" s="104">
        <v>46181944</v>
      </c>
      <c r="BX11" s="104">
        <v>46302930</v>
      </c>
      <c r="BY11" s="104">
        <v>39885949</v>
      </c>
      <c r="BZ11" s="103">
        <v>232055568</v>
      </c>
      <c r="CA11" s="106">
        <v>244747351</v>
      </c>
      <c r="CB11" s="100">
        <v>2946314</v>
      </c>
      <c r="CC11" s="104">
        <v>9957778</v>
      </c>
      <c r="CD11" s="103">
        <v>12904092</v>
      </c>
      <c r="CE11" s="100">
        <v>0</v>
      </c>
      <c r="CF11" s="104">
        <v>232223677</v>
      </c>
      <c r="CG11" s="104">
        <v>250804740</v>
      </c>
      <c r="CH11" s="104">
        <v>193357085</v>
      </c>
      <c r="CI11" s="104">
        <v>136796170</v>
      </c>
      <c r="CJ11" s="104">
        <v>72986117</v>
      </c>
      <c r="CK11" s="103">
        <v>886167789</v>
      </c>
      <c r="CL11" s="106">
        <v>899071881</v>
      </c>
      <c r="CM11" s="100">
        <v>0</v>
      </c>
      <c r="CN11" s="104">
        <v>0</v>
      </c>
      <c r="CO11" s="103">
        <v>0</v>
      </c>
      <c r="CP11" s="101">
        <v>0</v>
      </c>
      <c r="CQ11" s="104">
        <v>199367043</v>
      </c>
      <c r="CR11" s="104">
        <v>199587437</v>
      </c>
      <c r="CS11" s="104">
        <v>152797450</v>
      </c>
      <c r="CT11" s="104">
        <v>105038213</v>
      </c>
      <c r="CU11" s="104">
        <v>58394313</v>
      </c>
      <c r="CV11" s="103">
        <v>715184456</v>
      </c>
      <c r="CW11" s="106">
        <v>715184456</v>
      </c>
      <c r="CX11" s="100">
        <v>2946314</v>
      </c>
      <c r="CY11" s="104">
        <v>9957778</v>
      </c>
      <c r="CZ11" s="103">
        <v>12904092</v>
      </c>
      <c r="DA11" s="100">
        <v>0</v>
      </c>
      <c r="DB11" s="104">
        <v>32856634</v>
      </c>
      <c r="DC11" s="104">
        <v>51217303</v>
      </c>
      <c r="DD11" s="104">
        <v>40559635</v>
      </c>
      <c r="DE11" s="104">
        <v>31757957</v>
      </c>
      <c r="DF11" s="104">
        <v>14591804</v>
      </c>
      <c r="DG11" s="103">
        <v>170983333</v>
      </c>
      <c r="DH11" s="106">
        <v>183887425</v>
      </c>
      <c r="DI11" s="100">
        <v>109713</v>
      </c>
      <c r="DJ11" s="104">
        <v>1032333</v>
      </c>
      <c r="DK11" s="102">
        <v>1142046</v>
      </c>
      <c r="DL11" s="101">
        <v>0</v>
      </c>
      <c r="DM11" s="104">
        <v>18057393</v>
      </c>
      <c r="DN11" s="104">
        <v>33667553</v>
      </c>
      <c r="DO11" s="104">
        <v>57582772</v>
      </c>
      <c r="DP11" s="104">
        <v>55882572</v>
      </c>
      <c r="DQ11" s="104">
        <v>35768340</v>
      </c>
      <c r="DR11" s="103">
        <v>200958630</v>
      </c>
      <c r="DS11" s="106">
        <v>202100676</v>
      </c>
      <c r="DT11" s="100">
        <v>109713</v>
      </c>
      <c r="DU11" s="104">
        <v>1032333</v>
      </c>
      <c r="DV11" s="103">
        <v>1142046</v>
      </c>
      <c r="DW11" s="100">
        <v>0</v>
      </c>
      <c r="DX11" s="104">
        <v>16376961</v>
      </c>
      <c r="DY11" s="104">
        <v>30175811</v>
      </c>
      <c r="DZ11" s="104">
        <v>52032175</v>
      </c>
      <c r="EA11" s="104">
        <v>48107790</v>
      </c>
      <c r="EB11" s="104">
        <v>31043017</v>
      </c>
      <c r="EC11" s="103">
        <v>177735754</v>
      </c>
      <c r="ED11" s="106">
        <v>178877800</v>
      </c>
      <c r="EE11" s="100">
        <v>0</v>
      </c>
      <c r="EF11" s="102">
        <v>0</v>
      </c>
      <c r="EG11" s="103">
        <v>0</v>
      </c>
      <c r="EH11" s="100">
        <v>0</v>
      </c>
      <c r="EI11" s="104">
        <v>1680432</v>
      </c>
      <c r="EJ11" s="104">
        <v>3491742</v>
      </c>
      <c r="EK11" s="104">
        <v>5550597</v>
      </c>
      <c r="EL11" s="104">
        <v>7774782</v>
      </c>
      <c r="EM11" s="104">
        <v>4725323</v>
      </c>
      <c r="EN11" s="102">
        <v>23222876</v>
      </c>
      <c r="EO11" s="106">
        <v>23222876</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13322864</v>
      </c>
      <c r="FM11" s="104">
        <v>24568335</v>
      </c>
      <c r="FN11" s="103">
        <v>37891199</v>
      </c>
      <c r="FO11" s="100">
        <v>0</v>
      </c>
      <c r="FP11" s="104">
        <v>46172599</v>
      </c>
      <c r="FQ11" s="104">
        <v>85521441</v>
      </c>
      <c r="FR11" s="104">
        <v>65772664</v>
      </c>
      <c r="FS11" s="104">
        <v>62677261</v>
      </c>
      <c r="FT11" s="104">
        <v>49694518</v>
      </c>
      <c r="FU11" s="103">
        <v>309838483</v>
      </c>
      <c r="FV11" s="106">
        <v>347729682</v>
      </c>
      <c r="FW11" s="105">
        <v>8598839</v>
      </c>
      <c r="FX11" s="104">
        <v>19103286</v>
      </c>
      <c r="FY11" s="102">
        <v>27702125</v>
      </c>
      <c r="FZ11" s="101">
        <v>0</v>
      </c>
      <c r="GA11" s="104">
        <v>39717334</v>
      </c>
      <c r="GB11" s="104">
        <v>79137073</v>
      </c>
      <c r="GC11" s="104">
        <v>61372763</v>
      </c>
      <c r="GD11" s="104">
        <v>59742052</v>
      </c>
      <c r="GE11" s="104">
        <v>48312890</v>
      </c>
      <c r="GF11" s="103">
        <v>288282112</v>
      </c>
      <c r="GG11" s="296">
        <v>315984237</v>
      </c>
      <c r="GH11" s="105">
        <v>931828</v>
      </c>
      <c r="GI11" s="104">
        <v>932950</v>
      </c>
      <c r="GJ11" s="102">
        <v>1864778</v>
      </c>
      <c r="GK11" s="101">
        <v>0</v>
      </c>
      <c r="GL11" s="104">
        <v>2182201</v>
      </c>
      <c r="GM11" s="104">
        <v>2296312</v>
      </c>
      <c r="GN11" s="104">
        <v>2022084</v>
      </c>
      <c r="GO11" s="104">
        <v>1334993</v>
      </c>
      <c r="GP11" s="104">
        <v>731903</v>
      </c>
      <c r="GQ11" s="103">
        <v>8567493</v>
      </c>
      <c r="GR11" s="106">
        <v>10432271</v>
      </c>
      <c r="GS11" s="100">
        <v>3792197</v>
      </c>
      <c r="GT11" s="104">
        <v>4532099</v>
      </c>
      <c r="GU11" s="103">
        <v>8324296</v>
      </c>
      <c r="GV11" s="100">
        <v>0</v>
      </c>
      <c r="GW11" s="104">
        <v>4273064</v>
      </c>
      <c r="GX11" s="104">
        <v>4088056</v>
      </c>
      <c r="GY11" s="104">
        <v>2377817</v>
      </c>
      <c r="GZ11" s="104">
        <v>1600216</v>
      </c>
      <c r="HA11" s="104">
        <v>649725</v>
      </c>
      <c r="HB11" s="102">
        <v>12988878</v>
      </c>
      <c r="HC11" s="106">
        <v>21313174</v>
      </c>
      <c r="HD11" s="100">
        <v>14365639</v>
      </c>
      <c r="HE11" s="104">
        <v>16440968</v>
      </c>
      <c r="HF11" s="102">
        <v>30806607</v>
      </c>
      <c r="HG11" s="101">
        <v>0</v>
      </c>
      <c r="HH11" s="104">
        <v>152939719</v>
      </c>
      <c r="HI11" s="104">
        <v>134601018</v>
      </c>
      <c r="HJ11" s="104">
        <v>154339567</v>
      </c>
      <c r="HK11" s="104">
        <v>185801243</v>
      </c>
      <c r="HL11" s="104">
        <v>124365173</v>
      </c>
      <c r="HM11" s="103">
        <v>752046720</v>
      </c>
      <c r="HN11" s="99">
        <v>782853327</v>
      </c>
      <c r="HO11" s="105">
        <v>10663265</v>
      </c>
      <c r="HP11" s="104">
        <v>18076524</v>
      </c>
      <c r="HQ11" s="103">
        <v>28739789</v>
      </c>
      <c r="HR11" s="100">
        <v>0</v>
      </c>
      <c r="HS11" s="104">
        <v>138909253</v>
      </c>
      <c r="HT11" s="104">
        <v>115372327</v>
      </c>
      <c r="HU11" s="104">
        <v>82553916</v>
      </c>
      <c r="HV11" s="104">
        <v>60301255</v>
      </c>
      <c r="HW11" s="104">
        <v>40129529</v>
      </c>
      <c r="HX11" s="102">
        <v>437266280</v>
      </c>
      <c r="HY11" s="106">
        <v>466006069</v>
      </c>
      <c r="HZ11" s="118">
        <v>1438774</v>
      </c>
      <c r="IA11" s="119">
        <v>4138765</v>
      </c>
      <c r="IB11" s="120">
        <v>5577539</v>
      </c>
      <c r="IC11" s="133">
        <v>0</v>
      </c>
      <c r="ID11" s="119">
        <v>279459942</v>
      </c>
      <c r="IE11" s="134">
        <v>338646512</v>
      </c>
      <c r="IF11" s="120">
        <v>364101406</v>
      </c>
      <c r="IG11" s="119">
        <v>294818296</v>
      </c>
      <c r="IH11" s="120">
        <v>240656912</v>
      </c>
      <c r="II11" s="135">
        <v>1517683068</v>
      </c>
      <c r="IJ11" s="126">
        <v>1523260607</v>
      </c>
      <c r="IK11" s="219">
        <v>0</v>
      </c>
      <c r="IL11" s="223">
        <v>0</v>
      </c>
      <c r="IM11" s="224">
        <v>0</v>
      </c>
      <c r="IN11" s="127"/>
      <c r="IO11" s="109">
        <v>5373674</v>
      </c>
      <c r="IP11" s="109">
        <v>10229343</v>
      </c>
      <c r="IQ11" s="109">
        <v>13547564</v>
      </c>
      <c r="IR11" s="109">
        <v>22334234</v>
      </c>
      <c r="IS11" s="109">
        <v>34495121</v>
      </c>
      <c r="IT11" s="128">
        <v>85979936</v>
      </c>
      <c r="IU11" s="298">
        <v>85979936</v>
      </c>
      <c r="IV11" s="129">
        <v>0</v>
      </c>
      <c r="IW11" s="109">
        <v>0</v>
      </c>
      <c r="IX11" s="110">
        <v>0</v>
      </c>
      <c r="IY11" s="131"/>
      <c r="IZ11" s="109">
        <v>1183849</v>
      </c>
      <c r="JA11" s="109">
        <v>2528210</v>
      </c>
      <c r="JB11" s="109">
        <v>2900424</v>
      </c>
      <c r="JC11" s="109">
        <v>2553172</v>
      </c>
      <c r="JD11" s="109">
        <v>3978024</v>
      </c>
      <c r="JE11" s="110">
        <v>13143679</v>
      </c>
      <c r="JF11" s="111">
        <v>13143679</v>
      </c>
      <c r="JG11" s="129">
        <v>0</v>
      </c>
      <c r="JH11" s="109">
        <v>0</v>
      </c>
      <c r="JI11" s="128">
        <v>0</v>
      </c>
      <c r="JJ11" s="108">
        <v>0</v>
      </c>
      <c r="JK11" s="109">
        <v>88565852</v>
      </c>
      <c r="JL11" s="109">
        <v>82070273</v>
      </c>
      <c r="JM11" s="109">
        <v>74877309</v>
      </c>
      <c r="JN11" s="109">
        <v>47340049</v>
      </c>
      <c r="JO11" s="109">
        <v>26789906</v>
      </c>
      <c r="JP11" s="110">
        <v>319643389</v>
      </c>
      <c r="JQ11" s="298">
        <v>319643389</v>
      </c>
      <c r="JR11" s="129">
        <v>38422</v>
      </c>
      <c r="JS11" s="109">
        <v>75867</v>
      </c>
      <c r="JT11" s="128">
        <v>114289</v>
      </c>
      <c r="JU11" s="108">
        <v>0</v>
      </c>
      <c r="JV11" s="109">
        <v>16981508</v>
      </c>
      <c r="JW11" s="109">
        <v>24389931</v>
      </c>
      <c r="JX11" s="109">
        <v>32738725</v>
      </c>
      <c r="JY11" s="109">
        <v>21956256</v>
      </c>
      <c r="JZ11" s="109">
        <v>16069457</v>
      </c>
      <c r="KA11" s="110">
        <v>112135877</v>
      </c>
      <c r="KB11" s="298">
        <v>112250166</v>
      </c>
      <c r="KC11" s="221">
        <v>1400352</v>
      </c>
      <c r="KD11" s="217">
        <v>2764398</v>
      </c>
      <c r="KE11" s="110">
        <v>4164750</v>
      </c>
      <c r="KF11" s="108">
        <v>0</v>
      </c>
      <c r="KG11" s="109">
        <v>33995676</v>
      </c>
      <c r="KH11" s="109">
        <v>41966390</v>
      </c>
      <c r="KI11" s="109">
        <v>48591209</v>
      </c>
      <c r="KJ11" s="109">
        <v>41190699</v>
      </c>
      <c r="KK11" s="109">
        <v>21570672</v>
      </c>
      <c r="KL11" s="110">
        <v>187314646</v>
      </c>
      <c r="KM11" s="130">
        <v>191479396</v>
      </c>
      <c r="KN11" s="219">
        <v>0</v>
      </c>
      <c r="KO11" s="223">
        <v>1298500</v>
      </c>
      <c r="KP11" s="224">
        <v>1298500</v>
      </c>
      <c r="KQ11" s="127"/>
      <c r="KR11" s="109">
        <v>121371134</v>
      </c>
      <c r="KS11" s="109">
        <v>156124845</v>
      </c>
      <c r="KT11" s="109">
        <v>151621268</v>
      </c>
      <c r="KU11" s="109">
        <v>102835848</v>
      </c>
      <c r="KV11" s="109">
        <v>81333173</v>
      </c>
      <c r="KW11" s="110">
        <v>613286268</v>
      </c>
      <c r="KX11" s="298">
        <v>614584768</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960865</v>
      </c>
      <c r="LO11" s="109">
        <v>1334527</v>
      </c>
      <c r="LP11" s="109">
        <v>19053642</v>
      </c>
      <c r="LQ11" s="109">
        <v>28728631</v>
      </c>
      <c r="LR11" s="109">
        <v>23261969</v>
      </c>
      <c r="LS11" s="110">
        <v>73339634</v>
      </c>
      <c r="LT11" s="298">
        <v>73339634</v>
      </c>
      <c r="LU11" s="129">
        <v>0</v>
      </c>
      <c r="LV11" s="109">
        <v>0</v>
      </c>
      <c r="LW11" s="110">
        <v>0</v>
      </c>
      <c r="LX11" s="132"/>
      <c r="LY11" s="109">
        <v>11027384</v>
      </c>
      <c r="LZ11" s="109">
        <v>20002993</v>
      </c>
      <c r="MA11" s="109">
        <v>20771265</v>
      </c>
      <c r="MB11" s="109">
        <v>27879407</v>
      </c>
      <c r="MC11" s="109">
        <v>33158590</v>
      </c>
      <c r="MD11" s="110">
        <v>112839639</v>
      </c>
      <c r="ME11" s="111">
        <v>112839639</v>
      </c>
      <c r="MF11" s="129">
        <v>0</v>
      </c>
      <c r="MG11" s="109">
        <v>0</v>
      </c>
      <c r="MH11" s="110">
        <v>0</v>
      </c>
      <c r="MI11" s="132"/>
      <c r="MJ11" s="109">
        <v>74756346</v>
      </c>
      <c r="MK11" s="109">
        <v>136106767</v>
      </c>
      <c r="ML11" s="109">
        <v>487050425</v>
      </c>
      <c r="MM11" s="109">
        <v>756243392</v>
      </c>
      <c r="MN11" s="109">
        <v>553736712</v>
      </c>
      <c r="MO11" s="110">
        <v>2007893642</v>
      </c>
      <c r="MP11" s="130">
        <v>2007893642</v>
      </c>
      <c r="MQ11" s="129">
        <v>0</v>
      </c>
      <c r="MR11" s="109">
        <v>0</v>
      </c>
      <c r="MS11" s="110">
        <v>0</v>
      </c>
      <c r="MT11" s="132"/>
      <c r="MU11" s="109">
        <v>17007384</v>
      </c>
      <c r="MV11" s="109">
        <v>44448429</v>
      </c>
      <c r="MW11" s="109">
        <v>323616019</v>
      </c>
      <c r="MX11" s="109">
        <v>502518764</v>
      </c>
      <c r="MY11" s="109">
        <v>397692002</v>
      </c>
      <c r="MZ11" s="110">
        <v>1285282598</v>
      </c>
      <c r="NA11" s="130">
        <v>1285282598</v>
      </c>
      <c r="NB11" s="129">
        <v>0</v>
      </c>
      <c r="NC11" s="109">
        <v>0</v>
      </c>
      <c r="ND11" s="110">
        <v>0</v>
      </c>
      <c r="NE11" s="132"/>
      <c r="NF11" s="109">
        <v>57480435</v>
      </c>
      <c r="NG11" s="109">
        <v>91658338</v>
      </c>
      <c r="NH11" s="109">
        <v>160563847</v>
      </c>
      <c r="NI11" s="109">
        <v>218015232</v>
      </c>
      <c r="NJ11" s="109">
        <v>109701276</v>
      </c>
      <c r="NK11" s="110">
        <v>637419128</v>
      </c>
      <c r="NL11" s="298">
        <v>637419128</v>
      </c>
      <c r="NM11" s="129">
        <v>0</v>
      </c>
      <c r="NN11" s="109">
        <v>0</v>
      </c>
      <c r="NO11" s="110">
        <v>0</v>
      </c>
      <c r="NP11" s="132"/>
      <c r="NQ11" s="109">
        <v>0</v>
      </c>
      <c r="NR11" s="109">
        <v>0</v>
      </c>
      <c r="NS11" s="109">
        <v>1349873</v>
      </c>
      <c r="NT11" s="109">
        <v>17006137</v>
      </c>
      <c r="NU11" s="109">
        <v>23505374</v>
      </c>
      <c r="NV11" s="110">
        <v>41861384</v>
      </c>
      <c r="NW11" s="111">
        <v>41861384</v>
      </c>
      <c r="NX11" s="129">
        <v>0</v>
      </c>
      <c r="NY11" s="109">
        <v>0</v>
      </c>
      <c r="NZ11" s="110">
        <v>0</v>
      </c>
      <c r="OA11" s="132"/>
      <c r="OB11" s="109">
        <v>268527</v>
      </c>
      <c r="OC11" s="109">
        <v>0</v>
      </c>
      <c r="OD11" s="109">
        <v>1520686</v>
      </c>
      <c r="OE11" s="109">
        <v>18703259</v>
      </c>
      <c r="OF11" s="109">
        <v>22838060</v>
      </c>
      <c r="OG11" s="110">
        <v>43330532</v>
      </c>
      <c r="OH11" s="111">
        <v>43330532</v>
      </c>
      <c r="OI11" s="129">
        <v>58380647</v>
      </c>
      <c r="OJ11" s="109">
        <v>107391932</v>
      </c>
      <c r="OK11" s="128">
        <v>165772579</v>
      </c>
      <c r="OL11" s="108">
        <v>0</v>
      </c>
      <c r="OM11" s="109">
        <v>1230332764</v>
      </c>
      <c r="ON11" s="109">
        <v>1444446460</v>
      </c>
      <c r="OO11" s="109">
        <v>1708758066</v>
      </c>
      <c r="OP11" s="109">
        <v>1890168510</v>
      </c>
      <c r="OQ11" s="109">
        <v>1492964444</v>
      </c>
      <c r="OR11" s="110">
        <v>7766670244</v>
      </c>
      <c r="OS11" s="130">
        <v>7932442823</v>
      </c>
    </row>
    <row r="12" spans="1:409" ht="21" customHeight="1" x14ac:dyDescent="0.2">
      <c r="B12" s="472" t="s">
        <v>14</v>
      </c>
      <c r="C12" s="100">
        <v>26581075</v>
      </c>
      <c r="D12" s="104">
        <v>71716792</v>
      </c>
      <c r="E12" s="103">
        <v>98297867</v>
      </c>
      <c r="F12" s="99">
        <v>0</v>
      </c>
      <c r="G12" s="104">
        <v>340869881</v>
      </c>
      <c r="H12" s="104">
        <v>543585253</v>
      </c>
      <c r="I12" s="104">
        <v>511699123</v>
      </c>
      <c r="J12" s="104">
        <v>439832389</v>
      </c>
      <c r="K12" s="104">
        <v>299284021</v>
      </c>
      <c r="L12" s="102">
        <v>2135270667</v>
      </c>
      <c r="M12" s="106">
        <v>2233568534</v>
      </c>
      <c r="N12" s="100">
        <v>5074118</v>
      </c>
      <c r="O12" s="104">
        <v>18024504</v>
      </c>
      <c r="P12" s="103">
        <v>23098622</v>
      </c>
      <c r="Q12" s="100">
        <v>0</v>
      </c>
      <c r="R12" s="104">
        <v>96382025</v>
      </c>
      <c r="S12" s="104">
        <v>175596905</v>
      </c>
      <c r="T12" s="104">
        <v>174615434</v>
      </c>
      <c r="U12" s="104">
        <v>172843573</v>
      </c>
      <c r="V12" s="104">
        <v>150534915</v>
      </c>
      <c r="W12" s="103">
        <v>769972852</v>
      </c>
      <c r="X12" s="106">
        <v>793071474</v>
      </c>
      <c r="Y12" s="100">
        <v>0</v>
      </c>
      <c r="Z12" s="104">
        <v>0</v>
      </c>
      <c r="AA12" s="103">
        <v>0</v>
      </c>
      <c r="AB12" s="100">
        <v>0</v>
      </c>
      <c r="AC12" s="104">
        <v>49583538</v>
      </c>
      <c r="AD12" s="104">
        <v>93248132</v>
      </c>
      <c r="AE12" s="104">
        <v>104744537</v>
      </c>
      <c r="AF12" s="104">
        <v>104057532</v>
      </c>
      <c r="AG12" s="104">
        <v>88601202</v>
      </c>
      <c r="AH12" s="103">
        <v>440234941</v>
      </c>
      <c r="AI12" s="106">
        <v>440234941</v>
      </c>
      <c r="AJ12" s="100">
        <v>0</v>
      </c>
      <c r="AK12" s="104">
        <v>45053</v>
      </c>
      <c r="AL12" s="103">
        <v>45053</v>
      </c>
      <c r="AM12" s="100">
        <v>0</v>
      </c>
      <c r="AN12" s="104">
        <v>137489</v>
      </c>
      <c r="AO12" s="104">
        <v>1198279</v>
      </c>
      <c r="AP12" s="104">
        <v>3452603</v>
      </c>
      <c r="AQ12" s="104">
        <v>9188631</v>
      </c>
      <c r="AR12" s="104">
        <v>15829086</v>
      </c>
      <c r="AS12" s="103">
        <v>29806088</v>
      </c>
      <c r="AT12" s="106">
        <v>29851141</v>
      </c>
      <c r="AU12" s="100">
        <v>2222684</v>
      </c>
      <c r="AV12" s="104">
        <v>12239516</v>
      </c>
      <c r="AW12" s="103">
        <v>14462200</v>
      </c>
      <c r="AX12" s="100">
        <v>0</v>
      </c>
      <c r="AY12" s="104">
        <v>27627188</v>
      </c>
      <c r="AZ12" s="104">
        <v>53511084</v>
      </c>
      <c r="BA12" s="104">
        <v>38067556</v>
      </c>
      <c r="BB12" s="104">
        <v>35991129</v>
      </c>
      <c r="BC12" s="104">
        <v>28934771</v>
      </c>
      <c r="BD12" s="103">
        <v>184131728</v>
      </c>
      <c r="BE12" s="106">
        <v>198593928</v>
      </c>
      <c r="BF12" s="100">
        <v>222464</v>
      </c>
      <c r="BG12" s="104">
        <v>1645732</v>
      </c>
      <c r="BH12" s="102">
        <v>1868196</v>
      </c>
      <c r="BI12" s="101">
        <v>0</v>
      </c>
      <c r="BJ12" s="104">
        <v>1062814</v>
      </c>
      <c r="BK12" s="104">
        <v>3591938</v>
      </c>
      <c r="BL12" s="104">
        <v>2121530</v>
      </c>
      <c r="BM12" s="104">
        <v>1638649</v>
      </c>
      <c r="BN12" s="104">
        <v>761315</v>
      </c>
      <c r="BO12" s="103">
        <v>9176246</v>
      </c>
      <c r="BP12" s="106">
        <v>11044442</v>
      </c>
      <c r="BQ12" s="100">
        <v>2628970</v>
      </c>
      <c r="BR12" s="104">
        <v>4094203</v>
      </c>
      <c r="BS12" s="103">
        <v>6723173</v>
      </c>
      <c r="BT12" s="100">
        <v>0</v>
      </c>
      <c r="BU12" s="104">
        <v>17970996</v>
      </c>
      <c r="BV12" s="104">
        <v>24047472</v>
      </c>
      <c r="BW12" s="104">
        <v>26229208</v>
      </c>
      <c r="BX12" s="104">
        <v>21967632</v>
      </c>
      <c r="BY12" s="104">
        <v>16408541</v>
      </c>
      <c r="BZ12" s="103">
        <v>106623849</v>
      </c>
      <c r="CA12" s="106">
        <v>113347022</v>
      </c>
      <c r="CB12" s="100">
        <v>1787196</v>
      </c>
      <c r="CC12" s="104">
        <v>7192448</v>
      </c>
      <c r="CD12" s="103">
        <v>8979644</v>
      </c>
      <c r="CE12" s="100">
        <v>0</v>
      </c>
      <c r="CF12" s="104">
        <v>101831716</v>
      </c>
      <c r="CG12" s="104">
        <v>163855634</v>
      </c>
      <c r="CH12" s="104">
        <v>140228571</v>
      </c>
      <c r="CI12" s="104">
        <v>81807547</v>
      </c>
      <c r="CJ12" s="104">
        <v>42922020</v>
      </c>
      <c r="CK12" s="103">
        <v>530645488</v>
      </c>
      <c r="CL12" s="106">
        <v>539625132</v>
      </c>
      <c r="CM12" s="100">
        <v>0</v>
      </c>
      <c r="CN12" s="104">
        <v>0</v>
      </c>
      <c r="CO12" s="103">
        <v>0</v>
      </c>
      <c r="CP12" s="101">
        <v>0</v>
      </c>
      <c r="CQ12" s="104">
        <v>94800048</v>
      </c>
      <c r="CR12" s="104">
        <v>138348333</v>
      </c>
      <c r="CS12" s="104">
        <v>119736842</v>
      </c>
      <c r="CT12" s="104">
        <v>66267526</v>
      </c>
      <c r="CU12" s="104">
        <v>37610655</v>
      </c>
      <c r="CV12" s="103">
        <v>456763404</v>
      </c>
      <c r="CW12" s="106">
        <v>456763404</v>
      </c>
      <c r="CX12" s="100">
        <v>1787196</v>
      </c>
      <c r="CY12" s="104">
        <v>7192448</v>
      </c>
      <c r="CZ12" s="103">
        <v>8979644</v>
      </c>
      <c r="DA12" s="100">
        <v>0</v>
      </c>
      <c r="DB12" s="104">
        <v>7031668</v>
      </c>
      <c r="DC12" s="104">
        <v>25507301</v>
      </c>
      <c r="DD12" s="104">
        <v>20491729</v>
      </c>
      <c r="DE12" s="104">
        <v>15540021</v>
      </c>
      <c r="DF12" s="104">
        <v>5311365</v>
      </c>
      <c r="DG12" s="103">
        <v>73882084</v>
      </c>
      <c r="DH12" s="106">
        <v>82861728</v>
      </c>
      <c r="DI12" s="100">
        <v>143341</v>
      </c>
      <c r="DJ12" s="104">
        <v>366289</v>
      </c>
      <c r="DK12" s="102">
        <v>509630</v>
      </c>
      <c r="DL12" s="101">
        <v>0</v>
      </c>
      <c r="DM12" s="104">
        <v>8301738</v>
      </c>
      <c r="DN12" s="104">
        <v>21097824</v>
      </c>
      <c r="DO12" s="104">
        <v>42090485</v>
      </c>
      <c r="DP12" s="104">
        <v>44641060</v>
      </c>
      <c r="DQ12" s="104">
        <v>21144701</v>
      </c>
      <c r="DR12" s="103">
        <v>137275808</v>
      </c>
      <c r="DS12" s="106">
        <v>137785438</v>
      </c>
      <c r="DT12" s="100">
        <v>143341</v>
      </c>
      <c r="DU12" s="104">
        <v>366289</v>
      </c>
      <c r="DV12" s="103">
        <v>509630</v>
      </c>
      <c r="DW12" s="100">
        <v>0</v>
      </c>
      <c r="DX12" s="104">
        <v>8190227</v>
      </c>
      <c r="DY12" s="104">
        <v>20525969</v>
      </c>
      <c r="DZ12" s="104">
        <v>41013594</v>
      </c>
      <c r="EA12" s="104">
        <v>43438603</v>
      </c>
      <c r="EB12" s="104">
        <v>20705117</v>
      </c>
      <c r="EC12" s="103">
        <v>133873510</v>
      </c>
      <c r="ED12" s="106">
        <v>134383140</v>
      </c>
      <c r="EE12" s="100">
        <v>0</v>
      </c>
      <c r="EF12" s="102">
        <v>0</v>
      </c>
      <c r="EG12" s="103">
        <v>0</v>
      </c>
      <c r="EH12" s="100">
        <v>0</v>
      </c>
      <c r="EI12" s="104">
        <v>111511</v>
      </c>
      <c r="EJ12" s="104">
        <v>571855</v>
      </c>
      <c r="EK12" s="104">
        <v>1076891</v>
      </c>
      <c r="EL12" s="104">
        <v>1168637</v>
      </c>
      <c r="EM12" s="104">
        <v>439584</v>
      </c>
      <c r="EN12" s="102">
        <v>3368478</v>
      </c>
      <c r="EO12" s="106">
        <v>3368478</v>
      </c>
      <c r="EP12" s="100">
        <v>0</v>
      </c>
      <c r="EQ12" s="104">
        <v>0</v>
      </c>
      <c r="ER12" s="102">
        <v>0</v>
      </c>
      <c r="ES12" s="101">
        <v>0</v>
      </c>
      <c r="ET12" s="104">
        <v>0</v>
      </c>
      <c r="EU12" s="104">
        <v>0</v>
      </c>
      <c r="EV12" s="104">
        <v>0</v>
      </c>
      <c r="EW12" s="104">
        <v>33820</v>
      </c>
      <c r="EX12" s="104">
        <v>0</v>
      </c>
      <c r="EY12" s="103">
        <v>33820</v>
      </c>
      <c r="EZ12" s="106">
        <v>33820</v>
      </c>
      <c r="FA12" s="100">
        <v>0</v>
      </c>
      <c r="FB12" s="104">
        <v>0</v>
      </c>
      <c r="FC12" s="102">
        <v>0</v>
      </c>
      <c r="FD12" s="324"/>
      <c r="FE12" s="104">
        <v>0</v>
      </c>
      <c r="FF12" s="104">
        <v>0</v>
      </c>
      <c r="FG12" s="104">
        <v>0</v>
      </c>
      <c r="FH12" s="104">
        <v>0</v>
      </c>
      <c r="FI12" s="104">
        <v>0</v>
      </c>
      <c r="FJ12" s="103">
        <v>0</v>
      </c>
      <c r="FK12" s="106">
        <v>0</v>
      </c>
      <c r="FL12" s="100">
        <v>7340905</v>
      </c>
      <c r="FM12" s="104">
        <v>21841836</v>
      </c>
      <c r="FN12" s="103">
        <v>29182741</v>
      </c>
      <c r="FO12" s="100">
        <v>0</v>
      </c>
      <c r="FP12" s="104">
        <v>18133477</v>
      </c>
      <c r="FQ12" s="104">
        <v>54523273</v>
      </c>
      <c r="FR12" s="104">
        <v>40855340</v>
      </c>
      <c r="FS12" s="104">
        <v>34845897</v>
      </c>
      <c r="FT12" s="104">
        <v>23107997</v>
      </c>
      <c r="FU12" s="103">
        <v>171465984</v>
      </c>
      <c r="FV12" s="106">
        <v>200648725</v>
      </c>
      <c r="FW12" s="105">
        <v>4964851</v>
      </c>
      <c r="FX12" s="104">
        <v>17409498</v>
      </c>
      <c r="FY12" s="102">
        <v>22374349</v>
      </c>
      <c r="FZ12" s="101">
        <v>0</v>
      </c>
      <c r="GA12" s="104">
        <v>14986338</v>
      </c>
      <c r="GB12" s="104">
        <v>50117203</v>
      </c>
      <c r="GC12" s="104">
        <v>38096021</v>
      </c>
      <c r="GD12" s="104">
        <v>32079722</v>
      </c>
      <c r="GE12" s="104">
        <v>22240112</v>
      </c>
      <c r="GF12" s="103">
        <v>157519396</v>
      </c>
      <c r="GG12" s="296">
        <v>179893745</v>
      </c>
      <c r="GH12" s="105">
        <v>330789</v>
      </c>
      <c r="GI12" s="104">
        <v>736923</v>
      </c>
      <c r="GJ12" s="102">
        <v>1067712</v>
      </c>
      <c r="GK12" s="101">
        <v>0</v>
      </c>
      <c r="GL12" s="104">
        <v>855131</v>
      </c>
      <c r="GM12" s="104">
        <v>1098037</v>
      </c>
      <c r="GN12" s="104">
        <v>1092896</v>
      </c>
      <c r="GO12" s="104">
        <v>940711</v>
      </c>
      <c r="GP12" s="104">
        <v>408315</v>
      </c>
      <c r="GQ12" s="103">
        <v>4395090</v>
      </c>
      <c r="GR12" s="106">
        <v>5462802</v>
      </c>
      <c r="GS12" s="100">
        <v>2045265</v>
      </c>
      <c r="GT12" s="104">
        <v>3695415</v>
      </c>
      <c r="GU12" s="103">
        <v>5740680</v>
      </c>
      <c r="GV12" s="100">
        <v>0</v>
      </c>
      <c r="GW12" s="104">
        <v>2292008</v>
      </c>
      <c r="GX12" s="104">
        <v>3308033</v>
      </c>
      <c r="GY12" s="104">
        <v>1666423</v>
      </c>
      <c r="GZ12" s="104">
        <v>1825464</v>
      </c>
      <c r="HA12" s="104">
        <v>459570</v>
      </c>
      <c r="HB12" s="102">
        <v>9551498</v>
      </c>
      <c r="HC12" s="106">
        <v>15292178</v>
      </c>
      <c r="HD12" s="100">
        <v>7194937</v>
      </c>
      <c r="HE12" s="104">
        <v>11296182</v>
      </c>
      <c r="HF12" s="102">
        <v>18491119</v>
      </c>
      <c r="HG12" s="101">
        <v>0</v>
      </c>
      <c r="HH12" s="104">
        <v>58591277</v>
      </c>
      <c r="HI12" s="104">
        <v>53304627</v>
      </c>
      <c r="HJ12" s="104">
        <v>62372488</v>
      </c>
      <c r="HK12" s="104">
        <v>72626097</v>
      </c>
      <c r="HL12" s="104">
        <v>42849386</v>
      </c>
      <c r="HM12" s="103">
        <v>289743875</v>
      </c>
      <c r="HN12" s="99">
        <v>308234994</v>
      </c>
      <c r="HO12" s="105">
        <v>5040578</v>
      </c>
      <c r="HP12" s="104">
        <v>12995533</v>
      </c>
      <c r="HQ12" s="103">
        <v>18036111</v>
      </c>
      <c r="HR12" s="100">
        <v>0</v>
      </c>
      <c r="HS12" s="104">
        <v>57629648</v>
      </c>
      <c r="HT12" s="104">
        <v>75206990</v>
      </c>
      <c r="HU12" s="104">
        <v>51536805</v>
      </c>
      <c r="HV12" s="104">
        <v>33068215</v>
      </c>
      <c r="HW12" s="104">
        <v>18725002</v>
      </c>
      <c r="HX12" s="102">
        <v>236166660</v>
      </c>
      <c r="HY12" s="106">
        <v>254202771</v>
      </c>
      <c r="HZ12" s="118">
        <v>855745</v>
      </c>
      <c r="IA12" s="119">
        <v>2889686</v>
      </c>
      <c r="IB12" s="120">
        <v>3745431</v>
      </c>
      <c r="IC12" s="121">
        <v>0</v>
      </c>
      <c r="ID12" s="122">
        <v>117810023</v>
      </c>
      <c r="IE12" s="123">
        <v>181643860</v>
      </c>
      <c r="IF12" s="124">
        <v>216364414</v>
      </c>
      <c r="IG12" s="122">
        <v>136975218</v>
      </c>
      <c r="IH12" s="124">
        <v>91439587</v>
      </c>
      <c r="II12" s="125">
        <v>744233102</v>
      </c>
      <c r="IJ12" s="126">
        <v>747978533</v>
      </c>
      <c r="IK12" s="219">
        <v>0</v>
      </c>
      <c r="IL12" s="223">
        <v>0</v>
      </c>
      <c r="IM12" s="224">
        <v>0</v>
      </c>
      <c r="IN12" s="127"/>
      <c r="IO12" s="109">
        <v>2225243</v>
      </c>
      <c r="IP12" s="109">
        <v>4153294</v>
      </c>
      <c r="IQ12" s="109">
        <v>4758121</v>
      </c>
      <c r="IR12" s="109">
        <v>5710027</v>
      </c>
      <c r="IS12" s="109">
        <v>10640866</v>
      </c>
      <c r="IT12" s="128">
        <v>27487551</v>
      </c>
      <c r="IU12" s="298">
        <v>27487551</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44291260</v>
      </c>
      <c r="JL12" s="109">
        <v>65956199</v>
      </c>
      <c r="JM12" s="109">
        <v>52330422</v>
      </c>
      <c r="JN12" s="109">
        <v>30676010</v>
      </c>
      <c r="JO12" s="109">
        <v>16565297</v>
      </c>
      <c r="JP12" s="110">
        <v>209819188</v>
      </c>
      <c r="JQ12" s="298">
        <v>209819188</v>
      </c>
      <c r="JR12" s="129">
        <v>0</v>
      </c>
      <c r="JS12" s="109">
        <v>0</v>
      </c>
      <c r="JT12" s="128">
        <v>0</v>
      </c>
      <c r="JU12" s="108">
        <v>0</v>
      </c>
      <c r="JV12" s="109">
        <v>1206063</v>
      </c>
      <c r="JW12" s="109">
        <v>2349545</v>
      </c>
      <c r="JX12" s="109">
        <v>6555630</v>
      </c>
      <c r="JY12" s="109">
        <v>2955558</v>
      </c>
      <c r="JZ12" s="109">
        <v>3853202</v>
      </c>
      <c r="KA12" s="110">
        <v>16919998</v>
      </c>
      <c r="KB12" s="298">
        <v>16919998</v>
      </c>
      <c r="KC12" s="221">
        <v>855745</v>
      </c>
      <c r="KD12" s="217">
        <v>2654776</v>
      </c>
      <c r="KE12" s="110">
        <v>3510521</v>
      </c>
      <c r="KF12" s="108">
        <v>0</v>
      </c>
      <c r="KG12" s="109">
        <v>14349920</v>
      </c>
      <c r="KH12" s="109">
        <v>26821072</v>
      </c>
      <c r="KI12" s="109">
        <v>35596819</v>
      </c>
      <c r="KJ12" s="109">
        <v>21434414</v>
      </c>
      <c r="KK12" s="109">
        <v>5469214</v>
      </c>
      <c r="KL12" s="110">
        <v>103671439</v>
      </c>
      <c r="KM12" s="130">
        <v>107181960</v>
      </c>
      <c r="KN12" s="219">
        <v>0</v>
      </c>
      <c r="KO12" s="223">
        <v>234910</v>
      </c>
      <c r="KP12" s="224">
        <v>234910</v>
      </c>
      <c r="KQ12" s="127"/>
      <c r="KR12" s="109">
        <v>54633639</v>
      </c>
      <c r="KS12" s="109">
        <v>77416856</v>
      </c>
      <c r="KT12" s="109">
        <v>106608176</v>
      </c>
      <c r="KU12" s="109">
        <v>56719811</v>
      </c>
      <c r="KV12" s="109">
        <v>39445397</v>
      </c>
      <c r="KW12" s="110">
        <v>334823879</v>
      </c>
      <c r="KX12" s="298">
        <v>335058789</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416135</v>
      </c>
      <c r="LP12" s="109">
        <v>2909500</v>
      </c>
      <c r="LQ12" s="109">
        <v>8171263</v>
      </c>
      <c r="LR12" s="109">
        <v>3502730</v>
      </c>
      <c r="LS12" s="110">
        <v>14999628</v>
      </c>
      <c r="LT12" s="298">
        <v>14999628</v>
      </c>
      <c r="LU12" s="129">
        <v>0</v>
      </c>
      <c r="LV12" s="109">
        <v>0</v>
      </c>
      <c r="LW12" s="110">
        <v>0</v>
      </c>
      <c r="LX12" s="132"/>
      <c r="LY12" s="109">
        <v>1103898</v>
      </c>
      <c r="LZ12" s="109">
        <v>4530759</v>
      </c>
      <c r="MA12" s="109">
        <v>7605746</v>
      </c>
      <c r="MB12" s="109">
        <v>11308135</v>
      </c>
      <c r="MC12" s="109">
        <v>11962881</v>
      </c>
      <c r="MD12" s="110">
        <v>36511419</v>
      </c>
      <c r="ME12" s="111">
        <v>36511419</v>
      </c>
      <c r="MF12" s="129">
        <v>0</v>
      </c>
      <c r="MG12" s="109">
        <v>0</v>
      </c>
      <c r="MH12" s="110">
        <v>0</v>
      </c>
      <c r="MI12" s="132"/>
      <c r="MJ12" s="109">
        <v>23352886</v>
      </c>
      <c r="MK12" s="109">
        <v>66966427</v>
      </c>
      <c r="ML12" s="109">
        <v>308975025</v>
      </c>
      <c r="MM12" s="109">
        <v>539722253</v>
      </c>
      <c r="MN12" s="109">
        <v>354927512</v>
      </c>
      <c r="MO12" s="110">
        <v>1293944103</v>
      </c>
      <c r="MP12" s="130">
        <v>1293944103</v>
      </c>
      <c r="MQ12" s="129">
        <v>0</v>
      </c>
      <c r="MR12" s="109">
        <v>0</v>
      </c>
      <c r="MS12" s="110">
        <v>0</v>
      </c>
      <c r="MT12" s="132"/>
      <c r="MU12" s="109">
        <v>1849733</v>
      </c>
      <c r="MV12" s="109">
        <v>9652216</v>
      </c>
      <c r="MW12" s="109">
        <v>216979622</v>
      </c>
      <c r="MX12" s="109">
        <v>374937589</v>
      </c>
      <c r="MY12" s="109">
        <v>246612687</v>
      </c>
      <c r="MZ12" s="110">
        <v>850031847</v>
      </c>
      <c r="NA12" s="130">
        <v>850031847</v>
      </c>
      <c r="NB12" s="129">
        <v>0</v>
      </c>
      <c r="NC12" s="109">
        <v>0</v>
      </c>
      <c r="ND12" s="110">
        <v>0</v>
      </c>
      <c r="NE12" s="132"/>
      <c r="NF12" s="109">
        <v>21503153</v>
      </c>
      <c r="NG12" s="109">
        <v>57314211</v>
      </c>
      <c r="NH12" s="109">
        <v>89134968</v>
      </c>
      <c r="NI12" s="109">
        <v>124576460</v>
      </c>
      <c r="NJ12" s="109">
        <v>67779603</v>
      </c>
      <c r="NK12" s="110">
        <v>360308395</v>
      </c>
      <c r="NL12" s="298">
        <v>360308395</v>
      </c>
      <c r="NM12" s="129">
        <v>0</v>
      </c>
      <c r="NN12" s="109">
        <v>0</v>
      </c>
      <c r="NO12" s="110">
        <v>0</v>
      </c>
      <c r="NP12" s="132"/>
      <c r="NQ12" s="109">
        <v>0</v>
      </c>
      <c r="NR12" s="109">
        <v>0</v>
      </c>
      <c r="NS12" s="109">
        <v>653172</v>
      </c>
      <c r="NT12" s="109">
        <v>7353221</v>
      </c>
      <c r="NU12" s="109">
        <v>4973744</v>
      </c>
      <c r="NV12" s="110">
        <v>12980137</v>
      </c>
      <c r="NW12" s="111">
        <v>12980137</v>
      </c>
      <c r="NX12" s="129">
        <v>0</v>
      </c>
      <c r="NY12" s="109">
        <v>0</v>
      </c>
      <c r="NZ12" s="110">
        <v>0</v>
      </c>
      <c r="OA12" s="132"/>
      <c r="OB12" s="109">
        <v>0</v>
      </c>
      <c r="OC12" s="109">
        <v>0</v>
      </c>
      <c r="OD12" s="109">
        <v>2207263</v>
      </c>
      <c r="OE12" s="109">
        <v>32854983</v>
      </c>
      <c r="OF12" s="109">
        <v>35561478</v>
      </c>
      <c r="OG12" s="110">
        <v>70623724</v>
      </c>
      <c r="OH12" s="111">
        <v>70623724</v>
      </c>
      <c r="OI12" s="129">
        <v>27436820</v>
      </c>
      <c r="OJ12" s="109">
        <v>74606478</v>
      </c>
      <c r="OK12" s="128">
        <v>102043298</v>
      </c>
      <c r="OL12" s="108">
        <v>0</v>
      </c>
      <c r="OM12" s="109">
        <v>482032790</v>
      </c>
      <c r="ON12" s="109">
        <v>792195540</v>
      </c>
      <c r="OO12" s="109">
        <v>1037038562</v>
      </c>
      <c r="OP12" s="109">
        <v>1116529860</v>
      </c>
      <c r="OQ12" s="109">
        <v>745651120</v>
      </c>
      <c r="OR12" s="110">
        <v>4173447872</v>
      </c>
      <c r="OS12" s="130">
        <v>4275491170</v>
      </c>
    </row>
    <row r="13" spans="1:409" ht="21" customHeight="1" x14ac:dyDescent="0.2">
      <c r="B13" s="472" t="s">
        <v>7</v>
      </c>
      <c r="C13" s="100">
        <v>14558621</v>
      </c>
      <c r="D13" s="104">
        <v>18966166</v>
      </c>
      <c r="E13" s="103">
        <v>33524787</v>
      </c>
      <c r="F13" s="99">
        <v>0</v>
      </c>
      <c r="G13" s="104">
        <v>369036160</v>
      </c>
      <c r="H13" s="104">
        <v>342155521</v>
      </c>
      <c r="I13" s="104">
        <v>276138933</v>
      </c>
      <c r="J13" s="104">
        <v>282330742</v>
      </c>
      <c r="K13" s="104">
        <v>198928098</v>
      </c>
      <c r="L13" s="99">
        <v>1468589454</v>
      </c>
      <c r="M13" s="106">
        <v>1502114241</v>
      </c>
      <c r="N13" s="100">
        <v>2251034</v>
      </c>
      <c r="O13" s="104">
        <v>2142104</v>
      </c>
      <c r="P13" s="103">
        <v>4393138</v>
      </c>
      <c r="Q13" s="100">
        <v>0</v>
      </c>
      <c r="R13" s="104">
        <v>90569248</v>
      </c>
      <c r="S13" s="104">
        <v>95851825</v>
      </c>
      <c r="T13" s="104">
        <v>90348575</v>
      </c>
      <c r="U13" s="104">
        <v>123928845</v>
      </c>
      <c r="V13" s="104">
        <v>107302712</v>
      </c>
      <c r="W13" s="103">
        <v>508001205</v>
      </c>
      <c r="X13" s="106">
        <v>512394343</v>
      </c>
      <c r="Y13" s="100">
        <v>0</v>
      </c>
      <c r="Z13" s="104">
        <v>0</v>
      </c>
      <c r="AA13" s="103">
        <v>0</v>
      </c>
      <c r="AB13" s="100">
        <v>0</v>
      </c>
      <c r="AC13" s="104">
        <v>49869152</v>
      </c>
      <c r="AD13" s="104">
        <v>52444528</v>
      </c>
      <c r="AE13" s="104">
        <v>57192270</v>
      </c>
      <c r="AF13" s="104">
        <v>82052345</v>
      </c>
      <c r="AG13" s="104">
        <v>67634769</v>
      </c>
      <c r="AH13" s="103">
        <v>309193064</v>
      </c>
      <c r="AI13" s="106">
        <v>309193064</v>
      </c>
      <c r="AJ13" s="100">
        <v>0</v>
      </c>
      <c r="AK13" s="104">
        <v>0</v>
      </c>
      <c r="AL13" s="103">
        <v>0</v>
      </c>
      <c r="AM13" s="100">
        <v>0</v>
      </c>
      <c r="AN13" s="104">
        <v>539905</v>
      </c>
      <c r="AO13" s="104">
        <v>2594119</v>
      </c>
      <c r="AP13" s="104">
        <v>3026100</v>
      </c>
      <c r="AQ13" s="104">
        <v>7417199</v>
      </c>
      <c r="AR13" s="104">
        <v>11236380</v>
      </c>
      <c r="AS13" s="103">
        <v>24813703</v>
      </c>
      <c r="AT13" s="106">
        <v>24813703</v>
      </c>
      <c r="AU13" s="100">
        <v>514172</v>
      </c>
      <c r="AV13" s="104">
        <v>785717</v>
      </c>
      <c r="AW13" s="103">
        <v>1299889</v>
      </c>
      <c r="AX13" s="100">
        <v>0</v>
      </c>
      <c r="AY13" s="104">
        <v>22219464</v>
      </c>
      <c r="AZ13" s="104">
        <v>24682046</v>
      </c>
      <c r="BA13" s="104">
        <v>15803651</v>
      </c>
      <c r="BB13" s="104">
        <v>18811887</v>
      </c>
      <c r="BC13" s="104">
        <v>18287773</v>
      </c>
      <c r="BD13" s="103">
        <v>99804821</v>
      </c>
      <c r="BE13" s="106">
        <v>101104710</v>
      </c>
      <c r="BF13" s="100">
        <v>99335</v>
      </c>
      <c r="BG13" s="104">
        <v>271495</v>
      </c>
      <c r="BH13" s="102">
        <v>370830</v>
      </c>
      <c r="BI13" s="101">
        <v>0</v>
      </c>
      <c r="BJ13" s="104">
        <v>2464457</v>
      </c>
      <c r="BK13" s="104">
        <v>2786729</v>
      </c>
      <c r="BL13" s="104">
        <v>1985073</v>
      </c>
      <c r="BM13" s="104">
        <v>2075647</v>
      </c>
      <c r="BN13" s="104">
        <v>893605</v>
      </c>
      <c r="BO13" s="103">
        <v>10205511</v>
      </c>
      <c r="BP13" s="106">
        <v>10576341</v>
      </c>
      <c r="BQ13" s="100">
        <v>1637527</v>
      </c>
      <c r="BR13" s="104">
        <v>1084892</v>
      </c>
      <c r="BS13" s="103">
        <v>2722419</v>
      </c>
      <c r="BT13" s="100">
        <v>0</v>
      </c>
      <c r="BU13" s="104">
        <v>15476270</v>
      </c>
      <c r="BV13" s="104">
        <v>13344403</v>
      </c>
      <c r="BW13" s="104">
        <v>12341481</v>
      </c>
      <c r="BX13" s="104">
        <v>13571767</v>
      </c>
      <c r="BY13" s="104">
        <v>9250185</v>
      </c>
      <c r="BZ13" s="103">
        <v>63984106</v>
      </c>
      <c r="CA13" s="106">
        <v>66706525</v>
      </c>
      <c r="CB13" s="100">
        <v>1036557</v>
      </c>
      <c r="CC13" s="104">
        <v>2316860</v>
      </c>
      <c r="CD13" s="103">
        <v>3353417</v>
      </c>
      <c r="CE13" s="100">
        <v>0</v>
      </c>
      <c r="CF13" s="104">
        <v>102177560</v>
      </c>
      <c r="CG13" s="104">
        <v>90110849</v>
      </c>
      <c r="CH13" s="104">
        <v>57288543</v>
      </c>
      <c r="CI13" s="104">
        <v>38675751</v>
      </c>
      <c r="CJ13" s="104">
        <v>18548140</v>
      </c>
      <c r="CK13" s="103">
        <v>306800843</v>
      </c>
      <c r="CL13" s="106">
        <v>310154260</v>
      </c>
      <c r="CM13" s="100">
        <v>0</v>
      </c>
      <c r="CN13" s="104">
        <v>0</v>
      </c>
      <c r="CO13" s="103">
        <v>0</v>
      </c>
      <c r="CP13" s="101">
        <v>0</v>
      </c>
      <c r="CQ13" s="104">
        <v>87252980</v>
      </c>
      <c r="CR13" s="104">
        <v>74817310</v>
      </c>
      <c r="CS13" s="104">
        <v>45330792</v>
      </c>
      <c r="CT13" s="104">
        <v>31423873</v>
      </c>
      <c r="CU13" s="104">
        <v>15675891</v>
      </c>
      <c r="CV13" s="103">
        <v>254500846</v>
      </c>
      <c r="CW13" s="106">
        <v>254500846</v>
      </c>
      <c r="CX13" s="100">
        <v>1036557</v>
      </c>
      <c r="CY13" s="104">
        <v>2316860</v>
      </c>
      <c r="CZ13" s="103">
        <v>3353417</v>
      </c>
      <c r="DA13" s="100">
        <v>0</v>
      </c>
      <c r="DB13" s="104">
        <v>14924580</v>
      </c>
      <c r="DC13" s="104">
        <v>15293539</v>
      </c>
      <c r="DD13" s="104">
        <v>11957751</v>
      </c>
      <c r="DE13" s="104">
        <v>7251878</v>
      </c>
      <c r="DF13" s="104">
        <v>2872249</v>
      </c>
      <c r="DG13" s="103">
        <v>52299997</v>
      </c>
      <c r="DH13" s="106">
        <v>55653414</v>
      </c>
      <c r="DI13" s="100">
        <v>33070</v>
      </c>
      <c r="DJ13" s="104">
        <v>91768</v>
      </c>
      <c r="DK13" s="102">
        <v>124838</v>
      </c>
      <c r="DL13" s="101">
        <v>0</v>
      </c>
      <c r="DM13" s="104">
        <v>12735077</v>
      </c>
      <c r="DN13" s="104">
        <v>21949810</v>
      </c>
      <c r="DO13" s="104">
        <v>26165751</v>
      </c>
      <c r="DP13" s="104">
        <v>19216700</v>
      </c>
      <c r="DQ13" s="104">
        <v>9956002</v>
      </c>
      <c r="DR13" s="103">
        <v>90023340</v>
      </c>
      <c r="DS13" s="106">
        <v>90148178</v>
      </c>
      <c r="DT13" s="100">
        <v>33070</v>
      </c>
      <c r="DU13" s="104">
        <v>91768</v>
      </c>
      <c r="DV13" s="103">
        <v>124838</v>
      </c>
      <c r="DW13" s="100">
        <v>0</v>
      </c>
      <c r="DX13" s="104">
        <v>11973438</v>
      </c>
      <c r="DY13" s="104">
        <v>20887230</v>
      </c>
      <c r="DZ13" s="104">
        <v>24366107</v>
      </c>
      <c r="EA13" s="104">
        <v>17225912</v>
      </c>
      <c r="EB13" s="104">
        <v>9599000</v>
      </c>
      <c r="EC13" s="103">
        <v>84051687</v>
      </c>
      <c r="ED13" s="106">
        <v>84176525</v>
      </c>
      <c r="EE13" s="100">
        <v>0</v>
      </c>
      <c r="EF13" s="102">
        <v>0</v>
      </c>
      <c r="EG13" s="103">
        <v>0</v>
      </c>
      <c r="EH13" s="100">
        <v>0</v>
      </c>
      <c r="EI13" s="104">
        <v>761639</v>
      </c>
      <c r="EJ13" s="104">
        <v>1062580</v>
      </c>
      <c r="EK13" s="104">
        <v>1799644</v>
      </c>
      <c r="EL13" s="104">
        <v>1990788</v>
      </c>
      <c r="EM13" s="104">
        <v>357002</v>
      </c>
      <c r="EN13" s="102">
        <v>5971653</v>
      </c>
      <c r="EO13" s="106">
        <v>5971653</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3660690</v>
      </c>
      <c r="FM13" s="104">
        <v>5744840</v>
      </c>
      <c r="FN13" s="103">
        <v>9405530</v>
      </c>
      <c r="FO13" s="100">
        <v>0</v>
      </c>
      <c r="FP13" s="104">
        <v>15010330</v>
      </c>
      <c r="FQ13" s="104">
        <v>31995843</v>
      </c>
      <c r="FR13" s="104">
        <v>20690906</v>
      </c>
      <c r="FS13" s="104">
        <v>19538249</v>
      </c>
      <c r="FT13" s="104">
        <v>13169075</v>
      </c>
      <c r="FU13" s="103">
        <v>100404403</v>
      </c>
      <c r="FV13" s="106">
        <v>109809933</v>
      </c>
      <c r="FW13" s="105">
        <v>1530289</v>
      </c>
      <c r="FX13" s="104">
        <v>3450204</v>
      </c>
      <c r="FY13" s="102">
        <v>4980493</v>
      </c>
      <c r="FZ13" s="101">
        <v>0</v>
      </c>
      <c r="GA13" s="104">
        <v>12250929</v>
      </c>
      <c r="GB13" s="104">
        <v>28606507</v>
      </c>
      <c r="GC13" s="104">
        <v>19419370</v>
      </c>
      <c r="GD13" s="104">
        <v>18463664</v>
      </c>
      <c r="GE13" s="104">
        <v>12750084</v>
      </c>
      <c r="GF13" s="103">
        <v>91490554</v>
      </c>
      <c r="GG13" s="296">
        <v>96471047</v>
      </c>
      <c r="GH13" s="105">
        <v>233656</v>
      </c>
      <c r="GI13" s="104">
        <v>373634</v>
      </c>
      <c r="GJ13" s="102">
        <v>607290</v>
      </c>
      <c r="GK13" s="101">
        <v>0</v>
      </c>
      <c r="GL13" s="104">
        <v>478657</v>
      </c>
      <c r="GM13" s="104">
        <v>1064942</v>
      </c>
      <c r="GN13" s="104">
        <v>653686</v>
      </c>
      <c r="GO13" s="104">
        <v>738285</v>
      </c>
      <c r="GP13" s="104">
        <v>120681</v>
      </c>
      <c r="GQ13" s="103">
        <v>3056251</v>
      </c>
      <c r="GR13" s="106">
        <v>3663541</v>
      </c>
      <c r="GS13" s="100">
        <v>1896745</v>
      </c>
      <c r="GT13" s="104">
        <v>1921002</v>
      </c>
      <c r="GU13" s="103">
        <v>3817747</v>
      </c>
      <c r="GV13" s="100">
        <v>0</v>
      </c>
      <c r="GW13" s="104">
        <v>2280744</v>
      </c>
      <c r="GX13" s="104">
        <v>2324394</v>
      </c>
      <c r="GY13" s="104">
        <v>617850</v>
      </c>
      <c r="GZ13" s="104">
        <v>336300</v>
      </c>
      <c r="HA13" s="104">
        <v>298310</v>
      </c>
      <c r="HB13" s="102">
        <v>5857598</v>
      </c>
      <c r="HC13" s="106">
        <v>9675345</v>
      </c>
      <c r="HD13" s="100">
        <v>5418833</v>
      </c>
      <c r="HE13" s="104">
        <v>4916567</v>
      </c>
      <c r="HF13" s="102">
        <v>10335400</v>
      </c>
      <c r="HG13" s="101">
        <v>0</v>
      </c>
      <c r="HH13" s="104">
        <v>81269107</v>
      </c>
      <c r="HI13" s="104">
        <v>55057633</v>
      </c>
      <c r="HJ13" s="104">
        <v>53492812</v>
      </c>
      <c r="HK13" s="104">
        <v>60285394</v>
      </c>
      <c r="HL13" s="104">
        <v>37901760</v>
      </c>
      <c r="HM13" s="103">
        <v>288006706</v>
      </c>
      <c r="HN13" s="99">
        <v>298342106</v>
      </c>
      <c r="HO13" s="105">
        <v>2158437</v>
      </c>
      <c r="HP13" s="104">
        <v>3754027</v>
      </c>
      <c r="HQ13" s="103">
        <v>5912464</v>
      </c>
      <c r="HR13" s="100">
        <v>0</v>
      </c>
      <c r="HS13" s="104">
        <v>67274838</v>
      </c>
      <c r="HT13" s="104">
        <v>47189561</v>
      </c>
      <c r="HU13" s="104">
        <v>28152346</v>
      </c>
      <c r="HV13" s="104">
        <v>20685803</v>
      </c>
      <c r="HW13" s="104">
        <v>12050409</v>
      </c>
      <c r="HX13" s="102">
        <v>175352957</v>
      </c>
      <c r="HY13" s="106">
        <v>181265421</v>
      </c>
      <c r="HZ13" s="118">
        <v>137111</v>
      </c>
      <c r="IA13" s="119">
        <v>505568</v>
      </c>
      <c r="IB13" s="120">
        <v>642679</v>
      </c>
      <c r="IC13" s="133">
        <v>0</v>
      </c>
      <c r="ID13" s="119">
        <v>99983925</v>
      </c>
      <c r="IE13" s="134">
        <v>102403248</v>
      </c>
      <c r="IF13" s="120">
        <v>94969249</v>
      </c>
      <c r="IG13" s="119">
        <v>67978541</v>
      </c>
      <c r="IH13" s="120">
        <v>45471461</v>
      </c>
      <c r="II13" s="135">
        <v>410806424</v>
      </c>
      <c r="IJ13" s="126">
        <v>411449103</v>
      </c>
      <c r="IK13" s="219">
        <v>0</v>
      </c>
      <c r="IL13" s="223">
        <v>0</v>
      </c>
      <c r="IM13" s="224">
        <v>0</v>
      </c>
      <c r="IN13" s="127"/>
      <c r="IO13" s="109">
        <v>673597</v>
      </c>
      <c r="IP13" s="109">
        <v>1026470</v>
      </c>
      <c r="IQ13" s="109">
        <v>1469223</v>
      </c>
      <c r="IR13" s="109">
        <v>2700983</v>
      </c>
      <c r="IS13" s="109">
        <v>1285751</v>
      </c>
      <c r="IT13" s="128">
        <v>7156024</v>
      </c>
      <c r="IU13" s="298">
        <v>7156024</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53012900</v>
      </c>
      <c r="JL13" s="109">
        <v>41772864</v>
      </c>
      <c r="JM13" s="109">
        <v>25504445</v>
      </c>
      <c r="JN13" s="109">
        <v>11178620</v>
      </c>
      <c r="JO13" s="109">
        <v>6102492</v>
      </c>
      <c r="JP13" s="110">
        <v>137571321</v>
      </c>
      <c r="JQ13" s="298">
        <v>137571321</v>
      </c>
      <c r="JR13" s="129">
        <v>0</v>
      </c>
      <c r="JS13" s="109">
        <v>0</v>
      </c>
      <c r="JT13" s="128">
        <v>0</v>
      </c>
      <c r="JU13" s="108">
        <v>0</v>
      </c>
      <c r="JV13" s="109">
        <v>7872116</v>
      </c>
      <c r="JW13" s="109">
        <v>11504993</v>
      </c>
      <c r="JX13" s="109">
        <v>13047941</v>
      </c>
      <c r="JY13" s="109">
        <v>6056143</v>
      </c>
      <c r="JZ13" s="109">
        <v>3062925</v>
      </c>
      <c r="KA13" s="110">
        <v>41544118</v>
      </c>
      <c r="KB13" s="298">
        <v>41544118</v>
      </c>
      <c r="KC13" s="221">
        <v>137111</v>
      </c>
      <c r="KD13" s="217">
        <v>250712</v>
      </c>
      <c r="KE13" s="110">
        <v>387823</v>
      </c>
      <c r="KF13" s="108">
        <v>0</v>
      </c>
      <c r="KG13" s="109">
        <v>5173966</v>
      </c>
      <c r="KH13" s="109">
        <v>6701658</v>
      </c>
      <c r="KI13" s="109">
        <v>9020022</v>
      </c>
      <c r="KJ13" s="109">
        <v>6342111</v>
      </c>
      <c r="KK13" s="109">
        <v>2848168</v>
      </c>
      <c r="KL13" s="110">
        <v>30085925</v>
      </c>
      <c r="KM13" s="130">
        <v>30473748</v>
      </c>
      <c r="KN13" s="219">
        <v>0</v>
      </c>
      <c r="KO13" s="223">
        <v>254856</v>
      </c>
      <c r="KP13" s="224">
        <v>254856</v>
      </c>
      <c r="KQ13" s="127"/>
      <c r="KR13" s="109">
        <v>31846446</v>
      </c>
      <c r="KS13" s="109">
        <v>40384304</v>
      </c>
      <c r="KT13" s="109">
        <v>44330000</v>
      </c>
      <c r="KU13" s="109">
        <v>38917364</v>
      </c>
      <c r="KV13" s="109">
        <v>22986158</v>
      </c>
      <c r="KW13" s="110">
        <v>178464272</v>
      </c>
      <c r="KX13" s="298">
        <v>178719128</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1404900</v>
      </c>
      <c r="LZ13" s="109">
        <v>1012959</v>
      </c>
      <c r="MA13" s="109">
        <v>1597618</v>
      </c>
      <c r="MB13" s="109">
        <v>2783320</v>
      </c>
      <c r="MC13" s="109">
        <v>9185967</v>
      </c>
      <c r="MD13" s="110">
        <v>15984764</v>
      </c>
      <c r="ME13" s="111">
        <v>15984764</v>
      </c>
      <c r="MF13" s="129">
        <v>0</v>
      </c>
      <c r="MG13" s="109">
        <v>0</v>
      </c>
      <c r="MH13" s="110">
        <v>0</v>
      </c>
      <c r="MI13" s="132"/>
      <c r="MJ13" s="109">
        <v>43840946</v>
      </c>
      <c r="MK13" s="109">
        <v>64477062</v>
      </c>
      <c r="ML13" s="109">
        <v>231543960</v>
      </c>
      <c r="MM13" s="109">
        <v>342076978</v>
      </c>
      <c r="MN13" s="109">
        <v>204655637</v>
      </c>
      <c r="MO13" s="110">
        <v>886594583</v>
      </c>
      <c r="MP13" s="130">
        <v>886594583</v>
      </c>
      <c r="MQ13" s="129">
        <v>0</v>
      </c>
      <c r="MR13" s="109">
        <v>0</v>
      </c>
      <c r="MS13" s="110">
        <v>0</v>
      </c>
      <c r="MT13" s="132"/>
      <c r="MU13" s="109">
        <v>5107194</v>
      </c>
      <c r="MV13" s="109">
        <v>9209024</v>
      </c>
      <c r="MW13" s="109">
        <v>148086818</v>
      </c>
      <c r="MX13" s="109">
        <v>250236168</v>
      </c>
      <c r="MY13" s="109">
        <v>165172290</v>
      </c>
      <c r="MZ13" s="110">
        <v>577811494</v>
      </c>
      <c r="NA13" s="130">
        <v>577811494</v>
      </c>
      <c r="NB13" s="129">
        <v>0</v>
      </c>
      <c r="NC13" s="109">
        <v>0</v>
      </c>
      <c r="ND13" s="110">
        <v>0</v>
      </c>
      <c r="NE13" s="132"/>
      <c r="NF13" s="109">
        <v>38733752</v>
      </c>
      <c r="NG13" s="109">
        <v>55268038</v>
      </c>
      <c r="NH13" s="109">
        <v>82418835</v>
      </c>
      <c r="NI13" s="109">
        <v>90318886</v>
      </c>
      <c r="NJ13" s="109">
        <v>38359148</v>
      </c>
      <c r="NK13" s="110">
        <v>305098659</v>
      </c>
      <c r="NL13" s="298">
        <v>305098659</v>
      </c>
      <c r="NM13" s="129">
        <v>0</v>
      </c>
      <c r="NN13" s="109">
        <v>0</v>
      </c>
      <c r="NO13" s="110">
        <v>0</v>
      </c>
      <c r="NP13" s="132"/>
      <c r="NQ13" s="109">
        <v>0</v>
      </c>
      <c r="NR13" s="109">
        <v>0</v>
      </c>
      <c r="NS13" s="109">
        <v>0</v>
      </c>
      <c r="NT13" s="109">
        <v>347904</v>
      </c>
      <c r="NU13" s="109">
        <v>750501</v>
      </c>
      <c r="NV13" s="110">
        <v>1098405</v>
      </c>
      <c r="NW13" s="111">
        <v>1098405</v>
      </c>
      <c r="NX13" s="129">
        <v>0</v>
      </c>
      <c r="NY13" s="109">
        <v>0</v>
      </c>
      <c r="NZ13" s="110">
        <v>0</v>
      </c>
      <c r="OA13" s="132"/>
      <c r="OB13" s="109">
        <v>0</v>
      </c>
      <c r="OC13" s="109">
        <v>0</v>
      </c>
      <c r="OD13" s="109">
        <v>1038307</v>
      </c>
      <c r="OE13" s="109">
        <v>1174020</v>
      </c>
      <c r="OF13" s="109">
        <v>373698</v>
      </c>
      <c r="OG13" s="110">
        <v>2586025</v>
      </c>
      <c r="OH13" s="111">
        <v>2586025</v>
      </c>
      <c r="OI13" s="129">
        <v>14695732</v>
      </c>
      <c r="OJ13" s="109">
        <v>19471734</v>
      </c>
      <c r="OK13" s="128">
        <v>34167466</v>
      </c>
      <c r="OL13" s="108">
        <v>0</v>
      </c>
      <c r="OM13" s="109">
        <v>512861031</v>
      </c>
      <c r="ON13" s="109">
        <v>509035831</v>
      </c>
      <c r="OO13" s="109">
        <v>602652142</v>
      </c>
      <c r="OP13" s="109">
        <v>692386261</v>
      </c>
      <c r="OQ13" s="109">
        <v>449055196</v>
      </c>
      <c r="OR13" s="110">
        <v>2765990461</v>
      </c>
      <c r="OS13" s="130">
        <v>2800157927</v>
      </c>
    </row>
    <row r="14" spans="1:409" ht="21" customHeight="1" x14ac:dyDescent="0.2">
      <c r="B14" s="472" t="s">
        <v>8</v>
      </c>
      <c r="C14" s="100">
        <v>12850941</v>
      </c>
      <c r="D14" s="104">
        <v>16390867</v>
      </c>
      <c r="E14" s="103">
        <v>29241808</v>
      </c>
      <c r="F14" s="99">
        <v>0</v>
      </c>
      <c r="G14" s="104">
        <v>153773669</v>
      </c>
      <c r="H14" s="104">
        <v>216522317</v>
      </c>
      <c r="I14" s="104">
        <v>194019013</v>
      </c>
      <c r="J14" s="104">
        <v>177569336</v>
      </c>
      <c r="K14" s="104">
        <v>134742562</v>
      </c>
      <c r="L14" s="99">
        <v>876626897</v>
      </c>
      <c r="M14" s="106">
        <v>905868705</v>
      </c>
      <c r="N14" s="100">
        <v>2419523</v>
      </c>
      <c r="O14" s="104">
        <v>3365123</v>
      </c>
      <c r="P14" s="103">
        <v>5784646</v>
      </c>
      <c r="Q14" s="100">
        <v>0</v>
      </c>
      <c r="R14" s="104">
        <v>42143102</v>
      </c>
      <c r="S14" s="104">
        <v>69804163</v>
      </c>
      <c r="T14" s="104">
        <v>65003392</v>
      </c>
      <c r="U14" s="104">
        <v>72041926</v>
      </c>
      <c r="V14" s="104">
        <v>73822656</v>
      </c>
      <c r="W14" s="103">
        <v>322815239</v>
      </c>
      <c r="X14" s="106">
        <v>328599885</v>
      </c>
      <c r="Y14" s="100">
        <v>0</v>
      </c>
      <c r="Z14" s="104">
        <v>0</v>
      </c>
      <c r="AA14" s="103">
        <v>0</v>
      </c>
      <c r="AB14" s="100">
        <v>0</v>
      </c>
      <c r="AC14" s="104">
        <v>21392692</v>
      </c>
      <c r="AD14" s="104">
        <v>39095212</v>
      </c>
      <c r="AE14" s="104">
        <v>41605133</v>
      </c>
      <c r="AF14" s="104">
        <v>47079197</v>
      </c>
      <c r="AG14" s="104">
        <v>48127320</v>
      </c>
      <c r="AH14" s="103">
        <v>197299554</v>
      </c>
      <c r="AI14" s="106">
        <v>197299554</v>
      </c>
      <c r="AJ14" s="100">
        <v>0</v>
      </c>
      <c r="AK14" s="104">
        <v>0</v>
      </c>
      <c r="AL14" s="103">
        <v>0</v>
      </c>
      <c r="AM14" s="100">
        <v>0</v>
      </c>
      <c r="AN14" s="104">
        <v>185894</v>
      </c>
      <c r="AO14" s="104">
        <v>1383090</v>
      </c>
      <c r="AP14" s="104">
        <v>1608074</v>
      </c>
      <c r="AQ14" s="104">
        <v>3993456</v>
      </c>
      <c r="AR14" s="104">
        <v>6967548</v>
      </c>
      <c r="AS14" s="103">
        <v>14138062</v>
      </c>
      <c r="AT14" s="106">
        <v>14138062</v>
      </c>
      <c r="AU14" s="100">
        <v>1330244</v>
      </c>
      <c r="AV14" s="104">
        <v>2083765</v>
      </c>
      <c r="AW14" s="103">
        <v>3414009</v>
      </c>
      <c r="AX14" s="100">
        <v>0</v>
      </c>
      <c r="AY14" s="104">
        <v>11876133</v>
      </c>
      <c r="AZ14" s="104">
        <v>18310679</v>
      </c>
      <c r="BA14" s="104">
        <v>12603537</v>
      </c>
      <c r="BB14" s="104">
        <v>11772949</v>
      </c>
      <c r="BC14" s="104">
        <v>12342979</v>
      </c>
      <c r="BD14" s="103">
        <v>66906277</v>
      </c>
      <c r="BE14" s="106">
        <v>70320286</v>
      </c>
      <c r="BF14" s="100">
        <v>264606</v>
      </c>
      <c r="BG14" s="104">
        <v>725490</v>
      </c>
      <c r="BH14" s="102">
        <v>990096</v>
      </c>
      <c r="BI14" s="101">
        <v>0</v>
      </c>
      <c r="BJ14" s="104">
        <v>2819293</v>
      </c>
      <c r="BK14" s="104">
        <v>3482558</v>
      </c>
      <c r="BL14" s="104">
        <v>1927362</v>
      </c>
      <c r="BM14" s="104">
        <v>1716663</v>
      </c>
      <c r="BN14" s="104">
        <v>815592</v>
      </c>
      <c r="BO14" s="103">
        <v>10761468</v>
      </c>
      <c r="BP14" s="106">
        <v>11751564</v>
      </c>
      <c r="BQ14" s="100">
        <v>824673</v>
      </c>
      <c r="BR14" s="104">
        <v>555868</v>
      </c>
      <c r="BS14" s="103">
        <v>1380541</v>
      </c>
      <c r="BT14" s="100">
        <v>0</v>
      </c>
      <c r="BU14" s="104">
        <v>5869090</v>
      </c>
      <c r="BV14" s="104">
        <v>7532624</v>
      </c>
      <c r="BW14" s="104">
        <v>7259286</v>
      </c>
      <c r="BX14" s="104">
        <v>7479661</v>
      </c>
      <c r="BY14" s="104">
        <v>5569217</v>
      </c>
      <c r="BZ14" s="103">
        <v>33709878</v>
      </c>
      <c r="CA14" s="106">
        <v>35090419</v>
      </c>
      <c r="CB14" s="100">
        <v>1144173</v>
      </c>
      <c r="CC14" s="104">
        <v>2573865</v>
      </c>
      <c r="CD14" s="103">
        <v>3718038</v>
      </c>
      <c r="CE14" s="100">
        <v>0</v>
      </c>
      <c r="CF14" s="104">
        <v>42790459</v>
      </c>
      <c r="CG14" s="104">
        <v>60489045</v>
      </c>
      <c r="CH14" s="104">
        <v>45493948</v>
      </c>
      <c r="CI14" s="104">
        <v>31399517</v>
      </c>
      <c r="CJ14" s="104">
        <v>19357089</v>
      </c>
      <c r="CK14" s="103">
        <v>199530058</v>
      </c>
      <c r="CL14" s="106">
        <v>203248096</v>
      </c>
      <c r="CM14" s="100">
        <v>0</v>
      </c>
      <c r="CN14" s="104">
        <v>0</v>
      </c>
      <c r="CO14" s="103">
        <v>0</v>
      </c>
      <c r="CP14" s="101">
        <v>0</v>
      </c>
      <c r="CQ14" s="104">
        <v>35994396</v>
      </c>
      <c r="CR14" s="104">
        <v>49153510</v>
      </c>
      <c r="CS14" s="104">
        <v>37346216</v>
      </c>
      <c r="CT14" s="104">
        <v>25609829</v>
      </c>
      <c r="CU14" s="104">
        <v>17539493</v>
      </c>
      <c r="CV14" s="103">
        <v>165643444</v>
      </c>
      <c r="CW14" s="106">
        <v>165643444</v>
      </c>
      <c r="CX14" s="100">
        <v>1144173</v>
      </c>
      <c r="CY14" s="104">
        <v>2573865</v>
      </c>
      <c r="CZ14" s="103">
        <v>3718038</v>
      </c>
      <c r="DA14" s="100">
        <v>0</v>
      </c>
      <c r="DB14" s="104">
        <v>6796063</v>
      </c>
      <c r="DC14" s="104">
        <v>11335535</v>
      </c>
      <c r="DD14" s="104">
        <v>8147732</v>
      </c>
      <c r="DE14" s="104">
        <v>5789688</v>
      </c>
      <c r="DF14" s="104">
        <v>1817596</v>
      </c>
      <c r="DG14" s="103">
        <v>33886614</v>
      </c>
      <c r="DH14" s="106">
        <v>37604652</v>
      </c>
      <c r="DI14" s="100">
        <v>43294</v>
      </c>
      <c r="DJ14" s="104">
        <v>372784</v>
      </c>
      <c r="DK14" s="102">
        <v>416078</v>
      </c>
      <c r="DL14" s="101">
        <v>0</v>
      </c>
      <c r="DM14" s="104">
        <v>4743148</v>
      </c>
      <c r="DN14" s="104">
        <v>12049514</v>
      </c>
      <c r="DO14" s="104">
        <v>27651458</v>
      </c>
      <c r="DP14" s="104">
        <v>17190564</v>
      </c>
      <c r="DQ14" s="104">
        <v>5768927</v>
      </c>
      <c r="DR14" s="103">
        <v>67403611</v>
      </c>
      <c r="DS14" s="106">
        <v>67819689</v>
      </c>
      <c r="DT14" s="100">
        <v>43294</v>
      </c>
      <c r="DU14" s="104">
        <v>372784</v>
      </c>
      <c r="DV14" s="103">
        <v>416078</v>
      </c>
      <c r="DW14" s="100">
        <v>0</v>
      </c>
      <c r="DX14" s="104">
        <v>4429901</v>
      </c>
      <c r="DY14" s="104">
        <v>11805892</v>
      </c>
      <c r="DZ14" s="104">
        <v>26816670</v>
      </c>
      <c r="EA14" s="104">
        <v>16626759</v>
      </c>
      <c r="EB14" s="104">
        <v>5687659</v>
      </c>
      <c r="EC14" s="103">
        <v>65366881</v>
      </c>
      <c r="ED14" s="106">
        <v>65782959</v>
      </c>
      <c r="EE14" s="100">
        <v>0</v>
      </c>
      <c r="EF14" s="102">
        <v>0</v>
      </c>
      <c r="EG14" s="103">
        <v>0</v>
      </c>
      <c r="EH14" s="100">
        <v>0</v>
      </c>
      <c r="EI14" s="104">
        <v>313247</v>
      </c>
      <c r="EJ14" s="104">
        <v>243622</v>
      </c>
      <c r="EK14" s="104">
        <v>834788</v>
      </c>
      <c r="EL14" s="104">
        <v>563805</v>
      </c>
      <c r="EM14" s="104">
        <v>81268</v>
      </c>
      <c r="EN14" s="102">
        <v>2036730</v>
      </c>
      <c r="EO14" s="106">
        <v>2036730</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3289854</v>
      </c>
      <c r="FM14" s="104">
        <v>4868455</v>
      </c>
      <c r="FN14" s="103">
        <v>8158309</v>
      </c>
      <c r="FO14" s="100">
        <v>0</v>
      </c>
      <c r="FP14" s="104">
        <v>9313832</v>
      </c>
      <c r="FQ14" s="104">
        <v>21888657</v>
      </c>
      <c r="FR14" s="104">
        <v>15828717</v>
      </c>
      <c r="FS14" s="104">
        <v>13155673</v>
      </c>
      <c r="FT14" s="104">
        <v>9471957</v>
      </c>
      <c r="FU14" s="103">
        <v>69658836</v>
      </c>
      <c r="FV14" s="106">
        <v>77817145</v>
      </c>
      <c r="FW14" s="105">
        <v>2207545</v>
      </c>
      <c r="FX14" s="104">
        <v>3864213</v>
      </c>
      <c r="FY14" s="102">
        <v>6071758</v>
      </c>
      <c r="FZ14" s="101">
        <v>0</v>
      </c>
      <c r="GA14" s="104">
        <v>7748344</v>
      </c>
      <c r="GB14" s="104">
        <v>20608646</v>
      </c>
      <c r="GC14" s="104">
        <v>14811100</v>
      </c>
      <c r="GD14" s="104">
        <v>12162800</v>
      </c>
      <c r="GE14" s="104">
        <v>9139056</v>
      </c>
      <c r="GF14" s="103">
        <v>64469946</v>
      </c>
      <c r="GG14" s="296">
        <v>70541704</v>
      </c>
      <c r="GH14" s="105">
        <v>109078</v>
      </c>
      <c r="GI14" s="104">
        <v>258465</v>
      </c>
      <c r="GJ14" s="102">
        <v>367543</v>
      </c>
      <c r="GK14" s="101">
        <v>0</v>
      </c>
      <c r="GL14" s="104">
        <v>351469</v>
      </c>
      <c r="GM14" s="104">
        <v>503784</v>
      </c>
      <c r="GN14" s="104">
        <v>330863</v>
      </c>
      <c r="GO14" s="104">
        <v>470272</v>
      </c>
      <c r="GP14" s="104">
        <v>152901</v>
      </c>
      <c r="GQ14" s="103">
        <v>1809289</v>
      </c>
      <c r="GR14" s="106">
        <v>2176832</v>
      </c>
      <c r="GS14" s="100">
        <v>973231</v>
      </c>
      <c r="GT14" s="104">
        <v>745777</v>
      </c>
      <c r="GU14" s="103">
        <v>1719008</v>
      </c>
      <c r="GV14" s="100">
        <v>0</v>
      </c>
      <c r="GW14" s="104">
        <v>1214019</v>
      </c>
      <c r="GX14" s="104">
        <v>776227</v>
      </c>
      <c r="GY14" s="104">
        <v>686754</v>
      </c>
      <c r="GZ14" s="104">
        <v>522601</v>
      </c>
      <c r="HA14" s="104">
        <v>180000</v>
      </c>
      <c r="HB14" s="102">
        <v>3379601</v>
      </c>
      <c r="HC14" s="106">
        <v>5098609</v>
      </c>
      <c r="HD14" s="100">
        <v>3461972</v>
      </c>
      <c r="HE14" s="104">
        <v>1922614</v>
      </c>
      <c r="HF14" s="102">
        <v>5384586</v>
      </c>
      <c r="HG14" s="101">
        <v>0</v>
      </c>
      <c r="HH14" s="104">
        <v>26759185</v>
      </c>
      <c r="HI14" s="104">
        <v>23230261</v>
      </c>
      <c r="HJ14" s="104">
        <v>20508506</v>
      </c>
      <c r="HK14" s="104">
        <v>31442722</v>
      </c>
      <c r="HL14" s="104">
        <v>19112291</v>
      </c>
      <c r="HM14" s="103">
        <v>121052965</v>
      </c>
      <c r="HN14" s="99">
        <v>126437551</v>
      </c>
      <c r="HO14" s="105">
        <v>2492125</v>
      </c>
      <c r="HP14" s="104">
        <v>3288026</v>
      </c>
      <c r="HQ14" s="103">
        <v>5780151</v>
      </c>
      <c r="HR14" s="100">
        <v>0</v>
      </c>
      <c r="HS14" s="104">
        <v>28023943</v>
      </c>
      <c r="HT14" s="104">
        <v>29060677</v>
      </c>
      <c r="HU14" s="104">
        <v>19532992</v>
      </c>
      <c r="HV14" s="104">
        <v>12338934</v>
      </c>
      <c r="HW14" s="104">
        <v>7209642</v>
      </c>
      <c r="HX14" s="102">
        <v>96166188</v>
      </c>
      <c r="HY14" s="106">
        <v>101946339</v>
      </c>
      <c r="HZ14" s="118">
        <v>450956</v>
      </c>
      <c r="IA14" s="119">
        <v>1086503</v>
      </c>
      <c r="IB14" s="120">
        <v>1537459</v>
      </c>
      <c r="IC14" s="121">
        <v>0</v>
      </c>
      <c r="ID14" s="122">
        <v>56467736</v>
      </c>
      <c r="IE14" s="123">
        <v>68105086</v>
      </c>
      <c r="IF14" s="124">
        <v>69019651</v>
      </c>
      <c r="IG14" s="122">
        <v>55600891</v>
      </c>
      <c r="IH14" s="124">
        <v>27412402</v>
      </c>
      <c r="II14" s="125">
        <v>276605766</v>
      </c>
      <c r="IJ14" s="126">
        <v>278143225</v>
      </c>
      <c r="IK14" s="219">
        <v>0</v>
      </c>
      <c r="IL14" s="223">
        <v>0</v>
      </c>
      <c r="IM14" s="224">
        <v>0</v>
      </c>
      <c r="IN14" s="127"/>
      <c r="IO14" s="109">
        <v>443900</v>
      </c>
      <c r="IP14" s="109">
        <v>610624</v>
      </c>
      <c r="IQ14" s="109">
        <v>224676</v>
      </c>
      <c r="IR14" s="109">
        <v>1073234</v>
      </c>
      <c r="IS14" s="109">
        <v>370224</v>
      </c>
      <c r="IT14" s="128">
        <v>2722658</v>
      </c>
      <c r="IU14" s="298">
        <v>2722658</v>
      </c>
      <c r="IV14" s="129">
        <v>0</v>
      </c>
      <c r="IW14" s="109">
        <v>0</v>
      </c>
      <c r="IX14" s="110">
        <v>0</v>
      </c>
      <c r="IY14" s="131"/>
      <c r="IZ14" s="109">
        <v>38538</v>
      </c>
      <c r="JA14" s="109">
        <v>42062</v>
      </c>
      <c r="JB14" s="109">
        <v>0</v>
      </c>
      <c r="JC14" s="109">
        <v>33665</v>
      </c>
      <c r="JD14" s="109">
        <v>73725</v>
      </c>
      <c r="JE14" s="110">
        <v>187990</v>
      </c>
      <c r="JF14" s="111">
        <v>187990</v>
      </c>
      <c r="JG14" s="129">
        <v>0</v>
      </c>
      <c r="JH14" s="109">
        <v>0</v>
      </c>
      <c r="JI14" s="128">
        <v>0</v>
      </c>
      <c r="JJ14" s="108">
        <v>0</v>
      </c>
      <c r="JK14" s="109">
        <v>28719008</v>
      </c>
      <c r="JL14" s="109">
        <v>34313557</v>
      </c>
      <c r="JM14" s="109">
        <v>23285294</v>
      </c>
      <c r="JN14" s="109">
        <v>12505330</v>
      </c>
      <c r="JO14" s="109">
        <v>5753110</v>
      </c>
      <c r="JP14" s="110">
        <v>104576299</v>
      </c>
      <c r="JQ14" s="298">
        <v>104576299</v>
      </c>
      <c r="JR14" s="129">
        <v>0</v>
      </c>
      <c r="JS14" s="109">
        <v>0</v>
      </c>
      <c r="JT14" s="128">
        <v>0</v>
      </c>
      <c r="JU14" s="108">
        <v>0</v>
      </c>
      <c r="JV14" s="109">
        <v>676455</v>
      </c>
      <c r="JW14" s="109">
        <v>994936</v>
      </c>
      <c r="JX14" s="109">
        <v>1289118</v>
      </c>
      <c r="JY14" s="109">
        <v>1488869</v>
      </c>
      <c r="JZ14" s="109">
        <v>1583426</v>
      </c>
      <c r="KA14" s="110">
        <v>6032804</v>
      </c>
      <c r="KB14" s="298">
        <v>6032804</v>
      </c>
      <c r="KC14" s="221">
        <v>450956</v>
      </c>
      <c r="KD14" s="217">
        <v>1086503</v>
      </c>
      <c r="KE14" s="110">
        <v>1537459</v>
      </c>
      <c r="KF14" s="108">
        <v>0</v>
      </c>
      <c r="KG14" s="109">
        <v>9691794</v>
      </c>
      <c r="KH14" s="109">
        <v>9856001</v>
      </c>
      <c r="KI14" s="109">
        <v>12626465</v>
      </c>
      <c r="KJ14" s="109">
        <v>7459228</v>
      </c>
      <c r="KK14" s="109">
        <v>3686685</v>
      </c>
      <c r="KL14" s="110">
        <v>43320173</v>
      </c>
      <c r="KM14" s="130">
        <v>44857632</v>
      </c>
      <c r="KN14" s="219">
        <v>0</v>
      </c>
      <c r="KO14" s="223">
        <v>0</v>
      </c>
      <c r="KP14" s="224">
        <v>0</v>
      </c>
      <c r="KQ14" s="127"/>
      <c r="KR14" s="109">
        <v>14952600</v>
      </c>
      <c r="KS14" s="109">
        <v>18181814</v>
      </c>
      <c r="KT14" s="109">
        <v>21691918</v>
      </c>
      <c r="KU14" s="109">
        <v>19829031</v>
      </c>
      <c r="KV14" s="109">
        <v>9823163</v>
      </c>
      <c r="KW14" s="110">
        <v>84478526</v>
      </c>
      <c r="KX14" s="298">
        <v>84478526</v>
      </c>
      <c r="KY14" s="129">
        <v>0</v>
      </c>
      <c r="KZ14" s="109">
        <v>0</v>
      </c>
      <c r="LA14" s="110">
        <v>0</v>
      </c>
      <c r="LB14" s="132"/>
      <c r="LC14" s="109">
        <v>359984</v>
      </c>
      <c r="LD14" s="109">
        <v>1621618</v>
      </c>
      <c r="LE14" s="109">
        <v>2800414</v>
      </c>
      <c r="LF14" s="109">
        <v>3782905</v>
      </c>
      <c r="LG14" s="109">
        <v>1346471</v>
      </c>
      <c r="LH14" s="110">
        <v>9911392</v>
      </c>
      <c r="LI14" s="111">
        <v>9911392</v>
      </c>
      <c r="LJ14" s="129">
        <v>0</v>
      </c>
      <c r="LK14" s="109">
        <v>0</v>
      </c>
      <c r="LL14" s="110">
        <v>0</v>
      </c>
      <c r="LM14" s="132"/>
      <c r="LN14" s="109">
        <v>0</v>
      </c>
      <c r="LO14" s="109">
        <v>233901</v>
      </c>
      <c r="LP14" s="109">
        <v>2483772</v>
      </c>
      <c r="LQ14" s="109">
        <v>5657598</v>
      </c>
      <c r="LR14" s="109">
        <v>3432344</v>
      </c>
      <c r="LS14" s="110">
        <v>11807615</v>
      </c>
      <c r="LT14" s="298">
        <v>11807615</v>
      </c>
      <c r="LU14" s="129">
        <v>0</v>
      </c>
      <c r="LV14" s="109">
        <v>0</v>
      </c>
      <c r="LW14" s="110">
        <v>0</v>
      </c>
      <c r="LX14" s="132"/>
      <c r="LY14" s="109">
        <v>1585457</v>
      </c>
      <c r="LZ14" s="109">
        <v>2250573</v>
      </c>
      <c r="MA14" s="109">
        <v>4617994</v>
      </c>
      <c r="MB14" s="109">
        <v>3771031</v>
      </c>
      <c r="MC14" s="109">
        <v>1343254</v>
      </c>
      <c r="MD14" s="110">
        <v>13568309</v>
      </c>
      <c r="ME14" s="111">
        <v>13568309</v>
      </c>
      <c r="MF14" s="129">
        <v>0</v>
      </c>
      <c r="MG14" s="109">
        <v>0</v>
      </c>
      <c r="MH14" s="110">
        <v>0</v>
      </c>
      <c r="MI14" s="132"/>
      <c r="MJ14" s="109">
        <v>15105662</v>
      </c>
      <c r="MK14" s="109">
        <v>40622216</v>
      </c>
      <c r="ML14" s="109">
        <v>143305591</v>
      </c>
      <c r="MM14" s="109">
        <v>162185850</v>
      </c>
      <c r="MN14" s="109">
        <v>100831898</v>
      </c>
      <c r="MO14" s="110">
        <v>462051217</v>
      </c>
      <c r="MP14" s="130">
        <v>462051217</v>
      </c>
      <c r="MQ14" s="129">
        <v>0</v>
      </c>
      <c r="MR14" s="109">
        <v>0</v>
      </c>
      <c r="MS14" s="110">
        <v>0</v>
      </c>
      <c r="MT14" s="132"/>
      <c r="MU14" s="109">
        <v>3288505</v>
      </c>
      <c r="MV14" s="109">
        <v>14428439</v>
      </c>
      <c r="MW14" s="109">
        <v>95534093</v>
      </c>
      <c r="MX14" s="109">
        <v>116894688</v>
      </c>
      <c r="MY14" s="109">
        <v>72255230</v>
      </c>
      <c r="MZ14" s="110">
        <v>302400955</v>
      </c>
      <c r="NA14" s="130">
        <v>302400955</v>
      </c>
      <c r="NB14" s="129">
        <v>0</v>
      </c>
      <c r="NC14" s="109">
        <v>0</v>
      </c>
      <c r="ND14" s="110">
        <v>0</v>
      </c>
      <c r="NE14" s="132"/>
      <c r="NF14" s="109">
        <v>11591743</v>
      </c>
      <c r="NG14" s="109">
        <v>25957553</v>
      </c>
      <c r="NH14" s="109">
        <v>46537389</v>
      </c>
      <c r="NI14" s="109">
        <v>43080982</v>
      </c>
      <c r="NJ14" s="109">
        <v>25711442</v>
      </c>
      <c r="NK14" s="110">
        <v>152879109</v>
      </c>
      <c r="NL14" s="298">
        <v>152879109</v>
      </c>
      <c r="NM14" s="129">
        <v>0</v>
      </c>
      <c r="NN14" s="109">
        <v>0</v>
      </c>
      <c r="NO14" s="110">
        <v>0</v>
      </c>
      <c r="NP14" s="132"/>
      <c r="NQ14" s="109">
        <v>0</v>
      </c>
      <c r="NR14" s="109">
        <v>0</v>
      </c>
      <c r="NS14" s="109">
        <v>0</v>
      </c>
      <c r="NT14" s="109">
        <v>356531</v>
      </c>
      <c r="NU14" s="109">
        <v>0</v>
      </c>
      <c r="NV14" s="110">
        <v>356531</v>
      </c>
      <c r="NW14" s="111">
        <v>356531</v>
      </c>
      <c r="NX14" s="129">
        <v>0</v>
      </c>
      <c r="NY14" s="109">
        <v>0</v>
      </c>
      <c r="NZ14" s="110">
        <v>0</v>
      </c>
      <c r="OA14" s="132"/>
      <c r="OB14" s="109">
        <v>225414</v>
      </c>
      <c r="OC14" s="109">
        <v>236224</v>
      </c>
      <c r="OD14" s="109">
        <v>1234109</v>
      </c>
      <c r="OE14" s="109">
        <v>1853649</v>
      </c>
      <c r="OF14" s="109">
        <v>2865226</v>
      </c>
      <c r="OG14" s="110">
        <v>6414622</v>
      </c>
      <c r="OH14" s="111">
        <v>6414622</v>
      </c>
      <c r="OI14" s="129">
        <v>13301897</v>
      </c>
      <c r="OJ14" s="109">
        <v>17477370</v>
      </c>
      <c r="OK14" s="128">
        <v>30779267</v>
      </c>
      <c r="OL14" s="108">
        <v>0</v>
      </c>
      <c r="OM14" s="109">
        <v>225347067</v>
      </c>
      <c r="ON14" s="109">
        <v>325249619</v>
      </c>
      <c r="OO14" s="109">
        <v>406344255</v>
      </c>
      <c r="OP14" s="109">
        <v>395356077</v>
      </c>
      <c r="OQ14" s="109">
        <v>262986862</v>
      </c>
      <c r="OR14" s="110">
        <v>1615283880</v>
      </c>
      <c r="OS14" s="130">
        <v>1646063147</v>
      </c>
    </row>
    <row r="15" spans="1:409" ht="21" customHeight="1" x14ac:dyDescent="0.2">
      <c r="B15" s="472" t="s">
        <v>9</v>
      </c>
      <c r="C15" s="100">
        <v>11869350</v>
      </c>
      <c r="D15" s="104">
        <v>15856997</v>
      </c>
      <c r="E15" s="103">
        <v>27726347</v>
      </c>
      <c r="F15" s="101">
        <v>0</v>
      </c>
      <c r="G15" s="104">
        <v>160626665</v>
      </c>
      <c r="H15" s="104">
        <v>153364886</v>
      </c>
      <c r="I15" s="104">
        <v>157349035</v>
      </c>
      <c r="J15" s="104">
        <v>167613497</v>
      </c>
      <c r="K15" s="104">
        <v>133210626</v>
      </c>
      <c r="L15" s="99">
        <v>772164709</v>
      </c>
      <c r="M15" s="106">
        <v>799891056</v>
      </c>
      <c r="N15" s="100">
        <v>2125475</v>
      </c>
      <c r="O15" s="104">
        <v>3738966</v>
      </c>
      <c r="P15" s="103">
        <v>5864441</v>
      </c>
      <c r="Q15" s="100">
        <v>0</v>
      </c>
      <c r="R15" s="104">
        <v>47783087</v>
      </c>
      <c r="S15" s="104">
        <v>49956391</v>
      </c>
      <c r="T15" s="104">
        <v>56812497</v>
      </c>
      <c r="U15" s="104">
        <v>71759570</v>
      </c>
      <c r="V15" s="104">
        <v>71386227</v>
      </c>
      <c r="W15" s="103">
        <v>297697772</v>
      </c>
      <c r="X15" s="106">
        <v>303562213</v>
      </c>
      <c r="Y15" s="100">
        <v>0</v>
      </c>
      <c r="Z15" s="104">
        <v>0</v>
      </c>
      <c r="AA15" s="103">
        <v>0</v>
      </c>
      <c r="AB15" s="100">
        <v>0</v>
      </c>
      <c r="AC15" s="104">
        <v>23451105</v>
      </c>
      <c r="AD15" s="104">
        <v>26047075</v>
      </c>
      <c r="AE15" s="104">
        <v>34735558</v>
      </c>
      <c r="AF15" s="104">
        <v>45376123</v>
      </c>
      <c r="AG15" s="104">
        <v>47202273</v>
      </c>
      <c r="AH15" s="103">
        <v>176812134</v>
      </c>
      <c r="AI15" s="106">
        <v>176812134</v>
      </c>
      <c r="AJ15" s="100">
        <v>0</v>
      </c>
      <c r="AK15" s="104">
        <v>0</v>
      </c>
      <c r="AL15" s="103">
        <v>0</v>
      </c>
      <c r="AM15" s="100">
        <v>0</v>
      </c>
      <c r="AN15" s="104">
        <v>144851</v>
      </c>
      <c r="AO15" s="104">
        <v>447818</v>
      </c>
      <c r="AP15" s="104">
        <v>1050489</v>
      </c>
      <c r="AQ15" s="104">
        <v>3456259</v>
      </c>
      <c r="AR15" s="104">
        <v>6497651</v>
      </c>
      <c r="AS15" s="103">
        <v>11597068</v>
      </c>
      <c r="AT15" s="106">
        <v>11597068</v>
      </c>
      <c r="AU15" s="100">
        <v>1233196</v>
      </c>
      <c r="AV15" s="104">
        <v>2673881</v>
      </c>
      <c r="AW15" s="103">
        <v>3907077</v>
      </c>
      <c r="AX15" s="100">
        <v>0</v>
      </c>
      <c r="AY15" s="104">
        <v>15284733</v>
      </c>
      <c r="AZ15" s="104">
        <v>14250757</v>
      </c>
      <c r="BA15" s="104">
        <v>11694383</v>
      </c>
      <c r="BB15" s="104">
        <v>12862058</v>
      </c>
      <c r="BC15" s="104">
        <v>10581095</v>
      </c>
      <c r="BD15" s="103">
        <v>64673026</v>
      </c>
      <c r="BE15" s="106">
        <v>68580103</v>
      </c>
      <c r="BF15" s="100">
        <v>93222</v>
      </c>
      <c r="BG15" s="104">
        <v>393434</v>
      </c>
      <c r="BH15" s="102">
        <v>486656</v>
      </c>
      <c r="BI15" s="101">
        <v>0</v>
      </c>
      <c r="BJ15" s="104">
        <v>1548715</v>
      </c>
      <c r="BK15" s="104">
        <v>1871264</v>
      </c>
      <c r="BL15" s="104">
        <v>1333037</v>
      </c>
      <c r="BM15" s="104">
        <v>1313945</v>
      </c>
      <c r="BN15" s="104">
        <v>870160</v>
      </c>
      <c r="BO15" s="103">
        <v>6937121</v>
      </c>
      <c r="BP15" s="106">
        <v>7423777</v>
      </c>
      <c r="BQ15" s="100">
        <v>799057</v>
      </c>
      <c r="BR15" s="104">
        <v>671651</v>
      </c>
      <c r="BS15" s="103">
        <v>1470708</v>
      </c>
      <c r="BT15" s="100">
        <v>0</v>
      </c>
      <c r="BU15" s="104">
        <v>7353683</v>
      </c>
      <c r="BV15" s="104">
        <v>7339477</v>
      </c>
      <c r="BW15" s="104">
        <v>7999030</v>
      </c>
      <c r="BX15" s="104">
        <v>8751185</v>
      </c>
      <c r="BY15" s="104">
        <v>6235048</v>
      </c>
      <c r="BZ15" s="103">
        <v>37678423</v>
      </c>
      <c r="CA15" s="106">
        <v>39149131</v>
      </c>
      <c r="CB15" s="100">
        <v>1138158</v>
      </c>
      <c r="CC15" s="104">
        <v>3118186</v>
      </c>
      <c r="CD15" s="103">
        <v>4256344</v>
      </c>
      <c r="CE15" s="100">
        <v>0</v>
      </c>
      <c r="CF15" s="104">
        <v>36434852</v>
      </c>
      <c r="CG15" s="104">
        <v>34419331</v>
      </c>
      <c r="CH15" s="104">
        <v>27888755</v>
      </c>
      <c r="CI15" s="104">
        <v>22104907</v>
      </c>
      <c r="CJ15" s="104">
        <v>6259676</v>
      </c>
      <c r="CK15" s="103">
        <v>127107521</v>
      </c>
      <c r="CL15" s="106">
        <v>131363865</v>
      </c>
      <c r="CM15" s="100">
        <v>0</v>
      </c>
      <c r="CN15" s="104">
        <v>0</v>
      </c>
      <c r="CO15" s="103">
        <v>0</v>
      </c>
      <c r="CP15" s="101">
        <v>0</v>
      </c>
      <c r="CQ15" s="104">
        <v>30852424</v>
      </c>
      <c r="CR15" s="104">
        <v>25742912</v>
      </c>
      <c r="CS15" s="104">
        <v>22366711</v>
      </c>
      <c r="CT15" s="104">
        <v>16159188</v>
      </c>
      <c r="CU15" s="104">
        <v>4664529</v>
      </c>
      <c r="CV15" s="103">
        <v>99785764</v>
      </c>
      <c r="CW15" s="106">
        <v>99785764</v>
      </c>
      <c r="CX15" s="100">
        <v>1138158</v>
      </c>
      <c r="CY15" s="104">
        <v>3118186</v>
      </c>
      <c r="CZ15" s="103">
        <v>4256344</v>
      </c>
      <c r="DA15" s="100">
        <v>0</v>
      </c>
      <c r="DB15" s="104">
        <v>5582428</v>
      </c>
      <c r="DC15" s="104">
        <v>8676419</v>
      </c>
      <c r="DD15" s="104">
        <v>5522044</v>
      </c>
      <c r="DE15" s="104">
        <v>5945719</v>
      </c>
      <c r="DF15" s="104">
        <v>1595147</v>
      </c>
      <c r="DG15" s="103">
        <v>27321757</v>
      </c>
      <c r="DH15" s="106">
        <v>31578101</v>
      </c>
      <c r="DI15" s="100">
        <v>148538</v>
      </c>
      <c r="DJ15" s="104">
        <v>123021</v>
      </c>
      <c r="DK15" s="102">
        <v>271559</v>
      </c>
      <c r="DL15" s="101">
        <v>0</v>
      </c>
      <c r="DM15" s="104">
        <v>5638607</v>
      </c>
      <c r="DN15" s="104">
        <v>7819459</v>
      </c>
      <c r="DO15" s="104">
        <v>15860985</v>
      </c>
      <c r="DP15" s="104">
        <v>13747434</v>
      </c>
      <c r="DQ15" s="104">
        <v>8101662</v>
      </c>
      <c r="DR15" s="103">
        <v>51168147</v>
      </c>
      <c r="DS15" s="106">
        <v>51439706</v>
      </c>
      <c r="DT15" s="100">
        <v>148538</v>
      </c>
      <c r="DU15" s="104">
        <v>63455</v>
      </c>
      <c r="DV15" s="103">
        <v>211993</v>
      </c>
      <c r="DW15" s="100">
        <v>0</v>
      </c>
      <c r="DX15" s="104">
        <v>4622847</v>
      </c>
      <c r="DY15" s="104">
        <v>7094524</v>
      </c>
      <c r="DZ15" s="104">
        <v>13571063</v>
      </c>
      <c r="EA15" s="104">
        <v>11054498</v>
      </c>
      <c r="EB15" s="104">
        <v>6749250</v>
      </c>
      <c r="EC15" s="103">
        <v>43092182</v>
      </c>
      <c r="ED15" s="106">
        <v>43304175</v>
      </c>
      <c r="EE15" s="100">
        <v>0</v>
      </c>
      <c r="EF15" s="102">
        <v>59566</v>
      </c>
      <c r="EG15" s="103">
        <v>59566</v>
      </c>
      <c r="EH15" s="100">
        <v>0</v>
      </c>
      <c r="EI15" s="104">
        <v>1015760</v>
      </c>
      <c r="EJ15" s="104">
        <v>724935</v>
      </c>
      <c r="EK15" s="104">
        <v>2289922</v>
      </c>
      <c r="EL15" s="104">
        <v>2692936</v>
      </c>
      <c r="EM15" s="104">
        <v>1352412</v>
      </c>
      <c r="EN15" s="102">
        <v>8075965</v>
      </c>
      <c r="EO15" s="106">
        <v>8135531</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3329007</v>
      </c>
      <c r="FM15" s="104">
        <v>3927319</v>
      </c>
      <c r="FN15" s="103">
        <v>7256326</v>
      </c>
      <c r="FO15" s="100">
        <v>0</v>
      </c>
      <c r="FP15" s="104">
        <v>10354267</v>
      </c>
      <c r="FQ15" s="104">
        <v>13354839</v>
      </c>
      <c r="FR15" s="104">
        <v>11223258</v>
      </c>
      <c r="FS15" s="104">
        <v>11985761</v>
      </c>
      <c r="FT15" s="104">
        <v>8506312</v>
      </c>
      <c r="FU15" s="103">
        <v>55424437</v>
      </c>
      <c r="FV15" s="106">
        <v>62680763</v>
      </c>
      <c r="FW15" s="105">
        <v>1869064</v>
      </c>
      <c r="FX15" s="104">
        <v>2868546</v>
      </c>
      <c r="FY15" s="102">
        <v>4737610</v>
      </c>
      <c r="FZ15" s="101">
        <v>0</v>
      </c>
      <c r="GA15" s="104">
        <v>8139255</v>
      </c>
      <c r="GB15" s="104">
        <v>12251773</v>
      </c>
      <c r="GC15" s="104">
        <v>10572125</v>
      </c>
      <c r="GD15" s="104">
        <v>11166530</v>
      </c>
      <c r="GE15" s="104">
        <v>7994032</v>
      </c>
      <c r="GF15" s="103">
        <v>50123715</v>
      </c>
      <c r="GG15" s="296">
        <v>54861325</v>
      </c>
      <c r="GH15" s="105">
        <v>194323</v>
      </c>
      <c r="GI15" s="104">
        <v>189387</v>
      </c>
      <c r="GJ15" s="102">
        <v>383710</v>
      </c>
      <c r="GK15" s="101">
        <v>0</v>
      </c>
      <c r="GL15" s="104">
        <v>574563</v>
      </c>
      <c r="GM15" s="104">
        <v>419694</v>
      </c>
      <c r="GN15" s="104">
        <v>57233</v>
      </c>
      <c r="GO15" s="104">
        <v>236931</v>
      </c>
      <c r="GP15" s="104">
        <v>221580</v>
      </c>
      <c r="GQ15" s="103">
        <v>1510001</v>
      </c>
      <c r="GR15" s="106">
        <v>1893711</v>
      </c>
      <c r="GS15" s="100">
        <v>1265620</v>
      </c>
      <c r="GT15" s="104">
        <v>869386</v>
      </c>
      <c r="GU15" s="103">
        <v>2135006</v>
      </c>
      <c r="GV15" s="100">
        <v>0</v>
      </c>
      <c r="GW15" s="104">
        <v>1640449</v>
      </c>
      <c r="GX15" s="104">
        <v>683372</v>
      </c>
      <c r="GY15" s="104">
        <v>593900</v>
      </c>
      <c r="GZ15" s="104">
        <v>582300</v>
      </c>
      <c r="HA15" s="104">
        <v>290700</v>
      </c>
      <c r="HB15" s="102">
        <v>3790721</v>
      </c>
      <c r="HC15" s="106">
        <v>5925727</v>
      </c>
      <c r="HD15" s="100">
        <v>2891739</v>
      </c>
      <c r="HE15" s="104">
        <v>2096486</v>
      </c>
      <c r="HF15" s="102">
        <v>4988225</v>
      </c>
      <c r="HG15" s="101">
        <v>0</v>
      </c>
      <c r="HH15" s="104">
        <v>32913638</v>
      </c>
      <c r="HI15" s="104">
        <v>28967612</v>
      </c>
      <c r="HJ15" s="104">
        <v>31225016</v>
      </c>
      <c r="HK15" s="104">
        <v>36486512</v>
      </c>
      <c r="HL15" s="104">
        <v>32164024</v>
      </c>
      <c r="HM15" s="103">
        <v>161756802</v>
      </c>
      <c r="HN15" s="99">
        <v>166745027</v>
      </c>
      <c r="HO15" s="105">
        <v>2236433</v>
      </c>
      <c r="HP15" s="104">
        <v>2853019</v>
      </c>
      <c r="HQ15" s="103">
        <v>5089452</v>
      </c>
      <c r="HR15" s="100">
        <v>0</v>
      </c>
      <c r="HS15" s="104">
        <v>27502214</v>
      </c>
      <c r="HT15" s="104">
        <v>18847254</v>
      </c>
      <c r="HU15" s="104">
        <v>14338524</v>
      </c>
      <c r="HV15" s="104">
        <v>11529313</v>
      </c>
      <c r="HW15" s="104">
        <v>6792725</v>
      </c>
      <c r="HX15" s="102">
        <v>79010030</v>
      </c>
      <c r="HY15" s="106">
        <v>84099482</v>
      </c>
      <c r="HZ15" s="115">
        <v>240853</v>
      </c>
      <c r="IA15" s="136">
        <v>1006024</v>
      </c>
      <c r="IB15" s="116">
        <v>1246877</v>
      </c>
      <c r="IC15" s="133">
        <v>0</v>
      </c>
      <c r="ID15" s="119">
        <v>32097735</v>
      </c>
      <c r="IE15" s="134">
        <v>36290119</v>
      </c>
      <c r="IF15" s="120">
        <v>51813247</v>
      </c>
      <c r="IG15" s="119">
        <v>39927875</v>
      </c>
      <c r="IH15" s="120">
        <v>23245697</v>
      </c>
      <c r="II15" s="135">
        <v>183374673</v>
      </c>
      <c r="IJ15" s="117">
        <v>184621550</v>
      </c>
      <c r="IK15" s="219">
        <v>0</v>
      </c>
      <c r="IL15" s="223">
        <v>0</v>
      </c>
      <c r="IM15" s="224">
        <v>0</v>
      </c>
      <c r="IN15" s="127"/>
      <c r="IO15" s="109">
        <v>70151</v>
      </c>
      <c r="IP15" s="109">
        <v>600812</v>
      </c>
      <c r="IQ15" s="109">
        <v>1023101</v>
      </c>
      <c r="IR15" s="109">
        <v>3028934</v>
      </c>
      <c r="IS15" s="109">
        <v>989724</v>
      </c>
      <c r="IT15" s="128">
        <v>5712722</v>
      </c>
      <c r="IU15" s="298">
        <v>5712722</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7290386</v>
      </c>
      <c r="JL15" s="109">
        <v>13530069</v>
      </c>
      <c r="JM15" s="109">
        <v>15920955</v>
      </c>
      <c r="JN15" s="109">
        <v>8593607</v>
      </c>
      <c r="JO15" s="109">
        <v>3589778</v>
      </c>
      <c r="JP15" s="110">
        <v>58924795</v>
      </c>
      <c r="JQ15" s="298">
        <v>58924795</v>
      </c>
      <c r="JR15" s="129">
        <v>0</v>
      </c>
      <c r="JS15" s="109">
        <v>0</v>
      </c>
      <c r="JT15" s="128">
        <v>0</v>
      </c>
      <c r="JU15" s="108">
        <v>0</v>
      </c>
      <c r="JV15" s="109">
        <v>382188</v>
      </c>
      <c r="JW15" s="109">
        <v>689115</v>
      </c>
      <c r="JX15" s="109">
        <v>742242</v>
      </c>
      <c r="JY15" s="109">
        <v>152681</v>
      </c>
      <c r="JZ15" s="109">
        <v>1350747</v>
      </c>
      <c r="KA15" s="110">
        <v>3316973</v>
      </c>
      <c r="KB15" s="298">
        <v>3316973</v>
      </c>
      <c r="KC15" s="221">
        <v>240853</v>
      </c>
      <c r="KD15" s="217">
        <v>486651</v>
      </c>
      <c r="KE15" s="110">
        <v>727504</v>
      </c>
      <c r="KF15" s="108">
        <v>0</v>
      </c>
      <c r="KG15" s="109">
        <v>3211557</v>
      </c>
      <c r="KH15" s="109">
        <v>2288879</v>
      </c>
      <c r="KI15" s="109">
        <v>4981798</v>
      </c>
      <c r="KJ15" s="109">
        <v>5313367</v>
      </c>
      <c r="KK15" s="109">
        <v>3156088</v>
      </c>
      <c r="KL15" s="110">
        <v>18951689</v>
      </c>
      <c r="KM15" s="130">
        <v>19679193</v>
      </c>
      <c r="KN15" s="219">
        <v>0</v>
      </c>
      <c r="KO15" s="223">
        <v>519373</v>
      </c>
      <c r="KP15" s="224">
        <v>519373</v>
      </c>
      <c r="KQ15" s="127"/>
      <c r="KR15" s="109">
        <v>9467791</v>
      </c>
      <c r="KS15" s="109">
        <v>17279039</v>
      </c>
      <c r="KT15" s="109">
        <v>26221398</v>
      </c>
      <c r="KU15" s="109">
        <v>17753263</v>
      </c>
      <c r="KV15" s="109">
        <v>8019327</v>
      </c>
      <c r="KW15" s="110">
        <v>78740818</v>
      </c>
      <c r="KX15" s="298">
        <v>79260191</v>
      </c>
      <c r="KY15" s="129">
        <v>0</v>
      </c>
      <c r="KZ15" s="109">
        <v>0</v>
      </c>
      <c r="LA15" s="110">
        <v>0</v>
      </c>
      <c r="LB15" s="132"/>
      <c r="LC15" s="109">
        <v>367368</v>
      </c>
      <c r="LD15" s="109">
        <v>548880</v>
      </c>
      <c r="LE15" s="109">
        <v>1322862</v>
      </c>
      <c r="LF15" s="109">
        <v>1859445</v>
      </c>
      <c r="LG15" s="109">
        <v>1360891</v>
      </c>
      <c r="LH15" s="110">
        <v>5459446</v>
      </c>
      <c r="LI15" s="111">
        <v>5459446</v>
      </c>
      <c r="LJ15" s="129">
        <v>0</v>
      </c>
      <c r="LK15" s="109">
        <v>0</v>
      </c>
      <c r="LL15" s="110">
        <v>0</v>
      </c>
      <c r="LM15" s="132"/>
      <c r="LN15" s="109">
        <v>0</v>
      </c>
      <c r="LO15" s="109">
        <v>0</v>
      </c>
      <c r="LP15" s="109">
        <v>0</v>
      </c>
      <c r="LQ15" s="109">
        <v>329808</v>
      </c>
      <c r="LR15" s="109">
        <v>0</v>
      </c>
      <c r="LS15" s="110">
        <v>329808</v>
      </c>
      <c r="LT15" s="298">
        <v>329808</v>
      </c>
      <c r="LU15" s="129">
        <v>0</v>
      </c>
      <c r="LV15" s="109">
        <v>0</v>
      </c>
      <c r="LW15" s="110">
        <v>0</v>
      </c>
      <c r="LX15" s="132"/>
      <c r="LY15" s="109">
        <v>1308294</v>
      </c>
      <c r="LZ15" s="109">
        <v>1353325</v>
      </c>
      <c r="MA15" s="109">
        <v>1600891</v>
      </c>
      <c r="MB15" s="109">
        <v>2896770</v>
      </c>
      <c r="MC15" s="109">
        <v>4779142</v>
      </c>
      <c r="MD15" s="110">
        <v>11938422</v>
      </c>
      <c r="ME15" s="111">
        <v>11938422</v>
      </c>
      <c r="MF15" s="129">
        <v>0</v>
      </c>
      <c r="MG15" s="109">
        <v>0</v>
      </c>
      <c r="MH15" s="110">
        <v>0</v>
      </c>
      <c r="MI15" s="132"/>
      <c r="MJ15" s="109">
        <v>8890470</v>
      </c>
      <c r="MK15" s="109">
        <v>20793132</v>
      </c>
      <c r="ML15" s="109">
        <v>82642944</v>
      </c>
      <c r="MM15" s="109">
        <v>145349898</v>
      </c>
      <c r="MN15" s="109">
        <v>106742927</v>
      </c>
      <c r="MO15" s="110">
        <v>364419371</v>
      </c>
      <c r="MP15" s="130">
        <v>364419371</v>
      </c>
      <c r="MQ15" s="129">
        <v>0</v>
      </c>
      <c r="MR15" s="109">
        <v>0</v>
      </c>
      <c r="MS15" s="110">
        <v>0</v>
      </c>
      <c r="MT15" s="132"/>
      <c r="MU15" s="109">
        <v>1637533</v>
      </c>
      <c r="MV15" s="109">
        <v>870660</v>
      </c>
      <c r="MW15" s="109">
        <v>52202795</v>
      </c>
      <c r="MX15" s="109">
        <v>101374354</v>
      </c>
      <c r="MY15" s="109">
        <v>82600447</v>
      </c>
      <c r="MZ15" s="110">
        <v>238685789</v>
      </c>
      <c r="NA15" s="130">
        <v>238685789</v>
      </c>
      <c r="NB15" s="129">
        <v>0</v>
      </c>
      <c r="NC15" s="109">
        <v>0</v>
      </c>
      <c r="ND15" s="110">
        <v>0</v>
      </c>
      <c r="NE15" s="132"/>
      <c r="NF15" s="109">
        <v>7252937</v>
      </c>
      <c r="NG15" s="109">
        <v>19922472</v>
      </c>
      <c r="NH15" s="109">
        <v>29659099</v>
      </c>
      <c r="NI15" s="109">
        <v>42412061</v>
      </c>
      <c r="NJ15" s="109">
        <v>20229239</v>
      </c>
      <c r="NK15" s="110">
        <v>119475808</v>
      </c>
      <c r="NL15" s="298">
        <v>119475808</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781050</v>
      </c>
      <c r="OE15" s="109">
        <v>1563483</v>
      </c>
      <c r="OF15" s="109">
        <v>3913241</v>
      </c>
      <c r="OG15" s="110">
        <v>6257774</v>
      </c>
      <c r="OH15" s="111">
        <v>6257774</v>
      </c>
      <c r="OI15" s="129">
        <v>12110203</v>
      </c>
      <c r="OJ15" s="109">
        <v>16863021</v>
      </c>
      <c r="OK15" s="128">
        <v>28973224</v>
      </c>
      <c r="OL15" s="108">
        <v>0</v>
      </c>
      <c r="OM15" s="109">
        <v>201614870</v>
      </c>
      <c r="ON15" s="109">
        <v>210448137</v>
      </c>
      <c r="OO15" s="109">
        <v>291805226</v>
      </c>
      <c r="OP15" s="109">
        <v>352891270</v>
      </c>
      <c r="OQ15" s="109">
        <v>263199250</v>
      </c>
      <c r="OR15" s="110">
        <v>1319958753</v>
      </c>
      <c r="OS15" s="130">
        <v>1348931977</v>
      </c>
    </row>
    <row r="16" spans="1:409" ht="21" customHeight="1" x14ac:dyDescent="0.2">
      <c r="B16" s="472" t="s">
        <v>10</v>
      </c>
      <c r="C16" s="100">
        <v>27197508</v>
      </c>
      <c r="D16" s="104">
        <v>43353379</v>
      </c>
      <c r="E16" s="103">
        <v>70550887</v>
      </c>
      <c r="F16" s="159">
        <v>0</v>
      </c>
      <c r="G16" s="104">
        <v>352250303</v>
      </c>
      <c r="H16" s="104">
        <v>292658359</v>
      </c>
      <c r="I16" s="104">
        <v>260496564</v>
      </c>
      <c r="J16" s="104">
        <v>265721389</v>
      </c>
      <c r="K16" s="104">
        <v>203710557</v>
      </c>
      <c r="L16" s="99">
        <v>1374837172</v>
      </c>
      <c r="M16" s="106">
        <v>1445388059</v>
      </c>
      <c r="N16" s="100">
        <v>6631192</v>
      </c>
      <c r="O16" s="104">
        <v>13284581</v>
      </c>
      <c r="P16" s="103">
        <v>19915773</v>
      </c>
      <c r="Q16" s="100">
        <v>0</v>
      </c>
      <c r="R16" s="104">
        <v>111091107</v>
      </c>
      <c r="S16" s="104">
        <v>97141528</v>
      </c>
      <c r="T16" s="104">
        <v>97264361</v>
      </c>
      <c r="U16" s="104">
        <v>111053266</v>
      </c>
      <c r="V16" s="104">
        <v>112935702</v>
      </c>
      <c r="W16" s="103">
        <v>529485964</v>
      </c>
      <c r="X16" s="106">
        <v>549401737</v>
      </c>
      <c r="Y16" s="100">
        <v>0</v>
      </c>
      <c r="Z16" s="104">
        <v>0</v>
      </c>
      <c r="AA16" s="103">
        <v>0</v>
      </c>
      <c r="AB16" s="100">
        <v>0</v>
      </c>
      <c r="AC16" s="104">
        <v>54323422</v>
      </c>
      <c r="AD16" s="104">
        <v>51430685</v>
      </c>
      <c r="AE16" s="104">
        <v>62529420</v>
      </c>
      <c r="AF16" s="104">
        <v>73345724</v>
      </c>
      <c r="AG16" s="104">
        <v>68542494</v>
      </c>
      <c r="AH16" s="103">
        <v>310171745</v>
      </c>
      <c r="AI16" s="106">
        <v>310171745</v>
      </c>
      <c r="AJ16" s="100">
        <v>0</v>
      </c>
      <c r="AK16" s="104">
        <v>0</v>
      </c>
      <c r="AL16" s="103">
        <v>0</v>
      </c>
      <c r="AM16" s="100">
        <v>0</v>
      </c>
      <c r="AN16" s="104">
        <v>407181</v>
      </c>
      <c r="AO16" s="104">
        <v>1556908</v>
      </c>
      <c r="AP16" s="104">
        <v>2123914</v>
      </c>
      <c r="AQ16" s="104">
        <v>5085589</v>
      </c>
      <c r="AR16" s="104">
        <v>11650290</v>
      </c>
      <c r="AS16" s="103">
        <v>20823882</v>
      </c>
      <c r="AT16" s="106">
        <v>20823882</v>
      </c>
      <c r="AU16" s="100">
        <v>3987516</v>
      </c>
      <c r="AV16" s="104">
        <v>9125300</v>
      </c>
      <c r="AW16" s="103">
        <v>13112816</v>
      </c>
      <c r="AX16" s="100">
        <v>0</v>
      </c>
      <c r="AY16" s="104">
        <v>35957770</v>
      </c>
      <c r="AZ16" s="104">
        <v>26218565</v>
      </c>
      <c r="BA16" s="104">
        <v>16438518</v>
      </c>
      <c r="BB16" s="104">
        <v>16425453</v>
      </c>
      <c r="BC16" s="104">
        <v>19402400</v>
      </c>
      <c r="BD16" s="103">
        <v>114442706</v>
      </c>
      <c r="BE16" s="106">
        <v>127555522</v>
      </c>
      <c r="BF16" s="100">
        <v>580295</v>
      </c>
      <c r="BG16" s="104">
        <v>1458522</v>
      </c>
      <c r="BH16" s="102">
        <v>2038817</v>
      </c>
      <c r="BI16" s="101">
        <v>0</v>
      </c>
      <c r="BJ16" s="104">
        <v>3499396</v>
      </c>
      <c r="BK16" s="104">
        <v>3441490</v>
      </c>
      <c r="BL16" s="104">
        <v>2420960</v>
      </c>
      <c r="BM16" s="104">
        <v>1775705</v>
      </c>
      <c r="BN16" s="104">
        <v>1662331</v>
      </c>
      <c r="BO16" s="103">
        <v>12799882</v>
      </c>
      <c r="BP16" s="106">
        <v>14838699</v>
      </c>
      <c r="BQ16" s="100">
        <v>2063381</v>
      </c>
      <c r="BR16" s="104">
        <v>2700759</v>
      </c>
      <c r="BS16" s="103">
        <v>4764140</v>
      </c>
      <c r="BT16" s="100">
        <v>0</v>
      </c>
      <c r="BU16" s="104">
        <v>16903338</v>
      </c>
      <c r="BV16" s="104">
        <v>14493880</v>
      </c>
      <c r="BW16" s="104">
        <v>13751549</v>
      </c>
      <c r="BX16" s="104">
        <v>14420795</v>
      </c>
      <c r="BY16" s="104">
        <v>11678187</v>
      </c>
      <c r="BZ16" s="103">
        <v>71247749</v>
      </c>
      <c r="CA16" s="106">
        <v>76011889</v>
      </c>
      <c r="CB16" s="100">
        <v>1386160</v>
      </c>
      <c r="CC16" s="104">
        <v>3995767</v>
      </c>
      <c r="CD16" s="103">
        <v>5381927</v>
      </c>
      <c r="CE16" s="100">
        <v>0</v>
      </c>
      <c r="CF16" s="104">
        <v>103771001</v>
      </c>
      <c r="CG16" s="104">
        <v>78930020</v>
      </c>
      <c r="CH16" s="104">
        <v>54623464</v>
      </c>
      <c r="CI16" s="104">
        <v>41054701</v>
      </c>
      <c r="CJ16" s="104">
        <v>17734312</v>
      </c>
      <c r="CK16" s="103">
        <v>296113498</v>
      </c>
      <c r="CL16" s="106">
        <v>301495425</v>
      </c>
      <c r="CM16" s="100">
        <v>0</v>
      </c>
      <c r="CN16" s="104">
        <v>0</v>
      </c>
      <c r="CO16" s="103">
        <v>0</v>
      </c>
      <c r="CP16" s="101">
        <v>0</v>
      </c>
      <c r="CQ16" s="104">
        <v>89296184</v>
      </c>
      <c r="CR16" s="104">
        <v>64419049</v>
      </c>
      <c r="CS16" s="104">
        <v>46255750</v>
      </c>
      <c r="CT16" s="104">
        <v>34824021</v>
      </c>
      <c r="CU16" s="104">
        <v>15138218</v>
      </c>
      <c r="CV16" s="103">
        <v>249933222</v>
      </c>
      <c r="CW16" s="106">
        <v>249933222</v>
      </c>
      <c r="CX16" s="100">
        <v>1386160</v>
      </c>
      <c r="CY16" s="104">
        <v>3995767</v>
      </c>
      <c r="CZ16" s="103">
        <v>5381927</v>
      </c>
      <c r="DA16" s="100">
        <v>0</v>
      </c>
      <c r="DB16" s="104">
        <v>14474817</v>
      </c>
      <c r="DC16" s="104">
        <v>14510971</v>
      </c>
      <c r="DD16" s="104">
        <v>8367714</v>
      </c>
      <c r="DE16" s="104">
        <v>6230680</v>
      </c>
      <c r="DF16" s="104">
        <v>2596094</v>
      </c>
      <c r="DG16" s="103">
        <v>46180276</v>
      </c>
      <c r="DH16" s="106">
        <v>51562203</v>
      </c>
      <c r="DI16" s="100">
        <v>350335</v>
      </c>
      <c r="DJ16" s="104">
        <v>1180164</v>
      </c>
      <c r="DK16" s="102">
        <v>1530499</v>
      </c>
      <c r="DL16" s="101">
        <v>0</v>
      </c>
      <c r="DM16" s="104">
        <v>10779874</v>
      </c>
      <c r="DN16" s="104">
        <v>14649304</v>
      </c>
      <c r="DO16" s="104">
        <v>22403754</v>
      </c>
      <c r="DP16" s="104">
        <v>20374802</v>
      </c>
      <c r="DQ16" s="104">
        <v>10917862</v>
      </c>
      <c r="DR16" s="103">
        <v>79125596</v>
      </c>
      <c r="DS16" s="106">
        <v>80656095</v>
      </c>
      <c r="DT16" s="100">
        <v>350335</v>
      </c>
      <c r="DU16" s="104">
        <v>1106572</v>
      </c>
      <c r="DV16" s="103">
        <v>1456907</v>
      </c>
      <c r="DW16" s="100">
        <v>0</v>
      </c>
      <c r="DX16" s="104">
        <v>9878272</v>
      </c>
      <c r="DY16" s="104">
        <v>12886627</v>
      </c>
      <c r="DZ16" s="104">
        <v>20301926</v>
      </c>
      <c r="EA16" s="104">
        <v>19040573</v>
      </c>
      <c r="EB16" s="104">
        <v>9920396</v>
      </c>
      <c r="EC16" s="103">
        <v>72027794</v>
      </c>
      <c r="ED16" s="106">
        <v>73484701</v>
      </c>
      <c r="EE16" s="100">
        <v>0</v>
      </c>
      <c r="EF16" s="102">
        <v>73592</v>
      </c>
      <c r="EG16" s="103">
        <v>73592</v>
      </c>
      <c r="EH16" s="100">
        <v>0</v>
      </c>
      <c r="EI16" s="104">
        <v>901602</v>
      </c>
      <c r="EJ16" s="104">
        <v>1762677</v>
      </c>
      <c r="EK16" s="104">
        <v>2101828</v>
      </c>
      <c r="EL16" s="104">
        <v>1334229</v>
      </c>
      <c r="EM16" s="104">
        <v>997466</v>
      </c>
      <c r="EN16" s="102">
        <v>7097802</v>
      </c>
      <c r="EO16" s="106">
        <v>7171394</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8454613</v>
      </c>
      <c r="FM16" s="104">
        <v>10820730</v>
      </c>
      <c r="FN16" s="103">
        <v>19275343</v>
      </c>
      <c r="FO16" s="100">
        <v>0</v>
      </c>
      <c r="FP16" s="104">
        <v>20413624</v>
      </c>
      <c r="FQ16" s="104">
        <v>25686105</v>
      </c>
      <c r="FR16" s="104">
        <v>19440073</v>
      </c>
      <c r="FS16" s="104">
        <v>19586064</v>
      </c>
      <c r="FT16" s="104">
        <v>15075788</v>
      </c>
      <c r="FU16" s="103">
        <v>100201654</v>
      </c>
      <c r="FV16" s="106">
        <v>119476997</v>
      </c>
      <c r="FW16" s="105">
        <v>4695299</v>
      </c>
      <c r="FX16" s="104">
        <v>8338964</v>
      </c>
      <c r="FY16" s="102">
        <v>13034263</v>
      </c>
      <c r="FZ16" s="101">
        <v>0</v>
      </c>
      <c r="GA16" s="104">
        <v>16235226</v>
      </c>
      <c r="GB16" s="104">
        <v>23877014</v>
      </c>
      <c r="GC16" s="104">
        <v>18139453</v>
      </c>
      <c r="GD16" s="104">
        <v>17884673</v>
      </c>
      <c r="GE16" s="104">
        <v>14631878</v>
      </c>
      <c r="GF16" s="103">
        <v>90768244</v>
      </c>
      <c r="GG16" s="296">
        <v>103802507</v>
      </c>
      <c r="GH16" s="105">
        <v>477577</v>
      </c>
      <c r="GI16" s="104">
        <v>405675</v>
      </c>
      <c r="GJ16" s="102">
        <v>883252</v>
      </c>
      <c r="GK16" s="101">
        <v>0</v>
      </c>
      <c r="GL16" s="104">
        <v>1019778</v>
      </c>
      <c r="GM16" s="104">
        <v>626038</v>
      </c>
      <c r="GN16" s="104">
        <v>756156</v>
      </c>
      <c r="GO16" s="104">
        <v>730301</v>
      </c>
      <c r="GP16" s="104">
        <v>305490</v>
      </c>
      <c r="GQ16" s="103">
        <v>3437763</v>
      </c>
      <c r="GR16" s="106">
        <v>4321015</v>
      </c>
      <c r="GS16" s="100">
        <v>3281737</v>
      </c>
      <c r="GT16" s="104">
        <v>2076091</v>
      </c>
      <c r="GU16" s="103">
        <v>5357828</v>
      </c>
      <c r="GV16" s="100">
        <v>0</v>
      </c>
      <c r="GW16" s="104">
        <v>3158620</v>
      </c>
      <c r="GX16" s="104">
        <v>1183053</v>
      </c>
      <c r="GY16" s="104">
        <v>544464</v>
      </c>
      <c r="GZ16" s="104">
        <v>971090</v>
      </c>
      <c r="HA16" s="104">
        <v>138420</v>
      </c>
      <c r="HB16" s="102">
        <v>5995647</v>
      </c>
      <c r="HC16" s="106">
        <v>11353475</v>
      </c>
      <c r="HD16" s="100">
        <v>4658333</v>
      </c>
      <c r="HE16" s="104">
        <v>6633045</v>
      </c>
      <c r="HF16" s="102">
        <v>11291378</v>
      </c>
      <c r="HG16" s="101">
        <v>0</v>
      </c>
      <c r="HH16" s="104">
        <v>52734054</v>
      </c>
      <c r="HI16" s="104">
        <v>45904712</v>
      </c>
      <c r="HJ16" s="104">
        <v>45151007</v>
      </c>
      <c r="HK16" s="104">
        <v>56874089</v>
      </c>
      <c r="HL16" s="104">
        <v>35838931</v>
      </c>
      <c r="HM16" s="103">
        <v>236502793</v>
      </c>
      <c r="HN16" s="99">
        <v>247794171</v>
      </c>
      <c r="HO16" s="105">
        <v>5716875</v>
      </c>
      <c r="HP16" s="104">
        <v>7439092</v>
      </c>
      <c r="HQ16" s="103">
        <v>13155967</v>
      </c>
      <c r="HR16" s="100">
        <v>0</v>
      </c>
      <c r="HS16" s="104">
        <v>53460643</v>
      </c>
      <c r="HT16" s="104">
        <v>30346690</v>
      </c>
      <c r="HU16" s="104">
        <v>21613905</v>
      </c>
      <c r="HV16" s="104">
        <v>16778467</v>
      </c>
      <c r="HW16" s="104">
        <v>11207962</v>
      </c>
      <c r="HX16" s="102">
        <v>133407667</v>
      </c>
      <c r="HY16" s="106">
        <v>146563634</v>
      </c>
      <c r="HZ16" s="137">
        <v>493352</v>
      </c>
      <c r="IA16" s="122">
        <v>2499716</v>
      </c>
      <c r="IB16" s="137">
        <v>2993068</v>
      </c>
      <c r="IC16" s="121">
        <v>0</v>
      </c>
      <c r="ID16" s="122">
        <v>74356479</v>
      </c>
      <c r="IE16" s="123">
        <v>76770316</v>
      </c>
      <c r="IF16" s="124">
        <v>87118020</v>
      </c>
      <c r="IG16" s="122">
        <v>83147170</v>
      </c>
      <c r="IH16" s="124">
        <v>71172078</v>
      </c>
      <c r="II16" s="125">
        <v>392564063</v>
      </c>
      <c r="IJ16" s="137">
        <v>395557131</v>
      </c>
      <c r="IK16" s="219">
        <v>0</v>
      </c>
      <c r="IL16" s="223">
        <v>0</v>
      </c>
      <c r="IM16" s="224">
        <v>0</v>
      </c>
      <c r="IN16" s="127"/>
      <c r="IO16" s="109">
        <v>1129310</v>
      </c>
      <c r="IP16" s="109">
        <v>2483039</v>
      </c>
      <c r="IQ16" s="109">
        <v>3226871</v>
      </c>
      <c r="IR16" s="109">
        <v>5017621</v>
      </c>
      <c r="IS16" s="109">
        <v>4339724</v>
      </c>
      <c r="IT16" s="128">
        <v>16196565</v>
      </c>
      <c r="IU16" s="298">
        <v>16196565</v>
      </c>
      <c r="IV16" s="129">
        <v>0</v>
      </c>
      <c r="IW16" s="109">
        <v>0</v>
      </c>
      <c r="IX16" s="110">
        <v>0</v>
      </c>
      <c r="IY16" s="131"/>
      <c r="IZ16" s="109">
        <v>161900</v>
      </c>
      <c r="JA16" s="109">
        <v>71893</v>
      </c>
      <c r="JB16" s="109">
        <v>81524</v>
      </c>
      <c r="JC16" s="109">
        <v>217933</v>
      </c>
      <c r="JD16" s="109">
        <v>257403</v>
      </c>
      <c r="JE16" s="110">
        <v>790653</v>
      </c>
      <c r="JF16" s="111">
        <v>790653</v>
      </c>
      <c r="JG16" s="129">
        <v>0</v>
      </c>
      <c r="JH16" s="109">
        <v>0</v>
      </c>
      <c r="JI16" s="128">
        <v>0</v>
      </c>
      <c r="JJ16" s="108">
        <v>0</v>
      </c>
      <c r="JK16" s="109">
        <v>25254299</v>
      </c>
      <c r="JL16" s="109">
        <v>16445980</v>
      </c>
      <c r="JM16" s="109">
        <v>10801837</v>
      </c>
      <c r="JN16" s="109">
        <v>7317028</v>
      </c>
      <c r="JO16" s="109">
        <v>2688129</v>
      </c>
      <c r="JP16" s="110">
        <v>62507273</v>
      </c>
      <c r="JQ16" s="298">
        <v>62507273</v>
      </c>
      <c r="JR16" s="129">
        <v>0</v>
      </c>
      <c r="JS16" s="109">
        <v>57803</v>
      </c>
      <c r="JT16" s="128">
        <v>57803</v>
      </c>
      <c r="JU16" s="108">
        <v>0</v>
      </c>
      <c r="JV16" s="109">
        <v>611229</v>
      </c>
      <c r="JW16" s="109">
        <v>1381197</v>
      </c>
      <c r="JX16" s="109">
        <v>3322167</v>
      </c>
      <c r="JY16" s="109">
        <v>1419249</v>
      </c>
      <c r="JZ16" s="109">
        <v>1758404</v>
      </c>
      <c r="KA16" s="110">
        <v>8492246</v>
      </c>
      <c r="KB16" s="298">
        <v>8550049</v>
      </c>
      <c r="KC16" s="221">
        <v>493352</v>
      </c>
      <c r="KD16" s="217">
        <v>1673643</v>
      </c>
      <c r="KE16" s="110">
        <v>2166995</v>
      </c>
      <c r="KF16" s="108">
        <v>0</v>
      </c>
      <c r="KG16" s="109">
        <v>11895209</v>
      </c>
      <c r="KH16" s="109">
        <v>14130081</v>
      </c>
      <c r="KI16" s="109">
        <v>20060870</v>
      </c>
      <c r="KJ16" s="109">
        <v>16203226</v>
      </c>
      <c r="KK16" s="109">
        <v>12406385</v>
      </c>
      <c r="KL16" s="110">
        <v>74695771</v>
      </c>
      <c r="KM16" s="130">
        <v>76862766</v>
      </c>
      <c r="KN16" s="219">
        <v>0</v>
      </c>
      <c r="KO16" s="223">
        <v>768270</v>
      </c>
      <c r="KP16" s="224">
        <v>768270</v>
      </c>
      <c r="KQ16" s="127"/>
      <c r="KR16" s="109">
        <v>25020654</v>
      </c>
      <c r="KS16" s="109">
        <v>31392510</v>
      </c>
      <c r="KT16" s="109">
        <v>32461616</v>
      </c>
      <c r="KU16" s="109">
        <v>25234705</v>
      </c>
      <c r="KV16" s="109">
        <v>25375772</v>
      </c>
      <c r="KW16" s="110">
        <v>139485257</v>
      </c>
      <c r="KX16" s="298">
        <v>140253527</v>
      </c>
      <c r="KY16" s="129">
        <v>0</v>
      </c>
      <c r="KZ16" s="109">
        <v>0</v>
      </c>
      <c r="LA16" s="110">
        <v>0</v>
      </c>
      <c r="LB16" s="132"/>
      <c r="LC16" s="109">
        <v>5873112</v>
      </c>
      <c r="LD16" s="109">
        <v>3919277</v>
      </c>
      <c r="LE16" s="109">
        <v>7706722</v>
      </c>
      <c r="LF16" s="109">
        <v>6182455</v>
      </c>
      <c r="LG16" s="109">
        <v>7996248</v>
      </c>
      <c r="LH16" s="110">
        <v>31677814</v>
      </c>
      <c r="LI16" s="111">
        <v>31677814</v>
      </c>
      <c r="LJ16" s="129">
        <v>0</v>
      </c>
      <c r="LK16" s="109">
        <v>0</v>
      </c>
      <c r="LL16" s="110">
        <v>0</v>
      </c>
      <c r="LM16" s="132"/>
      <c r="LN16" s="109">
        <v>0</v>
      </c>
      <c r="LO16" s="109">
        <v>212983</v>
      </c>
      <c r="LP16" s="109">
        <v>760101</v>
      </c>
      <c r="LQ16" s="109">
        <v>5834045</v>
      </c>
      <c r="LR16" s="109">
        <v>5980204</v>
      </c>
      <c r="LS16" s="110">
        <v>12787333</v>
      </c>
      <c r="LT16" s="298">
        <v>12787333</v>
      </c>
      <c r="LU16" s="129">
        <v>0</v>
      </c>
      <c r="LV16" s="109">
        <v>0</v>
      </c>
      <c r="LW16" s="110">
        <v>0</v>
      </c>
      <c r="LX16" s="132"/>
      <c r="LY16" s="109">
        <v>4410766</v>
      </c>
      <c r="LZ16" s="109">
        <v>6733356</v>
      </c>
      <c r="MA16" s="109">
        <v>8696312</v>
      </c>
      <c r="MB16" s="109">
        <v>15720908</v>
      </c>
      <c r="MC16" s="109">
        <v>10369809</v>
      </c>
      <c r="MD16" s="110">
        <v>45931151</v>
      </c>
      <c r="ME16" s="111">
        <v>45931151</v>
      </c>
      <c r="MF16" s="129">
        <v>0</v>
      </c>
      <c r="MG16" s="109">
        <v>0</v>
      </c>
      <c r="MH16" s="110">
        <v>0</v>
      </c>
      <c r="MI16" s="132"/>
      <c r="MJ16" s="109">
        <v>29961778</v>
      </c>
      <c r="MK16" s="109">
        <v>45654095</v>
      </c>
      <c r="ML16" s="109">
        <v>131792761</v>
      </c>
      <c r="MM16" s="109">
        <v>208691750</v>
      </c>
      <c r="MN16" s="109">
        <v>201978596</v>
      </c>
      <c r="MO16" s="110">
        <v>618078980</v>
      </c>
      <c r="MP16" s="130">
        <v>618078980</v>
      </c>
      <c r="MQ16" s="129">
        <v>0</v>
      </c>
      <c r="MR16" s="109">
        <v>0</v>
      </c>
      <c r="MS16" s="110">
        <v>0</v>
      </c>
      <c r="MT16" s="132"/>
      <c r="MU16" s="109">
        <v>3237802</v>
      </c>
      <c r="MV16" s="109">
        <v>9373917</v>
      </c>
      <c r="MW16" s="109">
        <v>84003478</v>
      </c>
      <c r="MX16" s="109">
        <v>154850581</v>
      </c>
      <c r="MY16" s="109">
        <v>142794478</v>
      </c>
      <c r="MZ16" s="110">
        <v>394260256</v>
      </c>
      <c r="NA16" s="130">
        <v>394260256</v>
      </c>
      <c r="NB16" s="129">
        <v>0</v>
      </c>
      <c r="NC16" s="109">
        <v>0</v>
      </c>
      <c r="ND16" s="110">
        <v>0</v>
      </c>
      <c r="NE16" s="132"/>
      <c r="NF16" s="109">
        <v>26723976</v>
      </c>
      <c r="NG16" s="109">
        <v>36280178</v>
      </c>
      <c r="NH16" s="109">
        <v>47760143</v>
      </c>
      <c r="NI16" s="109">
        <v>52304619</v>
      </c>
      <c r="NJ16" s="109">
        <v>38200703</v>
      </c>
      <c r="NK16" s="110">
        <v>201269619</v>
      </c>
      <c r="NL16" s="298">
        <v>201269619</v>
      </c>
      <c r="NM16" s="129">
        <v>0</v>
      </c>
      <c r="NN16" s="109">
        <v>0</v>
      </c>
      <c r="NO16" s="110">
        <v>0</v>
      </c>
      <c r="NP16" s="132"/>
      <c r="NQ16" s="109">
        <v>0</v>
      </c>
      <c r="NR16" s="109">
        <v>0</v>
      </c>
      <c r="NS16" s="109">
        <v>0</v>
      </c>
      <c r="NT16" s="109">
        <v>0</v>
      </c>
      <c r="NU16" s="109">
        <v>702095</v>
      </c>
      <c r="NV16" s="110">
        <v>702095</v>
      </c>
      <c r="NW16" s="111">
        <v>702095</v>
      </c>
      <c r="NX16" s="129">
        <v>0</v>
      </c>
      <c r="NY16" s="109">
        <v>0</v>
      </c>
      <c r="NZ16" s="110">
        <v>0</v>
      </c>
      <c r="OA16" s="132"/>
      <c r="OB16" s="109">
        <v>0</v>
      </c>
      <c r="OC16" s="109">
        <v>0</v>
      </c>
      <c r="OD16" s="109">
        <v>29140</v>
      </c>
      <c r="OE16" s="109">
        <v>1536550</v>
      </c>
      <c r="OF16" s="109">
        <v>20281320</v>
      </c>
      <c r="OG16" s="110">
        <v>21847010</v>
      </c>
      <c r="OH16" s="111">
        <v>21847010</v>
      </c>
      <c r="OI16" s="129">
        <v>27690860</v>
      </c>
      <c r="OJ16" s="109">
        <v>45853095</v>
      </c>
      <c r="OK16" s="128">
        <v>73543955</v>
      </c>
      <c r="OL16" s="108">
        <v>0</v>
      </c>
      <c r="OM16" s="109">
        <v>456568560</v>
      </c>
      <c r="ON16" s="109">
        <v>415082770</v>
      </c>
      <c r="OO16" s="109">
        <v>479407345</v>
      </c>
      <c r="OP16" s="109">
        <v>557560309</v>
      </c>
      <c r="OQ16" s="109">
        <v>476861231</v>
      </c>
      <c r="OR16" s="110">
        <v>2385480215</v>
      </c>
      <c r="OS16" s="130">
        <v>2459024170</v>
      </c>
    </row>
    <row r="17" spans="2:409" ht="21" customHeight="1" x14ac:dyDescent="0.2">
      <c r="B17" s="472" t="s">
        <v>11</v>
      </c>
      <c r="C17" s="100">
        <v>12318414</v>
      </c>
      <c r="D17" s="104">
        <v>17322666</v>
      </c>
      <c r="E17" s="158">
        <v>29641080</v>
      </c>
      <c r="F17" s="101">
        <v>0</v>
      </c>
      <c r="G17" s="104">
        <v>158237827</v>
      </c>
      <c r="H17" s="104">
        <v>144715525</v>
      </c>
      <c r="I17" s="104">
        <v>141433877</v>
      </c>
      <c r="J17" s="104">
        <v>144242215</v>
      </c>
      <c r="K17" s="104">
        <v>89265859</v>
      </c>
      <c r="L17" s="99">
        <v>677895303</v>
      </c>
      <c r="M17" s="106">
        <v>707536383</v>
      </c>
      <c r="N17" s="100">
        <v>1860131</v>
      </c>
      <c r="O17" s="104">
        <v>2449022</v>
      </c>
      <c r="P17" s="103">
        <v>4309153</v>
      </c>
      <c r="Q17" s="100">
        <v>0</v>
      </c>
      <c r="R17" s="104">
        <v>37770572</v>
      </c>
      <c r="S17" s="104">
        <v>41209240</v>
      </c>
      <c r="T17" s="104">
        <v>43306921</v>
      </c>
      <c r="U17" s="104">
        <v>49789867</v>
      </c>
      <c r="V17" s="104">
        <v>44432783</v>
      </c>
      <c r="W17" s="103">
        <v>216509383</v>
      </c>
      <c r="X17" s="106">
        <v>220818536</v>
      </c>
      <c r="Y17" s="100">
        <v>0</v>
      </c>
      <c r="Z17" s="104">
        <v>0</v>
      </c>
      <c r="AA17" s="103">
        <v>0</v>
      </c>
      <c r="AB17" s="100">
        <v>0</v>
      </c>
      <c r="AC17" s="104">
        <v>18555531</v>
      </c>
      <c r="AD17" s="104">
        <v>23088895</v>
      </c>
      <c r="AE17" s="104">
        <v>26032890</v>
      </c>
      <c r="AF17" s="104">
        <v>30135708</v>
      </c>
      <c r="AG17" s="104">
        <v>28276461</v>
      </c>
      <c r="AH17" s="103">
        <v>126089485</v>
      </c>
      <c r="AI17" s="106">
        <v>126089485</v>
      </c>
      <c r="AJ17" s="100">
        <v>0</v>
      </c>
      <c r="AK17" s="104">
        <v>10833</v>
      </c>
      <c r="AL17" s="103">
        <v>10833</v>
      </c>
      <c r="AM17" s="100">
        <v>0</v>
      </c>
      <c r="AN17" s="104">
        <v>284773</v>
      </c>
      <c r="AO17" s="104">
        <v>602731</v>
      </c>
      <c r="AP17" s="104">
        <v>1361573</v>
      </c>
      <c r="AQ17" s="104">
        <v>3365005</v>
      </c>
      <c r="AR17" s="104">
        <v>4598585</v>
      </c>
      <c r="AS17" s="103">
        <v>10212667</v>
      </c>
      <c r="AT17" s="106">
        <v>10223500</v>
      </c>
      <c r="AU17" s="100">
        <v>1089740</v>
      </c>
      <c r="AV17" s="104">
        <v>1618320</v>
      </c>
      <c r="AW17" s="103">
        <v>2708060</v>
      </c>
      <c r="AX17" s="100">
        <v>0</v>
      </c>
      <c r="AY17" s="104">
        <v>12614272</v>
      </c>
      <c r="AZ17" s="104">
        <v>10568267</v>
      </c>
      <c r="BA17" s="104">
        <v>9260542</v>
      </c>
      <c r="BB17" s="104">
        <v>9536167</v>
      </c>
      <c r="BC17" s="104">
        <v>7758064</v>
      </c>
      <c r="BD17" s="103">
        <v>49737312</v>
      </c>
      <c r="BE17" s="106">
        <v>52445372</v>
      </c>
      <c r="BF17" s="100">
        <v>158635</v>
      </c>
      <c r="BG17" s="104">
        <v>314976</v>
      </c>
      <c r="BH17" s="102">
        <v>473611</v>
      </c>
      <c r="BI17" s="101">
        <v>0</v>
      </c>
      <c r="BJ17" s="104">
        <v>912183</v>
      </c>
      <c r="BK17" s="104">
        <v>882880</v>
      </c>
      <c r="BL17" s="104">
        <v>1018390</v>
      </c>
      <c r="BM17" s="104">
        <v>1041398</v>
      </c>
      <c r="BN17" s="104">
        <v>176965</v>
      </c>
      <c r="BO17" s="103">
        <v>4031816</v>
      </c>
      <c r="BP17" s="106">
        <v>4505427</v>
      </c>
      <c r="BQ17" s="100">
        <v>611756</v>
      </c>
      <c r="BR17" s="104">
        <v>504893</v>
      </c>
      <c r="BS17" s="103">
        <v>1116649</v>
      </c>
      <c r="BT17" s="100">
        <v>0</v>
      </c>
      <c r="BU17" s="104">
        <v>5403813</v>
      </c>
      <c r="BV17" s="104">
        <v>6066467</v>
      </c>
      <c r="BW17" s="104">
        <v>5633526</v>
      </c>
      <c r="BX17" s="104">
        <v>5711589</v>
      </c>
      <c r="BY17" s="104">
        <v>3622708</v>
      </c>
      <c r="BZ17" s="103">
        <v>26438103</v>
      </c>
      <c r="CA17" s="106">
        <v>27554752</v>
      </c>
      <c r="CB17" s="100">
        <v>2950979</v>
      </c>
      <c r="CC17" s="104">
        <v>4265797</v>
      </c>
      <c r="CD17" s="103">
        <v>7216776</v>
      </c>
      <c r="CE17" s="100">
        <v>0</v>
      </c>
      <c r="CF17" s="104">
        <v>49782584</v>
      </c>
      <c r="CG17" s="104">
        <v>39996197</v>
      </c>
      <c r="CH17" s="104">
        <v>33844357</v>
      </c>
      <c r="CI17" s="104">
        <v>26656120</v>
      </c>
      <c r="CJ17" s="104">
        <v>10922691</v>
      </c>
      <c r="CK17" s="103">
        <v>161201949</v>
      </c>
      <c r="CL17" s="106">
        <v>168418725</v>
      </c>
      <c r="CM17" s="100">
        <v>0</v>
      </c>
      <c r="CN17" s="104">
        <v>0</v>
      </c>
      <c r="CO17" s="103">
        <v>0</v>
      </c>
      <c r="CP17" s="101">
        <v>0</v>
      </c>
      <c r="CQ17" s="104">
        <v>40551100</v>
      </c>
      <c r="CR17" s="104">
        <v>31554173</v>
      </c>
      <c r="CS17" s="104">
        <v>26895217</v>
      </c>
      <c r="CT17" s="104">
        <v>21024691</v>
      </c>
      <c r="CU17" s="104">
        <v>9475501</v>
      </c>
      <c r="CV17" s="103">
        <v>129500682</v>
      </c>
      <c r="CW17" s="106">
        <v>129500682</v>
      </c>
      <c r="CX17" s="100">
        <v>2950979</v>
      </c>
      <c r="CY17" s="104">
        <v>4265797</v>
      </c>
      <c r="CZ17" s="103">
        <v>7216776</v>
      </c>
      <c r="DA17" s="100">
        <v>0</v>
      </c>
      <c r="DB17" s="104">
        <v>9231484</v>
      </c>
      <c r="DC17" s="104">
        <v>8442024</v>
      </c>
      <c r="DD17" s="104">
        <v>6949140</v>
      </c>
      <c r="DE17" s="104">
        <v>5631429</v>
      </c>
      <c r="DF17" s="104">
        <v>1447190</v>
      </c>
      <c r="DG17" s="103">
        <v>31701267</v>
      </c>
      <c r="DH17" s="106">
        <v>38918043</v>
      </c>
      <c r="DI17" s="100">
        <v>219101</v>
      </c>
      <c r="DJ17" s="104">
        <v>647581</v>
      </c>
      <c r="DK17" s="102">
        <v>866682</v>
      </c>
      <c r="DL17" s="101">
        <v>0</v>
      </c>
      <c r="DM17" s="104">
        <v>5878144</v>
      </c>
      <c r="DN17" s="104">
        <v>7405054</v>
      </c>
      <c r="DO17" s="104">
        <v>13198286</v>
      </c>
      <c r="DP17" s="104">
        <v>11224350</v>
      </c>
      <c r="DQ17" s="104">
        <v>5554549</v>
      </c>
      <c r="DR17" s="103">
        <v>43260383</v>
      </c>
      <c r="DS17" s="106">
        <v>44127065</v>
      </c>
      <c r="DT17" s="100">
        <v>219101</v>
      </c>
      <c r="DU17" s="104">
        <v>647581</v>
      </c>
      <c r="DV17" s="103">
        <v>866682</v>
      </c>
      <c r="DW17" s="100">
        <v>0</v>
      </c>
      <c r="DX17" s="104">
        <v>5785489</v>
      </c>
      <c r="DY17" s="104">
        <v>6993613</v>
      </c>
      <c r="DZ17" s="104">
        <v>12561182</v>
      </c>
      <c r="EA17" s="104">
        <v>10538354</v>
      </c>
      <c r="EB17" s="104">
        <v>4534935</v>
      </c>
      <c r="EC17" s="103">
        <v>40413573</v>
      </c>
      <c r="ED17" s="106">
        <v>41280255</v>
      </c>
      <c r="EE17" s="100">
        <v>0</v>
      </c>
      <c r="EF17" s="102">
        <v>0</v>
      </c>
      <c r="EG17" s="103">
        <v>0</v>
      </c>
      <c r="EH17" s="100">
        <v>0</v>
      </c>
      <c r="EI17" s="104">
        <v>92655</v>
      </c>
      <c r="EJ17" s="104">
        <v>411441</v>
      </c>
      <c r="EK17" s="104">
        <v>637104</v>
      </c>
      <c r="EL17" s="104">
        <v>685996</v>
      </c>
      <c r="EM17" s="104">
        <v>1019614</v>
      </c>
      <c r="EN17" s="102">
        <v>2846810</v>
      </c>
      <c r="EO17" s="106">
        <v>2846810</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2507856</v>
      </c>
      <c r="FM17" s="104">
        <v>3929526</v>
      </c>
      <c r="FN17" s="103">
        <v>6437382</v>
      </c>
      <c r="FO17" s="100">
        <v>0</v>
      </c>
      <c r="FP17" s="104">
        <v>8208496</v>
      </c>
      <c r="FQ17" s="104">
        <v>12209132</v>
      </c>
      <c r="FR17" s="104">
        <v>10580234</v>
      </c>
      <c r="FS17" s="104">
        <v>11003084</v>
      </c>
      <c r="FT17" s="104">
        <v>6282053</v>
      </c>
      <c r="FU17" s="103">
        <v>48282999</v>
      </c>
      <c r="FV17" s="106">
        <v>54720381</v>
      </c>
      <c r="FW17" s="105">
        <v>1865222</v>
      </c>
      <c r="FX17" s="104">
        <v>3059436</v>
      </c>
      <c r="FY17" s="102">
        <v>4924658</v>
      </c>
      <c r="FZ17" s="101">
        <v>0</v>
      </c>
      <c r="GA17" s="104">
        <v>6572721</v>
      </c>
      <c r="GB17" s="104">
        <v>11086818</v>
      </c>
      <c r="GC17" s="104">
        <v>9903088</v>
      </c>
      <c r="GD17" s="104">
        <v>9894982</v>
      </c>
      <c r="GE17" s="104">
        <v>6092700</v>
      </c>
      <c r="GF17" s="103">
        <v>43550309</v>
      </c>
      <c r="GG17" s="296">
        <v>48474967</v>
      </c>
      <c r="GH17" s="105">
        <v>125685</v>
      </c>
      <c r="GI17" s="104">
        <v>192222</v>
      </c>
      <c r="GJ17" s="102">
        <v>317907</v>
      </c>
      <c r="GK17" s="101">
        <v>0</v>
      </c>
      <c r="GL17" s="104">
        <v>461067</v>
      </c>
      <c r="GM17" s="104">
        <v>312894</v>
      </c>
      <c r="GN17" s="104">
        <v>300126</v>
      </c>
      <c r="GO17" s="104">
        <v>357474</v>
      </c>
      <c r="GP17" s="104">
        <v>118953</v>
      </c>
      <c r="GQ17" s="103">
        <v>1550514</v>
      </c>
      <c r="GR17" s="106">
        <v>1868421</v>
      </c>
      <c r="GS17" s="100">
        <v>516949</v>
      </c>
      <c r="GT17" s="104">
        <v>677868</v>
      </c>
      <c r="GU17" s="103">
        <v>1194817</v>
      </c>
      <c r="GV17" s="100">
        <v>0</v>
      </c>
      <c r="GW17" s="104">
        <v>1174708</v>
      </c>
      <c r="GX17" s="104">
        <v>809420</v>
      </c>
      <c r="GY17" s="104">
        <v>377020</v>
      </c>
      <c r="GZ17" s="104">
        <v>750628</v>
      </c>
      <c r="HA17" s="104">
        <v>70400</v>
      </c>
      <c r="HB17" s="102">
        <v>3182176</v>
      </c>
      <c r="HC17" s="106">
        <v>4376993</v>
      </c>
      <c r="HD17" s="100">
        <v>2141751</v>
      </c>
      <c r="HE17" s="104">
        <v>3012442</v>
      </c>
      <c r="HF17" s="102">
        <v>5154193</v>
      </c>
      <c r="HG17" s="101">
        <v>0</v>
      </c>
      <c r="HH17" s="104">
        <v>29491789</v>
      </c>
      <c r="HI17" s="104">
        <v>27248271</v>
      </c>
      <c r="HJ17" s="104">
        <v>26612049</v>
      </c>
      <c r="HK17" s="104">
        <v>35344153</v>
      </c>
      <c r="HL17" s="104">
        <v>16842461</v>
      </c>
      <c r="HM17" s="103">
        <v>135538723</v>
      </c>
      <c r="HN17" s="99">
        <v>140692916</v>
      </c>
      <c r="HO17" s="105">
        <v>2638596</v>
      </c>
      <c r="HP17" s="104">
        <v>3018298</v>
      </c>
      <c r="HQ17" s="103">
        <v>5656894</v>
      </c>
      <c r="HR17" s="100">
        <v>0</v>
      </c>
      <c r="HS17" s="104">
        <v>27106242</v>
      </c>
      <c r="HT17" s="104">
        <v>16647631</v>
      </c>
      <c r="HU17" s="104">
        <v>13892030</v>
      </c>
      <c r="HV17" s="104">
        <v>10224641</v>
      </c>
      <c r="HW17" s="104">
        <v>5231322</v>
      </c>
      <c r="HX17" s="102">
        <v>73101866</v>
      </c>
      <c r="HY17" s="106">
        <v>78758760</v>
      </c>
      <c r="HZ17" s="118">
        <v>52630</v>
      </c>
      <c r="IA17" s="119">
        <v>1317622</v>
      </c>
      <c r="IB17" s="120">
        <v>1370252</v>
      </c>
      <c r="IC17" s="133">
        <v>0</v>
      </c>
      <c r="ID17" s="119">
        <v>53665943</v>
      </c>
      <c r="IE17" s="134">
        <v>52937283</v>
      </c>
      <c r="IF17" s="120">
        <v>58865177</v>
      </c>
      <c r="IG17" s="119">
        <v>35165415</v>
      </c>
      <c r="IH17" s="120">
        <v>17903934</v>
      </c>
      <c r="II17" s="135">
        <v>218537752</v>
      </c>
      <c r="IJ17" s="126">
        <v>219908004</v>
      </c>
      <c r="IK17" s="219">
        <v>0</v>
      </c>
      <c r="IL17" s="223">
        <v>0</v>
      </c>
      <c r="IM17" s="224">
        <v>0</v>
      </c>
      <c r="IN17" s="127"/>
      <c r="IO17" s="109">
        <v>961731</v>
      </c>
      <c r="IP17" s="109">
        <v>1250698</v>
      </c>
      <c r="IQ17" s="109">
        <v>928192</v>
      </c>
      <c r="IR17" s="109">
        <v>1995386</v>
      </c>
      <c r="IS17" s="109">
        <v>2204276</v>
      </c>
      <c r="IT17" s="128">
        <v>7340283</v>
      </c>
      <c r="IU17" s="298">
        <v>7340283</v>
      </c>
      <c r="IV17" s="129">
        <v>0</v>
      </c>
      <c r="IW17" s="109">
        <v>0</v>
      </c>
      <c r="IX17" s="110">
        <v>0</v>
      </c>
      <c r="IY17" s="131"/>
      <c r="IZ17" s="109">
        <v>234956</v>
      </c>
      <c r="JA17" s="109">
        <v>283634</v>
      </c>
      <c r="JB17" s="109">
        <v>382083</v>
      </c>
      <c r="JC17" s="109">
        <v>260683</v>
      </c>
      <c r="JD17" s="109">
        <v>91402</v>
      </c>
      <c r="JE17" s="110">
        <v>1252758</v>
      </c>
      <c r="JF17" s="111">
        <v>1252758</v>
      </c>
      <c r="JG17" s="129">
        <v>0</v>
      </c>
      <c r="JH17" s="109">
        <v>0</v>
      </c>
      <c r="JI17" s="128">
        <v>0</v>
      </c>
      <c r="JJ17" s="108">
        <v>0</v>
      </c>
      <c r="JK17" s="109">
        <v>28722976</v>
      </c>
      <c r="JL17" s="109">
        <v>22403939</v>
      </c>
      <c r="JM17" s="109">
        <v>17551171</v>
      </c>
      <c r="JN17" s="109">
        <v>9966781</v>
      </c>
      <c r="JO17" s="109">
        <v>4256750</v>
      </c>
      <c r="JP17" s="110">
        <v>82901617</v>
      </c>
      <c r="JQ17" s="298">
        <v>82901617</v>
      </c>
      <c r="JR17" s="129">
        <v>0</v>
      </c>
      <c r="JS17" s="109">
        <v>0</v>
      </c>
      <c r="JT17" s="128">
        <v>0</v>
      </c>
      <c r="JU17" s="108">
        <v>0</v>
      </c>
      <c r="JV17" s="109">
        <v>1303082</v>
      </c>
      <c r="JW17" s="109">
        <v>918999</v>
      </c>
      <c r="JX17" s="109">
        <v>1684718</v>
      </c>
      <c r="JY17" s="109">
        <v>39309</v>
      </c>
      <c r="JZ17" s="109">
        <v>169704</v>
      </c>
      <c r="KA17" s="110">
        <v>4115812</v>
      </c>
      <c r="KB17" s="298">
        <v>4115812</v>
      </c>
      <c r="KC17" s="221">
        <v>52630</v>
      </c>
      <c r="KD17" s="217">
        <v>554762</v>
      </c>
      <c r="KE17" s="110">
        <v>607392</v>
      </c>
      <c r="KF17" s="108">
        <v>0</v>
      </c>
      <c r="KG17" s="109">
        <v>7721494</v>
      </c>
      <c r="KH17" s="109">
        <v>7705252</v>
      </c>
      <c r="KI17" s="109">
        <v>14653261</v>
      </c>
      <c r="KJ17" s="109">
        <v>5960511</v>
      </c>
      <c r="KK17" s="109">
        <v>4142919</v>
      </c>
      <c r="KL17" s="110">
        <v>40183437</v>
      </c>
      <c r="KM17" s="130">
        <v>40790829</v>
      </c>
      <c r="KN17" s="219">
        <v>0</v>
      </c>
      <c r="KO17" s="223">
        <v>762860</v>
      </c>
      <c r="KP17" s="224">
        <v>762860</v>
      </c>
      <c r="KQ17" s="127"/>
      <c r="KR17" s="109">
        <v>13812514</v>
      </c>
      <c r="KS17" s="109">
        <v>19085311</v>
      </c>
      <c r="KT17" s="109">
        <v>22534370</v>
      </c>
      <c r="KU17" s="109">
        <v>14728801</v>
      </c>
      <c r="KV17" s="109">
        <v>6298845</v>
      </c>
      <c r="KW17" s="110">
        <v>76459841</v>
      </c>
      <c r="KX17" s="298">
        <v>77222701</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247185</v>
      </c>
      <c r="LP17" s="109">
        <v>0</v>
      </c>
      <c r="LQ17" s="109">
        <v>0</v>
      </c>
      <c r="LR17" s="109">
        <v>0</v>
      </c>
      <c r="LS17" s="110">
        <v>247185</v>
      </c>
      <c r="LT17" s="298">
        <v>247185</v>
      </c>
      <c r="LU17" s="129">
        <v>0</v>
      </c>
      <c r="LV17" s="109">
        <v>0</v>
      </c>
      <c r="LW17" s="110">
        <v>0</v>
      </c>
      <c r="LX17" s="132"/>
      <c r="LY17" s="109">
        <v>909190</v>
      </c>
      <c r="LZ17" s="109">
        <v>1042265</v>
      </c>
      <c r="MA17" s="109">
        <v>1131382</v>
      </c>
      <c r="MB17" s="109">
        <v>2213944</v>
      </c>
      <c r="MC17" s="109">
        <v>740038</v>
      </c>
      <c r="MD17" s="110">
        <v>6036819</v>
      </c>
      <c r="ME17" s="111">
        <v>6036819</v>
      </c>
      <c r="MF17" s="129">
        <v>0</v>
      </c>
      <c r="MG17" s="109">
        <v>0</v>
      </c>
      <c r="MH17" s="110">
        <v>0</v>
      </c>
      <c r="MI17" s="132"/>
      <c r="MJ17" s="109">
        <v>16051500</v>
      </c>
      <c r="MK17" s="109">
        <v>27578330</v>
      </c>
      <c r="ML17" s="109">
        <v>92129331</v>
      </c>
      <c r="MM17" s="109">
        <v>159204176</v>
      </c>
      <c r="MN17" s="109">
        <v>101531993</v>
      </c>
      <c r="MO17" s="110">
        <v>396495330</v>
      </c>
      <c r="MP17" s="130">
        <v>396495330</v>
      </c>
      <c r="MQ17" s="129">
        <v>0</v>
      </c>
      <c r="MR17" s="109">
        <v>0</v>
      </c>
      <c r="MS17" s="110">
        <v>0</v>
      </c>
      <c r="MT17" s="132"/>
      <c r="MU17" s="109">
        <v>184698</v>
      </c>
      <c r="MV17" s="109">
        <v>1625891</v>
      </c>
      <c r="MW17" s="109">
        <v>49064833</v>
      </c>
      <c r="MX17" s="109">
        <v>113659794</v>
      </c>
      <c r="MY17" s="109">
        <v>66716730</v>
      </c>
      <c r="MZ17" s="110">
        <v>231251946</v>
      </c>
      <c r="NA17" s="130">
        <v>231251946</v>
      </c>
      <c r="NB17" s="129">
        <v>0</v>
      </c>
      <c r="NC17" s="109">
        <v>0</v>
      </c>
      <c r="ND17" s="110">
        <v>0</v>
      </c>
      <c r="NE17" s="132"/>
      <c r="NF17" s="109">
        <v>15009359</v>
      </c>
      <c r="NG17" s="109">
        <v>24785792</v>
      </c>
      <c r="NH17" s="109">
        <v>40020211</v>
      </c>
      <c r="NI17" s="109">
        <v>42055007</v>
      </c>
      <c r="NJ17" s="109">
        <v>23723211</v>
      </c>
      <c r="NK17" s="110">
        <v>145593580</v>
      </c>
      <c r="NL17" s="298">
        <v>145593580</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857443</v>
      </c>
      <c r="OC17" s="109">
        <v>1166647</v>
      </c>
      <c r="OD17" s="109">
        <v>3044287</v>
      </c>
      <c r="OE17" s="109">
        <v>3489375</v>
      </c>
      <c r="OF17" s="109">
        <v>11092052</v>
      </c>
      <c r="OG17" s="110">
        <v>19649804</v>
      </c>
      <c r="OH17" s="111">
        <v>19649804</v>
      </c>
      <c r="OI17" s="129">
        <v>12371044</v>
      </c>
      <c r="OJ17" s="109">
        <v>18640288</v>
      </c>
      <c r="OK17" s="128">
        <v>31011332</v>
      </c>
      <c r="OL17" s="108">
        <v>0</v>
      </c>
      <c r="OM17" s="109">
        <v>227955270</v>
      </c>
      <c r="ON17" s="109">
        <v>225231138</v>
      </c>
      <c r="OO17" s="109">
        <v>292428385</v>
      </c>
      <c r="OP17" s="109">
        <v>338611806</v>
      </c>
      <c r="OQ17" s="109">
        <v>208701786</v>
      </c>
      <c r="OR17" s="110">
        <v>1292928385</v>
      </c>
      <c r="OS17" s="130">
        <v>1323939717</v>
      </c>
    </row>
    <row r="18" spans="2:409" ht="21" customHeight="1" x14ac:dyDescent="0.2">
      <c r="B18" s="472" t="s">
        <v>12</v>
      </c>
      <c r="C18" s="100">
        <v>15424406</v>
      </c>
      <c r="D18" s="104">
        <v>33851316</v>
      </c>
      <c r="E18" s="103">
        <v>49275722</v>
      </c>
      <c r="F18" s="99">
        <v>0</v>
      </c>
      <c r="G18" s="104">
        <v>135923865</v>
      </c>
      <c r="H18" s="157">
        <v>163288301</v>
      </c>
      <c r="I18" s="157">
        <v>145215927</v>
      </c>
      <c r="J18" s="157">
        <v>159774359</v>
      </c>
      <c r="K18" s="157">
        <v>113942807</v>
      </c>
      <c r="L18" s="102">
        <v>718145259</v>
      </c>
      <c r="M18" s="106">
        <v>767420981</v>
      </c>
      <c r="N18" s="100">
        <v>3557263</v>
      </c>
      <c r="O18" s="104">
        <v>9763379</v>
      </c>
      <c r="P18" s="103">
        <v>13320642</v>
      </c>
      <c r="Q18" s="100">
        <v>0</v>
      </c>
      <c r="R18" s="104">
        <v>36377284</v>
      </c>
      <c r="S18" s="104">
        <v>53791811</v>
      </c>
      <c r="T18" s="104">
        <v>45170034</v>
      </c>
      <c r="U18" s="104">
        <v>60496973</v>
      </c>
      <c r="V18" s="104">
        <v>57829046</v>
      </c>
      <c r="W18" s="103">
        <v>253665148</v>
      </c>
      <c r="X18" s="106">
        <v>266985790</v>
      </c>
      <c r="Y18" s="100">
        <v>0</v>
      </c>
      <c r="Z18" s="104">
        <v>0</v>
      </c>
      <c r="AA18" s="103">
        <v>0</v>
      </c>
      <c r="AB18" s="100">
        <v>0</v>
      </c>
      <c r="AC18" s="104">
        <v>20961118</v>
      </c>
      <c r="AD18" s="104">
        <v>29668639</v>
      </c>
      <c r="AE18" s="104">
        <v>28574347</v>
      </c>
      <c r="AF18" s="104">
        <v>39221440</v>
      </c>
      <c r="AG18" s="104">
        <v>36627920</v>
      </c>
      <c r="AH18" s="103">
        <v>155053464</v>
      </c>
      <c r="AI18" s="106">
        <v>155053464</v>
      </c>
      <c r="AJ18" s="100">
        <v>0</v>
      </c>
      <c r="AK18" s="104">
        <v>228466</v>
      </c>
      <c r="AL18" s="103">
        <v>228466</v>
      </c>
      <c r="AM18" s="100">
        <v>0</v>
      </c>
      <c r="AN18" s="104">
        <v>293559</v>
      </c>
      <c r="AO18" s="104">
        <v>1012152</v>
      </c>
      <c r="AP18" s="104">
        <v>1235480</v>
      </c>
      <c r="AQ18" s="104">
        <v>4318119</v>
      </c>
      <c r="AR18" s="104">
        <v>6225510</v>
      </c>
      <c r="AS18" s="103">
        <v>13084820</v>
      </c>
      <c r="AT18" s="106">
        <v>13313286</v>
      </c>
      <c r="AU18" s="100">
        <v>2624020</v>
      </c>
      <c r="AV18" s="104">
        <v>7462129</v>
      </c>
      <c r="AW18" s="103">
        <v>10086149</v>
      </c>
      <c r="AX18" s="100">
        <v>0</v>
      </c>
      <c r="AY18" s="104">
        <v>10554434</v>
      </c>
      <c r="AZ18" s="104">
        <v>16008979</v>
      </c>
      <c r="BA18" s="104">
        <v>10019381</v>
      </c>
      <c r="BB18" s="104">
        <v>10150499</v>
      </c>
      <c r="BC18" s="104">
        <v>10108145</v>
      </c>
      <c r="BD18" s="103">
        <v>56841438</v>
      </c>
      <c r="BE18" s="106">
        <v>66927587</v>
      </c>
      <c r="BF18" s="100">
        <v>127464</v>
      </c>
      <c r="BG18" s="104">
        <v>785754</v>
      </c>
      <c r="BH18" s="102">
        <v>913218</v>
      </c>
      <c r="BI18" s="101">
        <v>0</v>
      </c>
      <c r="BJ18" s="104">
        <v>532581</v>
      </c>
      <c r="BK18" s="104">
        <v>1696228</v>
      </c>
      <c r="BL18" s="104">
        <v>619006</v>
      </c>
      <c r="BM18" s="104">
        <v>1009293</v>
      </c>
      <c r="BN18" s="104">
        <v>536489</v>
      </c>
      <c r="BO18" s="103">
        <v>4393597</v>
      </c>
      <c r="BP18" s="106">
        <v>5306815</v>
      </c>
      <c r="BQ18" s="100">
        <v>805779</v>
      </c>
      <c r="BR18" s="104">
        <v>1287030</v>
      </c>
      <c r="BS18" s="103">
        <v>2092809</v>
      </c>
      <c r="BT18" s="100">
        <v>0</v>
      </c>
      <c r="BU18" s="104">
        <v>4035592</v>
      </c>
      <c r="BV18" s="104">
        <v>5405813</v>
      </c>
      <c r="BW18" s="104">
        <v>4721820</v>
      </c>
      <c r="BX18" s="104">
        <v>5797622</v>
      </c>
      <c r="BY18" s="104">
        <v>4330982</v>
      </c>
      <c r="BZ18" s="103">
        <v>24291829</v>
      </c>
      <c r="CA18" s="106">
        <v>26384638</v>
      </c>
      <c r="CB18" s="100">
        <v>2690635</v>
      </c>
      <c r="CC18" s="104">
        <v>5935606</v>
      </c>
      <c r="CD18" s="103">
        <v>8626241</v>
      </c>
      <c r="CE18" s="100">
        <v>0</v>
      </c>
      <c r="CF18" s="104">
        <v>46247584</v>
      </c>
      <c r="CG18" s="104">
        <v>44889281</v>
      </c>
      <c r="CH18" s="104">
        <v>37740905</v>
      </c>
      <c r="CI18" s="104">
        <v>31162737</v>
      </c>
      <c r="CJ18" s="104">
        <v>14897208</v>
      </c>
      <c r="CK18" s="103">
        <v>174937715</v>
      </c>
      <c r="CL18" s="106">
        <v>183563956</v>
      </c>
      <c r="CM18" s="100">
        <v>0</v>
      </c>
      <c r="CN18" s="104">
        <v>0</v>
      </c>
      <c r="CO18" s="103">
        <v>0</v>
      </c>
      <c r="CP18" s="101">
        <v>0</v>
      </c>
      <c r="CQ18" s="104">
        <v>38701744</v>
      </c>
      <c r="CR18" s="104">
        <v>33755962</v>
      </c>
      <c r="CS18" s="104">
        <v>28140806</v>
      </c>
      <c r="CT18" s="104">
        <v>24511131</v>
      </c>
      <c r="CU18" s="104">
        <v>12023499</v>
      </c>
      <c r="CV18" s="103">
        <v>137133142</v>
      </c>
      <c r="CW18" s="106">
        <v>137133142</v>
      </c>
      <c r="CX18" s="100">
        <v>2690635</v>
      </c>
      <c r="CY18" s="104">
        <v>5935606</v>
      </c>
      <c r="CZ18" s="103">
        <v>8626241</v>
      </c>
      <c r="DA18" s="100">
        <v>0</v>
      </c>
      <c r="DB18" s="104">
        <v>7545840</v>
      </c>
      <c r="DC18" s="104">
        <v>11133319</v>
      </c>
      <c r="DD18" s="104">
        <v>9600099</v>
      </c>
      <c r="DE18" s="104">
        <v>6651606</v>
      </c>
      <c r="DF18" s="104">
        <v>2873709</v>
      </c>
      <c r="DG18" s="103">
        <v>37804573</v>
      </c>
      <c r="DH18" s="106">
        <v>46430814</v>
      </c>
      <c r="DI18" s="100">
        <v>113912</v>
      </c>
      <c r="DJ18" s="104">
        <v>625940</v>
      </c>
      <c r="DK18" s="102">
        <v>739852</v>
      </c>
      <c r="DL18" s="101">
        <v>0</v>
      </c>
      <c r="DM18" s="104">
        <v>6293380</v>
      </c>
      <c r="DN18" s="104">
        <v>7995773</v>
      </c>
      <c r="DO18" s="104">
        <v>12715498</v>
      </c>
      <c r="DP18" s="104">
        <v>9728857</v>
      </c>
      <c r="DQ18" s="104">
        <v>7976813</v>
      </c>
      <c r="DR18" s="103">
        <v>44710321</v>
      </c>
      <c r="DS18" s="106">
        <v>45450173</v>
      </c>
      <c r="DT18" s="100">
        <v>113912</v>
      </c>
      <c r="DU18" s="104">
        <v>625940</v>
      </c>
      <c r="DV18" s="103">
        <v>739852</v>
      </c>
      <c r="DW18" s="100">
        <v>0</v>
      </c>
      <c r="DX18" s="104">
        <v>5923619</v>
      </c>
      <c r="DY18" s="104">
        <v>7667172</v>
      </c>
      <c r="DZ18" s="104">
        <v>12486826</v>
      </c>
      <c r="EA18" s="104">
        <v>9411875</v>
      </c>
      <c r="EB18" s="104">
        <v>7728983</v>
      </c>
      <c r="EC18" s="103">
        <v>43218475</v>
      </c>
      <c r="ED18" s="106">
        <v>43958327</v>
      </c>
      <c r="EE18" s="100">
        <v>0</v>
      </c>
      <c r="EF18" s="102">
        <v>0</v>
      </c>
      <c r="EG18" s="103">
        <v>0</v>
      </c>
      <c r="EH18" s="100">
        <v>0</v>
      </c>
      <c r="EI18" s="104">
        <v>369761</v>
      </c>
      <c r="EJ18" s="104">
        <v>328601</v>
      </c>
      <c r="EK18" s="104">
        <v>228672</v>
      </c>
      <c r="EL18" s="104">
        <v>316982</v>
      </c>
      <c r="EM18" s="104">
        <v>247830</v>
      </c>
      <c r="EN18" s="102">
        <v>1491846</v>
      </c>
      <c r="EO18" s="106">
        <v>1491846</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3405877</v>
      </c>
      <c r="FM18" s="104">
        <v>7841175</v>
      </c>
      <c r="FN18" s="103">
        <v>11247052</v>
      </c>
      <c r="FO18" s="100">
        <v>0</v>
      </c>
      <c r="FP18" s="104">
        <v>4739183</v>
      </c>
      <c r="FQ18" s="104">
        <v>14205538</v>
      </c>
      <c r="FR18" s="104">
        <v>12120122</v>
      </c>
      <c r="FS18" s="104">
        <v>11963117</v>
      </c>
      <c r="FT18" s="104">
        <v>8696381</v>
      </c>
      <c r="FU18" s="103">
        <v>51724341</v>
      </c>
      <c r="FV18" s="106">
        <v>62971393</v>
      </c>
      <c r="FW18" s="105">
        <v>2233096</v>
      </c>
      <c r="FX18" s="104">
        <v>5795250</v>
      </c>
      <c r="FY18" s="102">
        <v>8028346</v>
      </c>
      <c r="FZ18" s="101">
        <v>0</v>
      </c>
      <c r="GA18" s="104">
        <v>3887524</v>
      </c>
      <c r="GB18" s="104">
        <v>13123253</v>
      </c>
      <c r="GC18" s="104">
        <v>11172109</v>
      </c>
      <c r="GD18" s="104">
        <v>11516854</v>
      </c>
      <c r="GE18" s="104">
        <v>8307176</v>
      </c>
      <c r="GF18" s="103">
        <v>48006916</v>
      </c>
      <c r="GG18" s="296">
        <v>56035262</v>
      </c>
      <c r="GH18" s="105">
        <v>307191</v>
      </c>
      <c r="GI18" s="104">
        <v>458235</v>
      </c>
      <c r="GJ18" s="102">
        <v>765426</v>
      </c>
      <c r="GK18" s="101">
        <v>0</v>
      </c>
      <c r="GL18" s="104">
        <v>381102</v>
      </c>
      <c r="GM18" s="104">
        <v>428657</v>
      </c>
      <c r="GN18" s="104">
        <v>329553</v>
      </c>
      <c r="GO18" s="104">
        <v>140060</v>
      </c>
      <c r="GP18" s="104">
        <v>108405</v>
      </c>
      <c r="GQ18" s="103">
        <v>1387777</v>
      </c>
      <c r="GR18" s="106">
        <v>2153203</v>
      </c>
      <c r="GS18" s="100">
        <v>865590</v>
      </c>
      <c r="GT18" s="104">
        <v>1587690</v>
      </c>
      <c r="GU18" s="103">
        <v>2453280</v>
      </c>
      <c r="GV18" s="100">
        <v>0</v>
      </c>
      <c r="GW18" s="104">
        <v>470557</v>
      </c>
      <c r="GX18" s="104">
        <v>653628</v>
      </c>
      <c r="GY18" s="104">
        <v>618460</v>
      </c>
      <c r="GZ18" s="104">
        <v>306203</v>
      </c>
      <c r="HA18" s="104">
        <v>280800</v>
      </c>
      <c r="HB18" s="102">
        <v>2329648</v>
      </c>
      <c r="HC18" s="106">
        <v>4782928</v>
      </c>
      <c r="HD18" s="100">
        <v>2528572</v>
      </c>
      <c r="HE18" s="104">
        <v>4399479</v>
      </c>
      <c r="HF18" s="102">
        <v>6928051</v>
      </c>
      <c r="HG18" s="101">
        <v>0</v>
      </c>
      <c r="HH18" s="104">
        <v>20085425</v>
      </c>
      <c r="HI18" s="104">
        <v>23330646</v>
      </c>
      <c r="HJ18" s="104">
        <v>23379871</v>
      </c>
      <c r="HK18" s="104">
        <v>34581322</v>
      </c>
      <c r="HL18" s="104">
        <v>18222663</v>
      </c>
      <c r="HM18" s="103">
        <v>119599927</v>
      </c>
      <c r="HN18" s="99">
        <v>126527978</v>
      </c>
      <c r="HO18" s="105">
        <v>3128147</v>
      </c>
      <c r="HP18" s="104">
        <v>5285737</v>
      </c>
      <c r="HQ18" s="103">
        <v>8413884</v>
      </c>
      <c r="HR18" s="100">
        <v>0</v>
      </c>
      <c r="HS18" s="104">
        <v>22181009</v>
      </c>
      <c r="HT18" s="104">
        <v>19075252</v>
      </c>
      <c r="HU18" s="104">
        <v>14089497</v>
      </c>
      <c r="HV18" s="104">
        <v>11841353</v>
      </c>
      <c r="HW18" s="104">
        <v>6320696</v>
      </c>
      <c r="HX18" s="102">
        <v>73507807</v>
      </c>
      <c r="HY18" s="106">
        <v>81921691</v>
      </c>
      <c r="HZ18" s="137">
        <v>0</v>
      </c>
      <c r="IA18" s="122">
        <v>89109</v>
      </c>
      <c r="IB18" s="137">
        <v>89109</v>
      </c>
      <c r="IC18" s="121">
        <v>0</v>
      </c>
      <c r="ID18" s="122">
        <v>33767188</v>
      </c>
      <c r="IE18" s="123">
        <v>44044002</v>
      </c>
      <c r="IF18" s="124">
        <v>49647330</v>
      </c>
      <c r="IG18" s="122">
        <v>40698052</v>
      </c>
      <c r="IH18" s="124">
        <v>34668240</v>
      </c>
      <c r="II18" s="125">
        <v>202824812</v>
      </c>
      <c r="IJ18" s="137">
        <v>202913921</v>
      </c>
      <c r="IK18" s="219">
        <v>0</v>
      </c>
      <c r="IL18" s="223">
        <v>0</v>
      </c>
      <c r="IM18" s="224">
        <v>0</v>
      </c>
      <c r="IN18" s="127"/>
      <c r="IO18" s="109">
        <v>650011</v>
      </c>
      <c r="IP18" s="109">
        <v>822114</v>
      </c>
      <c r="IQ18" s="109">
        <v>320611</v>
      </c>
      <c r="IR18" s="109">
        <v>1181169</v>
      </c>
      <c r="IS18" s="109">
        <v>1785618</v>
      </c>
      <c r="IT18" s="128">
        <v>4759523</v>
      </c>
      <c r="IU18" s="298">
        <v>4759523</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20732234</v>
      </c>
      <c r="JL18" s="109">
        <v>15890390</v>
      </c>
      <c r="JM18" s="109">
        <v>13257925</v>
      </c>
      <c r="JN18" s="109">
        <v>7294034</v>
      </c>
      <c r="JO18" s="109">
        <v>3874470</v>
      </c>
      <c r="JP18" s="110">
        <v>61049053</v>
      </c>
      <c r="JQ18" s="298">
        <v>61049053</v>
      </c>
      <c r="JR18" s="129">
        <v>0</v>
      </c>
      <c r="JS18" s="109">
        <v>0</v>
      </c>
      <c r="JT18" s="128">
        <v>0</v>
      </c>
      <c r="JU18" s="108">
        <v>0</v>
      </c>
      <c r="JV18" s="109">
        <v>344077</v>
      </c>
      <c r="JW18" s="109">
        <v>214679</v>
      </c>
      <c r="JX18" s="109">
        <v>0</v>
      </c>
      <c r="JY18" s="109">
        <v>198995</v>
      </c>
      <c r="JZ18" s="109">
        <v>309434</v>
      </c>
      <c r="KA18" s="110">
        <v>1067185</v>
      </c>
      <c r="KB18" s="298">
        <v>1067185</v>
      </c>
      <c r="KC18" s="221">
        <v>0</v>
      </c>
      <c r="KD18" s="217">
        <v>89109</v>
      </c>
      <c r="KE18" s="110">
        <v>89109</v>
      </c>
      <c r="KF18" s="108">
        <v>0</v>
      </c>
      <c r="KG18" s="109">
        <v>2900348</v>
      </c>
      <c r="KH18" s="109">
        <v>6751738</v>
      </c>
      <c r="KI18" s="109">
        <v>13732258</v>
      </c>
      <c r="KJ18" s="109">
        <v>9358058</v>
      </c>
      <c r="KK18" s="109">
        <v>9122687</v>
      </c>
      <c r="KL18" s="110">
        <v>41865089</v>
      </c>
      <c r="KM18" s="130">
        <v>41954198</v>
      </c>
      <c r="KN18" s="219">
        <v>0</v>
      </c>
      <c r="KO18" s="223">
        <v>0</v>
      </c>
      <c r="KP18" s="224">
        <v>0</v>
      </c>
      <c r="KQ18" s="127"/>
      <c r="KR18" s="109">
        <v>8295085</v>
      </c>
      <c r="KS18" s="109">
        <v>15000540</v>
      </c>
      <c r="KT18" s="109">
        <v>10730473</v>
      </c>
      <c r="KU18" s="109">
        <v>9728641</v>
      </c>
      <c r="KV18" s="109">
        <v>10944341</v>
      </c>
      <c r="KW18" s="110">
        <v>54699080</v>
      </c>
      <c r="KX18" s="298">
        <v>54699080</v>
      </c>
      <c r="KY18" s="129">
        <v>0</v>
      </c>
      <c r="KZ18" s="109">
        <v>0</v>
      </c>
      <c r="LA18" s="110">
        <v>0</v>
      </c>
      <c r="LB18" s="132"/>
      <c r="LC18" s="109">
        <v>0</v>
      </c>
      <c r="LD18" s="109">
        <v>1135520</v>
      </c>
      <c r="LE18" s="109">
        <v>1619275</v>
      </c>
      <c r="LF18" s="109">
        <v>2159832</v>
      </c>
      <c r="LG18" s="109">
        <v>1046481</v>
      </c>
      <c r="LH18" s="110">
        <v>5961108</v>
      </c>
      <c r="LI18" s="111">
        <v>5961108</v>
      </c>
      <c r="LJ18" s="129">
        <v>0</v>
      </c>
      <c r="LK18" s="109">
        <v>0</v>
      </c>
      <c r="LL18" s="110">
        <v>0</v>
      </c>
      <c r="LM18" s="132"/>
      <c r="LN18" s="109">
        <v>0</v>
      </c>
      <c r="LO18" s="109">
        <v>0</v>
      </c>
      <c r="LP18" s="109">
        <v>2313298</v>
      </c>
      <c r="LQ18" s="109">
        <v>3664865</v>
      </c>
      <c r="LR18" s="109">
        <v>2052172</v>
      </c>
      <c r="LS18" s="110">
        <v>8030335</v>
      </c>
      <c r="LT18" s="298">
        <v>8030335</v>
      </c>
      <c r="LU18" s="129">
        <v>0</v>
      </c>
      <c r="LV18" s="109">
        <v>0</v>
      </c>
      <c r="LW18" s="110">
        <v>0</v>
      </c>
      <c r="LX18" s="132"/>
      <c r="LY18" s="109">
        <v>845433</v>
      </c>
      <c r="LZ18" s="109">
        <v>4229021</v>
      </c>
      <c r="MA18" s="109">
        <v>7673490</v>
      </c>
      <c r="MB18" s="109">
        <v>7112458</v>
      </c>
      <c r="MC18" s="109">
        <v>5533037</v>
      </c>
      <c r="MD18" s="110">
        <v>25393439</v>
      </c>
      <c r="ME18" s="111">
        <v>25393439</v>
      </c>
      <c r="MF18" s="129">
        <v>0</v>
      </c>
      <c r="MG18" s="109">
        <v>0</v>
      </c>
      <c r="MH18" s="110">
        <v>0</v>
      </c>
      <c r="MI18" s="132"/>
      <c r="MJ18" s="109">
        <v>11617223</v>
      </c>
      <c r="MK18" s="109">
        <v>29273584</v>
      </c>
      <c r="ML18" s="109">
        <v>95790031</v>
      </c>
      <c r="MM18" s="109">
        <v>144074733</v>
      </c>
      <c r="MN18" s="109">
        <v>96692883</v>
      </c>
      <c r="MO18" s="110">
        <v>377448454</v>
      </c>
      <c r="MP18" s="130">
        <v>377448454</v>
      </c>
      <c r="MQ18" s="129">
        <v>0</v>
      </c>
      <c r="MR18" s="109">
        <v>0</v>
      </c>
      <c r="MS18" s="110">
        <v>0</v>
      </c>
      <c r="MT18" s="132"/>
      <c r="MU18" s="109">
        <v>490554</v>
      </c>
      <c r="MV18" s="109">
        <v>4395068</v>
      </c>
      <c r="MW18" s="109">
        <v>49688245</v>
      </c>
      <c r="MX18" s="109">
        <v>86108771</v>
      </c>
      <c r="MY18" s="109">
        <v>67028291</v>
      </c>
      <c r="MZ18" s="110">
        <v>207710929</v>
      </c>
      <c r="NA18" s="130">
        <v>207710929</v>
      </c>
      <c r="NB18" s="129">
        <v>0</v>
      </c>
      <c r="NC18" s="109">
        <v>0</v>
      </c>
      <c r="ND18" s="110">
        <v>0</v>
      </c>
      <c r="NE18" s="132"/>
      <c r="NF18" s="109">
        <v>11126669</v>
      </c>
      <c r="NG18" s="109">
        <v>24267084</v>
      </c>
      <c r="NH18" s="109">
        <v>45389476</v>
      </c>
      <c r="NI18" s="109">
        <v>52560433</v>
      </c>
      <c r="NJ18" s="109">
        <v>23887872</v>
      </c>
      <c r="NK18" s="110">
        <v>157231534</v>
      </c>
      <c r="NL18" s="298">
        <v>157231534</v>
      </c>
      <c r="NM18" s="129">
        <v>0</v>
      </c>
      <c r="NN18" s="109">
        <v>0</v>
      </c>
      <c r="NO18" s="110">
        <v>0</v>
      </c>
      <c r="NP18" s="132"/>
      <c r="NQ18" s="109">
        <v>0</v>
      </c>
      <c r="NR18" s="109">
        <v>0</v>
      </c>
      <c r="NS18" s="109">
        <v>0</v>
      </c>
      <c r="NT18" s="109">
        <v>0</v>
      </c>
      <c r="NU18" s="109">
        <v>1193533</v>
      </c>
      <c r="NV18" s="110">
        <v>1193533</v>
      </c>
      <c r="NW18" s="111">
        <v>1193533</v>
      </c>
      <c r="NX18" s="129">
        <v>0</v>
      </c>
      <c r="NY18" s="109">
        <v>0</v>
      </c>
      <c r="NZ18" s="110">
        <v>0</v>
      </c>
      <c r="OA18" s="132"/>
      <c r="OB18" s="109">
        <v>0</v>
      </c>
      <c r="OC18" s="109">
        <v>611432</v>
      </c>
      <c r="OD18" s="109">
        <v>712310</v>
      </c>
      <c r="OE18" s="109">
        <v>5405529</v>
      </c>
      <c r="OF18" s="109">
        <v>4583187</v>
      </c>
      <c r="OG18" s="110">
        <v>11312458</v>
      </c>
      <c r="OH18" s="111">
        <v>11312458</v>
      </c>
      <c r="OI18" s="129">
        <v>15424406</v>
      </c>
      <c r="OJ18" s="109">
        <v>33940425</v>
      </c>
      <c r="OK18" s="128">
        <v>49364831</v>
      </c>
      <c r="OL18" s="108">
        <v>0</v>
      </c>
      <c r="OM18" s="109">
        <v>181308276</v>
      </c>
      <c r="ON18" s="109">
        <v>236605887</v>
      </c>
      <c r="OO18" s="109">
        <v>290653288</v>
      </c>
      <c r="OP18" s="109">
        <v>344547144</v>
      </c>
      <c r="OQ18" s="109">
        <v>245303930</v>
      </c>
      <c r="OR18" s="110">
        <v>1298418525</v>
      </c>
      <c r="OS18" s="130">
        <v>1347783356</v>
      </c>
    </row>
    <row r="19" spans="2:409" ht="21" customHeight="1" x14ac:dyDescent="0.2">
      <c r="B19" s="472" t="s">
        <v>13</v>
      </c>
      <c r="C19" s="100">
        <v>3389543</v>
      </c>
      <c r="D19" s="104">
        <v>5383645</v>
      </c>
      <c r="E19" s="103">
        <v>8773188</v>
      </c>
      <c r="F19" s="100">
        <v>0</v>
      </c>
      <c r="G19" s="157">
        <v>48832551</v>
      </c>
      <c r="H19" s="104">
        <v>65231215</v>
      </c>
      <c r="I19" s="104">
        <v>57463523</v>
      </c>
      <c r="J19" s="104">
        <v>59955485</v>
      </c>
      <c r="K19" s="104">
        <v>56319801</v>
      </c>
      <c r="L19" s="102">
        <v>287802575</v>
      </c>
      <c r="M19" s="106">
        <v>296575763</v>
      </c>
      <c r="N19" s="100">
        <v>788237</v>
      </c>
      <c r="O19" s="104">
        <v>1492634</v>
      </c>
      <c r="P19" s="103">
        <v>2280871</v>
      </c>
      <c r="Q19" s="100">
        <v>0</v>
      </c>
      <c r="R19" s="104">
        <v>14783291</v>
      </c>
      <c r="S19" s="104">
        <v>21458676</v>
      </c>
      <c r="T19" s="104">
        <v>17099110</v>
      </c>
      <c r="U19" s="104">
        <v>22592883</v>
      </c>
      <c r="V19" s="104">
        <v>30955894</v>
      </c>
      <c r="W19" s="103">
        <v>106889854</v>
      </c>
      <c r="X19" s="106">
        <v>109170725</v>
      </c>
      <c r="Y19" s="100">
        <v>0</v>
      </c>
      <c r="Z19" s="104">
        <v>0</v>
      </c>
      <c r="AA19" s="103">
        <v>0</v>
      </c>
      <c r="AB19" s="100">
        <v>0</v>
      </c>
      <c r="AC19" s="104">
        <v>7240071</v>
      </c>
      <c r="AD19" s="104">
        <v>10754700</v>
      </c>
      <c r="AE19" s="104">
        <v>9201414</v>
      </c>
      <c r="AF19" s="104">
        <v>13649578</v>
      </c>
      <c r="AG19" s="104">
        <v>21206404</v>
      </c>
      <c r="AH19" s="103">
        <v>62052167</v>
      </c>
      <c r="AI19" s="106">
        <v>62052167</v>
      </c>
      <c r="AJ19" s="100">
        <v>0</v>
      </c>
      <c r="AK19" s="104">
        <v>0</v>
      </c>
      <c r="AL19" s="103">
        <v>0</v>
      </c>
      <c r="AM19" s="100">
        <v>0</v>
      </c>
      <c r="AN19" s="104">
        <v>0</v>
      </c>
      <c r="AO19" s="104">
        <v>70641</v>
      </c>
      <c r="AP19" s="104">
        <v>232099</v>
      </c>
      <c r="AQ19" s="104">
        <v>1008580</v>
      </c>
      <c r="AR19" s="104">
        <v>2353826</v>
      </c>
      <c r="AS19" s="103">
        <v>3665146</v>
      </c>
      <c r="AT19" s="106">
        <v>3665146</v>
      </c>
      <c r="AU19" s="100">
        <v>234644</v>
      </c>
      <c r="AV19" s="104">
        <v>1043403</v>
      </c>
      <c r="AW19" s="103">
        <v>1278047</v>
      </c>
      <c r="AX19" s="100">
        <v>0</v>
      </c>
      <c r="AY19" s="104">
        <v>4459725</v>
      </c>
      <c r="AZ19" s="104">
        <v>6710035</v>
      </c>
      <c r="BA19" s="104">
        <v>4447203</v>
      </c>
      <c r="BB19" s="104">
        <v>4588206</v>
      </c>
      <c r="BC19" s="104">
        <v>4483346</v>
      </c>
      <c r="BD19" s="103">
        <v>24688515</v>
      </c>
      <c r="BE19" s="106">
        <v>25966562</v>
      </c>
      <c r="BF19" s="100">
        <v>26507</v>
      </c>
      <c r="BG19" s="104">
        <v>186445</v>
      </c>
      <c r="BH19" s="102">
        <v>212952</v>
      </c>
      <c r="BI19" s="101">
        <v>0</v>
      </c>
      <c r="BJ19" s="104">
        <v>670854</v>
      </c>
      <c r="BK19" s="104">
        <v>955464</v>
      </c>
      <c r="BL19" s="104">
        <v>371649</v>
      </c>
      <c r="BM19" s="104">
        <v>444047</v>
      </c>
      <c r="BN19" s="104">
        <v>385178</v>
      </c>
      <c r="BO19" s="103">
        <v>2827192</v>
      </c>
      <c r="BP19" s="106">
        <v>3040144</v>
      </c>
      <c r="BQ19" s="100">
        <v>527086</v>
      </c>
      <c r="BR19" s="104">
        <v>262786</v>
      </c>
      <c r="BS19" s="103">
        <v>789872</v>
      </c>
      <c r="BT19" s="100">
        <v>0</v>
      </c>
      <c r="BU19" s="104">
        <v>2412641</v>
      </c>
      <c r="BV19" s="104">
        <v>2967836</v>
      </c>
      <c r="BW19" s="104">
        <v>2846745</v>
      </c>
      <c r="BX19" s="104">
        <v>2902472</v>
      </c>
      <c r="BY19" s="104">
        <v>2527140</v>
      </c>
      <c r="BZ19" s="103">
        <v>13656834</v>
      </c>
      <c r="CA19" s="106">
        <v>14446706</v>
      </c>
      <c r="CB19" s="100">
        <v>137786</v>
      </c>
      <c r="CC19" s="104">
        <v>786802</v>
      </c>
      <c r="CD19" s="103">
        <v>924588</v>
      </c>
      <c r="CE19" s="100">
        <v>0</v>
      </c>
      <c r="CF19" s="104">
        <v>10019312</v>
      </c>
      <c r="CG19" s="104">
        <v>13444239</v>
      </c>
      <c r="CH19" s="104">
        <v>11688274</v>
      </c>
      <c r="CI19" s="104">
        <v>9317199</v>
      </c>
      <c r="CJ19" s="104">
        <v>4830905</v>
      </c>
      <c r="CK19" s="103">
        <v>49299929</v>
      </c>
      <c r="CL19" s="106">
        <v>50224517</v>
      </c>
      <c r="CM19" s="100">
        <v>0</v>
      </c>
      <c r="CN19" s="104">
        <v>0</v>
      </c>
      <c r="CO19" s="103">
        <v>0</v>
      </c>
      <c r="CP19" s="101">
        <v>0</v>
      </c>
      <c r="CQ19" s="104">
        <v>8893502</v>
      </c>
      <c r="CR19" s="104">
        <v>11769565</v>
      </c>
      <c r="CS19" s="104">
        <v>9353976</v>
      </c>
      <c r="CT19" s="104">
        <v>6813860</v>
      </c>
      <c r="CU19" s="104">
        <v>3456317</v>
      </c>
      <c r="CV19" s="103">
        <v>40287220</v>
      </c>
      <c r="CW19" s="106">
        <v>40287220</v>
      </c>
      <c r="CX19" s="100">
        <v>137786</v>
      </c>
      <c r="CY19" s="104">
        <v>786802</v>
      </c>
      <c r="CZ19" s="103">
        <v>924588</v>
      </c>
      <c r="DA19" s="100">
        <v>0</v>
      </c>
      <c r="DB19" s="104">
        <v>1125810</v>
      </c>
      <c r="DC19" s="104">
        <v>1674674</v>
      </c>
      <c r="DD19" s="104">
        <v>2334298</v>
      </c>
      <c r="DE19" s="104">
        <v>2503339</v>
      </c>
      <c r="DF19" s="104">
        <v>1374588</v>
      </c>
      <c r="DG19" s="103">
        <v>9012709</v>
      </c>
      <c r="DH19" s="106">
        <v>9937297</v>
      </c>
      <c r="DI19" s="100">
        <v>0</v>
      </c>
      <c r="DJ19" s="104">
        <v>20536</v>
      </c>
      <c r="DK19" s="102">
        <v>20536</v>
      </c>
      <c r="DL19" s="101">
        <v>0</v>
      </c>
      <c r="DM19" s="104">
        <v>1171996</v>
      </c>
      <c r="DN19" s="104">
        <v>2161494</v>
      </c>
      <c r="DO19" s="104">
        <v>5562006</v>
      </c>
      <c r="DP19" s="104">
        <v>5767748</v>
      </c>
      <c r="DQ19" s="104">
        <v>2934158</v>
      </c>
      <c r="DR19" s="103">
        <v>17597402</v>
      </c>
      <c r="DS19" s="106">
        <v>17617938</v>
      </c>
      <c r="DT19" s="100">
        <v>0</v>
      </c>
      <c r="DU19" s="104">
        <v>20536</v>
      </c>
      <c r="DV19" s="103">
        <v>20536</v>
      </c>
      <c r="DW19" s="100">
        <v>0</v>
      </c>
      <c r="DX19" s="104">
        <v>1052034</v>
      </c>
      <c r="DY19" s="104">
        <v>1880376</v>
      </c>
      <c r="DZ19" s="104">
        <v>4786904</v>
      </c>
      <c r="EA19" s="104">
        <v>4505462</v>
      </c>
      <c r="EB19" s="104">
        <v>2618446</v>
      </c>
      <c r="EC19" s="103">
        <v>14843222</v>
      </c>
      <c r="ED19" s="106">
        <v>14863758</v>
      </c>
      <c r="EE19" s="100">
        <v>0</v>
      </c>
      <c r="EF19" s="102">
        <v>0</v>
      </c>
      <c r="EG19" s="103">
        <v>0</v>
      </c>
      <c r="EH19" s="100">
        <v>0</v>
      </c>
      <c r="EI19" s="104">
        <v>119962</v>
      </c>
      <c r="EJ19" s="104">
        <v>281118</v>
      </c>
      <c r="EK19" s="104">
        <v>775102</v>
      </c>
      <c r="EL19" s="104">
        <v>1262286</v>
      </c>
      <c r="EM19" s="104">
        <v>315712</v>
      </c>
      <c r="EN19" s="102">
        <v>2754180</v>
      </c>
      <c r="EO19" s="106">
        <v>2754180</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852877</v>
      </c>
      <c r="FM19" s="104">
        <v>1100707</v>
      </c>
      <c r="FN19" s="103">
        <v>1953584</v>
      </c>
      <c r="FO19" s="100">
        <v>0</v>
      </c>
      <c r="FP19" s="104">
        <v>1913068</v>
      </c>
      <c r="FQ19" s="104">
        <v>5202003</v>
      </c>
      <c r="FR19" s="104">
        <v>4070268</v>
      </c>
      <c r="FS19" s="104">
        <v>3910002</v>
      </c>
      <c r="FT19" s="104">
        <v>3113755</v>
      </c>
      <c r="FU19" s="103">
        <v>18209096</v>
      </c>
      <c r="FV19" s="106">
        <v>20162680</v>
      </c>
      <c r="FW19" s="105">
        <v>384857</v>
      </c>
      <c r="FX19" s="104">
        <v>885767</v>
      </c>
      <c r="FY19" s="102">
        <v>1270624</v>
      </c>
      <c r="FZ19" s="101">
        <v>0</v>
      </c>
      <c r="GA19" s="104">
        <v>1788550</v>
      </c>
      <c r="GB19" s="104">
        <v>4956101</v>
      </c>
      <c r="GC19" s="104">
        <v>3699228</v>
      </c>
      <c r="GD19" s="104">
        <v>3873570</v>
      </c>
      <c r="GE19" s="104">
        <v>3003757</v>
      </c>
      <c r="GF19" s="103">
        <v>17321206</v>
      </c>
      <c r="GG19" s="296">
        <v>18591830</v>
      </c>
      <c r="GH19" s="105">
        <v>17820</v>
      </c>
      <c r="GI19" s="104">
        <v>31590</v>
      </c>
      <c r="GJ19" s="102">
        <v>49410</v>
      </c>
      <c r="GK19" s="101">
        <v>0</v>
      </c>
      <c r="GL19" s="104">
        <v>81918</v>
      </c>
      <c r="GM19" s="104">
        <v>146321</v>
      </c>
      <c r="GN19" s="104">
        <v>64140</v>
      </c>
      <c r="GO19" s="104">
        <v>36432</v>
      </c>
      <c r="GP19" s="104">
        <v>109998</v>
      </c>
      <c r="GQ19" s="103">
        <v>438809</v>
      </c>
      <c r="GR19" s="106">
        <v>488219</v>
      </c>
      <c r="GS19" s="100">
        <v>450200</v>
      </c>
      <c r="GT19" s="104">
        <v>183350</v>
      </c>
      <c r="GU19" s="103">
        <v>633550</v>
      </c>
      <c r="GV19" s="100">
        <v>0</v>
      </c>
      <c r="GW19" s="104">
        <v>42600</v>
      </c>
      <c r="GX19" s="104">
        <v>99581</v>
      </c>
      <c r="GY19" s="104">
        <v>306900</v>
      </c>
      <c r="GZ19" s="104">
        <v>0</v>
      </c>
      <c r="HA19" s="104">
        <v>0</v>
      </c>
      <c r="HB19" s="102">
        <v>449081</v>
      </c>
      <c r="HC19" s="106">
        <v>1082631</v>
      </c>
      <c r="HD19" s="100">
        <v>1200306</v>
      </c>
      <c r="HE19" s="104">
        <v>983396</v>
      </c>
      <c r="HF19" s="102">
        <v>2183702</v>
      </c>
      <c r="HG19" s="101">
        <v>0</v>
      </c>
      <c r="HH19" s="104">
        <v>12391905</v>
      </c>
      <c r="HI19" s="104">
        <v>14958421</v>
      </c>
      <c r="HJ19" s="104">
        <v>13721889</v>
      </c>
      <c r="HK19" s="104">
        <v>14169139</v>
      </c>
      <c r="HL19" s="104">
        <v>11349382</v>
      </c>
      <c r="HM19" s="103">
        <v>66590736</v>
      </c>
      <c r="HN19" s="99">
        <v>68774438</v>
      </c>
      <c r="HO19" s="105">
        <v>410337</v>
      </c>
      <c r="HP19" s="104">
        <v>999570</v>
      </c>
      <c r="HQ19" s="103">
        <v>1409907</v>
      </c>
      <c r="HR19" s="100">
        <v>0</v>
      </c>
      <c r="HS19" s="104">
        <v>8552979</v>
      </c>
      <c r="HT19" s="104">
        <v>8006382</v>
      </c>
      <c r="HU19" s="104">
        <v>5321976</v>
      </c>
      <c r="HV19" s="104">
        <v>4198514</v>
      </c>
      <c r="HW19" s="104">
        <v>3135707</v>
      </c>
      <c r="HX19" s="102">
        <v>29215558</v>
      </c>
      <c r="HY19" s="106">
        <v>30625465</v>
      </c>
      <c r="HZ19" s="118">
        <v>66831</v>
      </c>
      <c r="IA19" s="119">
        <v>133316</v>
      </c>
      <c r="IB19" s="120">
        <v>200147</v>
      </c>
      <c r="IC19" s="133">
        <v>0</v>
      </c>
      <c r="ID19" s="119">
        <v>10950530</v>
      </c>
      <c r="IE19" s="134">
        <v>15210177</v>
      </c>
      <c r="IF19" s="120">
        <v>15517551</v>
      </c>
      <c r="IG19" s="119">
        <v>10242053</v>
      </c>
      <c r="IH19" s="120">
        <v>7260587</v>
      </c>
      <c r="II19" s="135">
        <v>59180898</v>
      </c>
      <c r="IJ19" s="126">
        <v>59381045</v>
      </c>
      <c r="IK19" s="219">
        <v>0</v>
      </c>
      <c r="IL19" s="223">
        <v>0</v>
      </c>
      <c r="IM19" s="224">
        <v>0</v>
      </c>
      <c r="IN19" s="127"/>
      <c r="IO19" s="109">
        <v>0</v>
      </c>
      <c r="IP19" s="109">
        <v>139182</v>
      </c>
      <c r="IQ19" s="109">
        <v>170075</v>
      </c>
      <c r="IR19" s="109">
        <v>0</v>
      </c>
      <c r="IS19" s="109">
        <v>635997</v>
      </c>
      <c r="IT19" s="128">
        <v>945254</v>
      </c>
      <c r="IU19" s="298">
        <v>945254</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6996803</v>
      </c>
      <c r="JL19" s="109">
        <v>8185477</v>
      </c>
      <c r="JM19" s="109">
        <v>6360834</v>
      </c>
      <c r="JN19" s="109">
        <v>3016158</v>
      </c>
      <c r="JO19" s="109">
        <v>2416832</v>
      </c>
      <c r="JP19" s="110">
        <v>26976104</v>
      </c>
      <c r="JQ19" s="298">
        <v>26976104</v>
      </c>
      <c r="JR19" s="129">
        <v>0</v>
      </c>
      <c r="JS19" s="109">
        <v>0</v>
      </c>
      <c r="JT19" s="128">
        <v>0</v>
      </c>
      <c r="JU19" s="108">
        <v>0</v>
      </c>
      <c r="JV19" s="109">
        <v>215431</v>
      </c>
      <c r="JW19" s="109">
        <v>631747</v>
      </c>
      <c r="JX19" s="109">
        <v>1009821</v>
      </c>
      <c r="JY19" s="109">
        <v>733906</v>
      </c>
      <c r="JZ19" s="109">
        <v>611234</v>
      </c>
      <c r="KA19" s="110">
        <v>3202139</v>
      </c>
      <c r="KB19" s="298">
        <v>3202139</v>
      </c>
      <c r="KC19" s="221">
        <v>66831</v>
      </c>
      <c r="KD19" s="217">
        <v>133316</v>
      </c>
      <c r="KE19" s="110">
        <v>200147</v>
      </c>
      <c r="KF19" s="108">
        <v>0</v>
      </c>
      <c r="KG19" s="109">
        <v>1171401</v>
      </c>
      <c r="KH19" s="109">
        <v>1683321</v>
      </c>
      <c r="KI19" s="109">
        <v>2017038</v>
      </c>
      <c r="KJ19" s="109">
        <v>265773</v>
      </c>
      <c r="KK19" s="109">
        <v>0</v>
      </c>
      <c r="KL19" s="110">
        <v>5137533</v>
      </c>
      <c r="KM19" s="130">
        <v>5337680</v>
      </c>
      <c r="KN19" s="219">
        <v>0</v>
      </c>
      <c r="KO19" s="223">
        <v>0</v>
      </c>
      <c r="KP19" s="224">
        <v>0</v>
      </c>
      <c r="KQ19" s="127"/>
      <c r="KR19" s="109">
        <v>2566895</v>
      </c>
      <c r="KS19" s="109">
        <v>4206464</v>
      </c>
      <c r="KT19" s="109">
        <v>5511305</v>
      </c>
      <c r="KU19" s="109">
        <v>5306826</v>
      </c>
      <c r="KV19" s="109">
        <v>2932677</v>
      </c>
      <c r="KW19" s="110">
        <v>20524167</v>
      </c>
      <c r="KX19" s="298">
        <v>20524167</v>
      </c>
      <c r="KY19" s="129">
        <v>0</v>
      </c>
      <c r="KZ19" s="109">
        <v>0</v>
      </c>
      <c r="LA19" s="110">
        <v>0</v>
      </c>
      <c r="LB19" s="132"/>
      <c r="LC19" s="109">
        <v>0</v>
      </c>
      <c r="LD19" s="109">
        <v>363986</v>
      </c>
      <c r="LE19" s="109">
        <v>448478</v>
      </c>
      <c r="LF19" s="109">
        <v>919390</v>
      </c>
      <c r="LG19" s="109">
        <v>663847</v>
      </c>
      <c r="LH19" s="110">
        <v>2395701</v>
      </c>
      <c r="LI19" s="111">
        <v>2395701</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2809273</v>
      </c>
      <c r="MK19" s="109">
        <v>9082739</v>
      </c>
      <c r="ML19" s="109">
        <v>28218685</v>
      </c>
      <c r="MM19" s="109">
        <v>54113251</v>
      </c>
      <c r="MN19" s="109">
        <v>42965989</v>
      </c>
      <c r="MO19" s="110">
        <v>137189937</v>
      </c>
      <c r="MP19" s="130">
        <v>137189937</v>
      </c>
      <c r="MQ19" s="129">
        <v>0</v>
      </c>
      <c r="MR19" s="109">
        <v>0</v>
      </c>
      <c r="MS19" s="110">
        <v>0</v>
      </c>
      <c r="MT19" s="132"/>
      <c r="MU19" s="109">
        <v>237767</v>
      </c>
      <c r="MV19" s="109">
        <v>737313</v>
      </c>
      <c r="MW19" s="109">
        <v>15351635</v>
      </c>
      <c r="MX19" s="109">
        <v>43624156</v>
      </c>
      <c r="MY19" s="109">
        <v>34481351</v>
      </c>
      <c r="MZ19" s="110">
        <v>94432222</v>
      </c>
      <c r="NA19" s="130">
        <v>94432222</v>
      </c>
      <c r="NB19" s="129">
        <v>0</v>
      </c>
      <c r="NC19" s="109">
        <v>0</v>
      </c>
      <c r="ND19" s="110">
        <v>0</v>
      </c>
      <c r="NE19" s="132"/>
      <c r="NF19" s="109">
        <v>2571506</v>
      </c>
      <c r="NG19" s="109">
        <v>8345426</v>
      </c>
      <c r="NH19" s="109">
        <v>12867050</v>
      </c>
      <c r="NI19" s="109">
        <v>10489095</v>
      </c>
      <c r="NJ19" s="109">
        <v>8061962</v>
      </c>
      <c r="NK19" s="110">
        <v>42335039</v>
      </c>
      <c r="NL19" s="298">
        <v>42335039</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422676</v>
      </c>
      <c r="OG19" s="110">
        <v>422676</v>
      </c>
      <c r="OH19" s="111">
        <v>422676</v>
      </c>
      <c r="OI19" s="129">
        <v>3456374</v>
      </c>
      <c r="OJ19" s="109">
        <v>5516961</v>
      </c>
      <c r="OK19" s="128">
        <v>8973335</v>
      </c>
      <c r="OL19" s="108">
        <v>0</v>
      </c>
      <c r="OM19" s="109">
        <v>62592354</v>
      </c>
      <c r="ON19" s="109">
        <v>89524131</v>
      </c>
      <c r="OO19" s="109">
        <v>101199759</v>
      </c>
      <c r="OP19" s="109">
        <v>124310789</v>
      </c>
      <c r="OQ19" s="109">
        <v>106546377</v>
      </c>
      <c r="OR19" s="110">
        <v>484173410</v>
      </c>
      <c r="OS19" s="130">
        <v>493146745</v>
      </c>
    </row>
    <row r="20" spans="2:409" ht="21" customHeight="1" x14ac:dyDescent="0.2">
      <c r="B20" s="472" t="s">
        <v>15</v>
      </c>
      <c r="C20" s="100">
        <v>2442630</v>
      </c>
      <c r="D20" s="104">
        <v>4064165</v>
      </c>
      <c r="E20" s="103">
        <v>6506795</v>
      </c>
      <c r="F20" s="99">
        <v>0</v>
      </c>
      <c r="G20" s="104">
        <v>35628464</v>
      </c>
      <c r="H20" s="104">
        <v>47738864</v>
      </c>
      <c r="I20" s="104">
        <v>43762651</v>
      </c>
      <c r="J20" s="104">
        <v>33898343</v>
      </c>
      <c r="K20" s="104">
        <v>28681695</v>
      </c>
      <c r="L20" s="99">
        <v>189710017</v>
      </c>
      <c r="M20" s="106">
        <v>196216812</v>
      </c>
      <c r="N20" s="100">
        <v>219277</v>
      </c>
      <c r="O20" s="104">
        <v>659246</v>
      </c>
      <c r="P20" s="103">
        <v>878523</v>
      </c>
      <c r="Q20" s="100">
        <v>0</v>
      </c>
      <c r="R20" s="104">
        <v>7597506</v>
      </c>
      <c r="S20" s="104">
        <v>13082636</v>
      </c>
      <c r="T20" s="104">
        <v>11063017</v>
      </c>
      <c r="U20" s="104">
        <v>10783460</v>
      </c>
      <c r="V20" s="104">
        <v>13723632</v>
      </c>
      <c r="W20" s="103">
        <v>56250251</v>
      </c>
      <c r="X20" s="106">
        <v>57128774</v>
      </c>
      <c r="Y20" s="100">
        <v>0</v>
      </c>
      <c r="Z20" s="104">
        <v>0</v>
      </c>
      <c r="AA20" s="103">
        <v>0</v>
      </c>
      <c r="AB20" s="100">
        <v>0</v>
      </c>
      <c r="AC20" s="104">
        <v>3813079</v>
      </c>
      <c r="AD20" s="104">
        <v>7642288</v>
      </c>
      <c r="AE20" s="104">
        <v>6512402</v>
      </c>
      <c r="AF20" s="104">
        <v>6653609</v>
      </c>
      <c r="AG20" s="104">
        <v>7754409</v>
      </c>
      <c r="AH20" s="103">
        <v>32375787</v>
      </c>
      <c r="AI20" s="106">
        <v>32375787</v>
      </c>
      <c r="AJ20" s="100">
        <v>0</v>
      </c>
      <c r="AK20" s="104">
        <v>0</v>
      </c>
      <c r="AL20" s="103">
        <v>0</v>
      </c>
      <c r="AM20" s="100">
        <v>0</v>
      </c>
      <c r="AN20" s="104">
        <v>0</v>
      </c>
      <c r="AO20" s="104">
        <v>282253</v>
      </c>
      <c r="AP20" s="104">
        <v>526112</v>
      </c>
      <c r="AQ20" s="104">
        <v>578891</v>
      </c>
      <c r="AR20" s="104">
        <v>1922593</v>
      </c>
      <c r="AS20" s="103">
        <v>3309849</v>
      </c>
      <c r="AT20" s="106">
        <v>3309849</v>
      </c>
      <c r="AU20" s="100">
        <v>60562</v>
      </c>
      <c r="AV20" s="104">
        <v>482726</v>
      </c>
      <c r="AW20" s="103">
        <v>543288</v>
      </c>
      <c r="AX20" s="100">
        <v>0</v>
      </c>
      <c r="AY20" s="104">
        <v>1962226</v>
      </c>
      <c r="AZ20" s="104">
        <v>3040499</v>
      </c>
      <c r="BA20" s="104">
        <v>2201059</v>
      </c>
      <c r="BB20" s="104">
        <v>1902419</v>
      </c>
      <c r="BC20" s="104">
        <v>2787632</v>
      </c>
      <c r="BD20" s="103">
        <v>11893835</v>
      </c>
      <c r="BE20" s="106">
        <v>12437123</v>
      </c>
      <c r="BF20" s="100">
        <v>0</v>
      </c>
      <c r="BG20" s="104">
        <v>44907</v>
      </c>
      <c r="BH20" s="102">
        <v>44907</v>
      </c>
      <c r="BI20" s="101">
        <v>0</v>
      </c>
      <c r="BJ20" s="104">
        <v>241819</v>
      </c>
      <c r="BK20" s="104">
        <v>444063</v>
      </c>
      <c r="BL20" s="104">
        <v>98936</v>
      </c>
      <c r="BM20" s="104">
        <v>87327</v>
      </c>
      <c r="BN20" s="104">
        <v>213891</v>
      </c>
      <c r="BO20" s="103">
        <v>1086036</v>
      </c>
      <c r="BP20" s="106">
        <v>1130943</v>
      </c>
      <c r="BQ20" s="100">
        <v>158715</v>
      </c>
      <c r="BR20" s="104">
        <v>131613</v>
      </c>
      <c r="BS20" s="103">
        <v>290328</v>
      </c>
      <c r="BT20" s="100">
        <v>0</v>
      </c>
      <c r="BU20" s="104">
        <v>1580382</v>
      </c>
      <c r="BV20" s="104">
        <v>1673533</v>
      </c>
      <c r="BW20" s="104">
        <v>1724508</v>
      </c>
      <c r="BX20" s="104">
        <v>1561214</v>
      </c>
      <c r="BY20" s="104">
        <v>1045107</v>
      </c>
      <c r="BZ20" s="103">
        <v>7584744</v>
      </c>
      <c r="CA20" s="106">
        <v>7875072</v>
      </c>
      <c r="CB20" s="100">
        <v>0</v>
      </c>
      <c r="CC20" s="104">
        <v>220686</v>
      </c>
      <c r="CD20" s="103">
        <v>220686</v>
      </c>
      <c r="CE20" s="100">
        <v>0</v>
      </c>
      <c r="CF20" s="104">
        <v>8395120</v>
      </c>
      <c r="CG20" s="104">
        <v>12403433</v>
      </c>
      <c r="CH20" s="104">
        <v>8252651</v>
      </c>
      <c r="CI20" s="104">
        <v>3651038</v>
      </c>
      <c r="CJ20" s="104">
        <v>2237504</v>
      </c>
      <c r="CK20" s="103">
        <v>34939746</v>
      </c>
      <c r="CL20" s="106">
        <v>35160432</v>
      </c>
      <c r="CM20" s="100">
        <v>0</v>
      </c>
      <c r="CN20" s="104">
        <v>0</v>
      </c>
      <c r="CO20" s="103">
        <v>0</v>
      </c>
      <c r="CP20" s="101">
        <v>0</v>
      </c>
      <c r="CQ20" s="104">
        <v>6496652</v>
      </c>
      <c r="CR20" s="104">
        <v>9676836</v>
      </c>
      <c r="CS20" s="104">
        <v>5316591</v>
      </c>
      <c r="CT20" s="104">
        <v>2363549</v>
      </c>
      <c r="CU20" s="104">
        <v>1261865</v>
      </c>
      <c r="CV20" s="103">
        <v>25115493</v>
      </c>
      <c r="CW20" s="106">
        <v>25115493</v>
      </c>
      <c r="CX20" s="100">
        <v>0</v>
      </c>
      <c r="CY20" s="104">
        <v>220686</v>
      </c>
      <c r="CZ20" s="103">
        <v>220686</v>
      </c>
      <c r="DA20" s="100">
        <v>0</v>
      </c>
      <c r="DB20" s="104">
        <v>1898468</v>
      </c>
      <c r="DC20" s="104">
        <v>2726597</v>
      </c>
      <c r="DD20" s="104">
        <v>2936060</v>
      </c>
      <c r="DE20" s="104">
        <v>1287489</v>
      </c>
      <c r="DF20" s="104">
        <v>975639</v>
      </c>
      <c r="DG20" s="103">
        <v>9824253</v>
      </c>
      <c r="DH20" s="106">
        <v>10044939</v>
      </c>
      <c r="DI20" s="100">
        <v>0</v>
      </c>
      <c r="DJ20" s="104">
        <v>21392</v>
      </c>
      <c r="DK20" s="102">
        <v>21392</v>
      </c>
      <c r="DL20" s="101">
        <v>0</v>
      </c>
      <c r="DM20" s="104">
        <v>628814</v>
      </c>
      <c r="DN20" s="104">
        <v>3577611</v>
      </c>
      <c r="DO20" s="104">
        <v>8859389</v>
      </c>
      <c r="DP20" s="104">
        <v>6721004</v>
      </c>
      <c r="DQ20" s="104">
        <v>4862290</v>
      </c>
      <c r="DR20" s="103">
        <v>24649108</v>
      </c>
      <c r="DS20" s="106">
        <v>24670500</v>
      </c>
      <c r="DT20" s="100">
        <v>0</v>
      </c>
      <c r="DU20" s="104">
        <v>21392</v>
      </c>
      <c r="DV20" s="103">
        <v>21392</v>
      </c>
      <c r="DW20" s="100">
        <v>0</v>
      </c>
      <c r="DX20" s="104">
        <v>517400</v>
      </c>
      <c r="DY20" s="104">
        <v>3210073</v>
      </c>
      <c r="DZ20" s="104">
        <v>7430113</v>
      </c>
      <c r="EA20" s="104">
        <v>6293083</v>
      </c>
      <c r="EB20" s="104">
        <v>4862290</v>
      </c>
      <c r="EC20" s="103">
        <v>22312959</v>
      </c>
      <c r="ED20" s="106">
        <v>22334351</v>
      </c>
      <c r="EE20" s="100">
        <v>0</v>
      </c>
      <c r="EF20" s="102">
        <v>0</v>
      </c>
      <c r="EG20" s="103">
        <v>0</v>
      </c>
      <c r="EH20" s="100">
        <v>0</v>
      </c>
      <c r="EI20" s="104">
        <v>111414</v>
      </c>
      <c r="EJ20" s="104">
        <v>367538</v>
      </c>
      <c r="EK20" s="104">
        <v>1429276</v>
      </c>
      <c r="EL20" s="104">
        <v>427921</v>
      </c>
      <c r="EM20" s="104">
        <v>0</v>
      </c>
      <c r="EN20" s="102">
        <v>2336149</v>
      </c>
      <c r="EO20" s="106">
        <v>2336149</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863512</v>
      </c>
      <c r="FM20" s="104">
        <v>1240959</v>
      </c>
      <c r="FN20" s="103">
        <v>2104471</v>
      </c>
      <c r="FO20" s="100">
        <v>0</v>
      </c>
      <c r="FP20" s="104">
        <v>2139046</v>
      </c>
      <c r="FQ20" s="104">
        <v>4951653</v>
      </c>
      <c r="FR20" s="104">
        <v>2867799</v>
      </c>
      <c r="FS20" s="104">
        <v>2422820</v>
      </c>
      <c r="FT20" s="104">
        <v>1967064</v>
      </c>
      <c r="FU20" s="103">
        <v>14348382</v>
      </c>
      <c r="FV20" s="106">
        <v>16452853</v>
      </c>
      <c r="FW20" s="105">
        <v>356354</v>
      </c>
      <c r="FX20" s="104">
        <v>772609</v>
      </c>
      <c r="FY20" s="102">
        <v>1128963</v>
      </c>
      <c r="FZ20" s="101">
        <v>0</v>
      </c>
      <c r="GA20" s="104">
        <v>1484382</v>
      </c>
      <c r="GB20" s="104">
        <v>4440926</v>
      </c>
      <c r="GC20" s="104">
        <v>2867799</v>
      </c>
      <c r="GD20" s="104">
        <v>2290880</v>
      </c>
      <c r="GE20" s="104">
        <v>1902534</v>
      </c>
      <c r="GF20" s="103">
        <v>12986521</v>
      </c>
      <c r="GG20" s="296">
        <v>14115484</v>
      </c>
      <c r="GH20" s="105">
        <v>45288</v>
      </c>
      <c r="GI20" s="104">
        <v>48600</v>
      </c>
      <c r="GJ20" s="102">
        <v>93888</v>
      </c>
      <c r="GK20" s="101">
        <v>0</v>
      </c>
      <c r="GL20" s="104">
        <v>163264</v>
      </c>
      <c r="GM20" s="104">
        <v>304051</v>
      </c>
      <c r="GN20" s="104">
        <v>0</v>
      </c>
      <c r="GO20" s="104">
        <v>45540</v>
      </c>
      <c r="GP20" s="104">
        <v>64530</v>
      </c>
      <c r="GQ20" s="103">
        <v>577385</v>
      </c>
      <c r="GR20" s="106">
        <v>671273</v>
      </c>
      <c r="GS20" s="100">
        <v>461870</v>
      </c>
      <c r="GT20" s="104">
        <v>419750</v>
      </c>
      <c r="GU20" s="103">
        <v>881620</v>
      </c>
      <c r="GV20" s="100">
        <v>0</v>
      </c>
      <c r="GW20" s="104">
        <v>491400</v>
      </c>
      <c r="GX20" s="104">
        <v>206676</v>
      </c>
      <c r="GY20" s="104">
        <v>0</v>
      </c>
      <c r="GZ20" s="104">
        <v>86400</v>
      </c>
      <c r="HA20" s="104">
        <v>0</v>
      </c>
      <c r="HB20" s="102">
        <v>784476</v>
      </c>
      <c r="HC20" s="106">
        <v>1666096</v>
      </c>
      <c r="HD20" s="100">
        <v>1019053</v>
      </c>
      <c r="HE20" s="104">
        <v>1161046</v>
      </c>
      <c r="HF20" s="102">
        <v>2180099</v>
      </c>
      <c r="HG20" s="101">
        <v>0</v>
      </c>
      <c r="HH20" s="104">
        <v>10307265</v>
      </c>
      <c r="HI20" s="104">
        <v>6113400</v>
      </c>
      <c r="HJ20" s="104">
        <v>8276725</v>
      </c>
      <c r="HK20" s="104">
        <v>7867816</v>
      </c>
      <c r="HL20" s="104">
        <v>3909335</v>
      </c>
      <c r="HM20" s="103">
        <v>36474541</v>
      </c>
      <c r="HN20" s="99">
        <v>38654640</v>
      </c>
      <c r="HO20" s="105">
        <v>340788</v>
      </c>
      <c r="HP20" s="104">
        <v>760836</v>
      </c>
      <c r="HQ20" s="103">
        <v>1101624</v>
      </c>
      <c r="HR20" s="100">
        <v>0</v>
      </c>
      <c r="HS20" s="104">
        <v>6560713</v>
      </c>
      <c r="HT20" s="104">
        <v>7610131</v>
      </c>
      <c r="HU20" s="104">
        <v>4443070</v>
      </c>
      <c r="HV20" s="104">
        <v>2452205</v>
      </c>
      <c r="HW20" s="104">
        <v>1981870</v>
      </c>
      <c r="HX20" s="102">
        <v>23047989</v>
      </c>
      <c r="HY20" s="106">
        <v>24149613</v>
      </c>
      <c r="HZ20" s="137">
        <v>93172</v>
      </c>
      <c r="IA20" s="122">
        <v>2039595</v>
      </c>
      <c r="IB20" s="137">
        <v>2132767</v>
      </c>
      <c r="IC20" s="121">
        <v>0</v>
      </c>
      <c r="ID20" s="122">
        <v>19710731</v>
      </c>
      <c r="IE20" s="123">
        <v>24787496</v>
      </c>
      <c r="IF20" s="124">
        <v>24602381</v>
      </c>
      <c r="IG20" s="122">
        <v>17370109</v>
      </c>
      <c r="IH20" s="124">
        <v>10733671</v>
      </c>
      <c r="II20" s="125">
        <v>97204388</v>
      </c>
      <c r="IJ20" s="137">
        <v>99337155</v>
      </c>
      <c r="IK20" s="219">
        <v>0</v>
      </c>
      <c r="IL20" s="223">
        <v>0</v>
      </c>
      <c r="IM20" s="224">
        <v>0</v>
      </c>
      <c r="IN20" s="127"/>
      <c r="IO20" s="109">
        <v>123384</v>
      </c>
      <c r="IP20" s="109">
        <v>333377</v>
      </c>
      <c r="IQ20" s="109">
        <v>814492</v>
      </c>
      <c r="IR20" s="109">
        <v>870960</v>
      </c>
      <c r="IS20" s="109">
        <v>1362742</v>
      </c>
      <c r="IT20" s="128">
        <v>3504955</v>
      </c>
      <c r="IU20" s="298">
        <v>3504955</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8241506</v>
      </c>
      <c r="JL20" s="109">
        <v>10843463</v>
      </c>
      <c r="JM20" s="109">
        <v>7725857</v>
      </c>
      <c r="JN20" s="109">
        <v>3108499</v>
      </c>
      <c r="JO20" s="109">
        <v>1560795</v>
      </c>
      <c r="JP20" s="110">
        <v>31480120</v>
      </c>
      <c r="JQ20" s="298">
        <v>31480120</v>
      </c>
      <c r="JR20" s="129">
        <v>0</v>
      </c>
      <c r="JS20" s="109">
        <v>0</v>
      </c>
      <c r="JT20" s="128">
        <v>0</v>
      </c>
      <c r="JU20" s="108">
        <v>0</v>
      </c>
      <c r="JV20" s="109">
        <v>234153</v>
      </c>
      <c r="JW20" s="109">
        <v>133316</v>
      </c>
      <c r="JX20" s="109">
        <v>637055</v>
      </c>
      <c r="JY20" s="109">
        <v>130814</v>
      </c>
      <c r="JZ20" s="109">
        <v>348076</v>
      </c>
      <c r="KA20" s="110">
        <v>1483414</v>
      </c>
      <c r="KB20" s="298">
        <v>1483414</v>
      </c>
      <c r="KC20" s="221">
        <v>93172</v>
      </c>
      <c r="KD20" s="217">
        <v>1039803</v>
      </c>
      <c r="KE20" s="110">
        <v>1132975</v>
      </c>
      <c r="KF20" s="108">
        <v>0</v>
      </c>
      <c r="KG20" s="109">
        <v>1687164</v>
      </c>
      <c r="KH20" s="109">
        <v>1617975</v>
      </c>
      <c r="KI20" s="109">
        <v>1405394</v>
      </c>
      <c r="KJ20" s="109">
        <v>2101189</v>
      </c>
      <c r="KK20" s="109">
        <v>740470</v>
      </c>
      <c r="KL20" s="110">
        <v>7552192</v>
      </c>
      <c r="KM20" s="130">
        <v>8685167</v>
      </c>
      <c r="KN20" s="219">
        <v>0</v>
      </c>
      <c r="KO20" s="223">
        <v>999792</v>
      </c>
      <c r="KP20" s="224">
        <v>999792</v>
      </c>
      <c r="KQ20" s="127"/>
      <c r="KR20" s="109">
        <v>8686318</v>
      </c>
      <c r="KS20" s="109">
        <v>10696722</v>
      </c>
      <c r="KT20" s="109">
        <v>10860745</v>
      </c>
      <c r="KU20" s="109">
        <v>6586146</v>
      </c>
      <c r="KV20" s="109">
        <v>4496406</v>
      </c>
      <c r="KW20" s="110">
        <v>41326337</v>
      </c>
      <c r="KX20" s="298">
        <v>42326129</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1941864</v>
      </c>
      <c r="LQ20" s="109">
        <v>4267467</v>
      </c>
      <c r="LR20" s="109">
        <v>1629720</v>
      </c>
      <c r="LS20" s="110">
        <v>7839051</v>
      </c>
      <c r="LT20" s="298">
        <v>7839051</v>
      </c>
      <c r="LU20" s="129">
        <v>0</v>
      </c>
      <c r="LV20" s="109">
        <v>0</v>
      </c>
      <c r="LW20" s="110">
        <v>0</v>
      </c>
      <c r="LX20" s="132"/>
      <c r="LY20" s="109">
        <v>738206</v>
      </c>
      <c r="LZ20" s="109">
        <v>1162643</v>
      </c>
      <c r="MA20" s="109">
        <v>1216974</v>
      </c>
      <c r="MB20" s="109">
        <v>305034</v>
      </c>
      <c r="MC20" s="109">
        <v>595462</v>
      </c>
      <c r="MD20" s="110">
        <v>4018319</v>
      </c>
      <c r="ME20" s="111">
        <v>4018319</v>
      </c>
      <c r="MF20" s="129">
        <v>0</v>
      </c>
      <c r="MG20" s="109">
        <v>0</v>
      </c>
      <c r="MH20" s="110">
        <v>0</v>
      </c>
      <c r="MI20" s="132"/>
      <c r="MJ20" s="109">
        <v>4533817</v>
      </c>
      <c r="MK20" s="109">
        <v>10249666</v>
      </c>
      <c r="ML20" s="109">
        <v>34410941</v>
      </c>
      <c r="MM20" s="109">
        <v>58136361</v>
      </c>
      <c r="MN20" s="109">
        <v>32477863</v>
      </c>
      <c r="MO20" s="110">
        <v>139808648</v>
      </c>
      <c r="MP20" s="130">
        <v>139808648</v>
      </c>
      <c r="MQ20" s="129">
        <v>0</v>
      </c>
      <c r="MR20" s="109">
        <v>0</v>
      </c>
      <c r="MS20" s="110">
        <v>0</v>
      </c>
      <c r="MT20" s="132"/>
      <c r="MU20" s="109">
        <v>210634</v>
      </c>
      <c r="MV20" s="109">
        <v>0</v>
      </c>
      <c r="MW20" s="109">
        <v>21593711</v>
      </c>
      <c r="MX20" s="109">
        <v>40356050</v>
      </c>
      <c r="MY20" s="109">
        <v>25464637</v>
      </c>
      <c r="MZ20" s="110">
        <v>87625032</v>
      </c>
      <c r="NA20" s="130">
        <v>87625032</v>
      </c>
      <c r="NB20" s="129">
        <v>0</v>
      </c>
      <c r="NC20" s="109">
        <v>0</v>
      </c>
      <c r="ND20" s="110">
        <v>0</v>
      </c>
      <c r="NE20" s="132"/>
      <c r="NF20" s="109">
        <v>4323183</v>
      </c>
      <c r="NG20" s="109">
        <v>10249666</v>
      </c>
      <c r="NH20" s="109">
        <v>12817230</v>
      </c>
      <c r="NI20" s="109">
        <v>17780311</v>
      </c>
      <c r="NJ20" s="109">
        <v>7013226</v>
      </c>
      <c r="NK20" s="110">
        <v>52183616</v>
      </c>
      <c r="NL20" s="298">
        <v>52183616</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2535802</v>
      </c>
      <c r="OJ20" s="109">
        <v>6103760</v>
      </c>
      <c r="OK20" s="128">
        <v>8639562</v>
      </c>
      <c r="OL20" s="108">
        <v>0</v>
      </c>
      <c r="OM20" s="109">
        <v>59873012</v>
      </c>
      <c r="ON20" s="109">
        <v>82776026</v>
      </c>
      <c r="OO20" s="109">
        <v>102775973</v>
      </c>
      <c r="OP20" s="109">
        <v>109404813</v>
      </c>
      <c r="OQ20" s="109">
        <v>71893229</v>
      </c>
      <c r="OR20" s="110">
        <v>426723053</v>
      </c>
      <c r="OS20" s="130">
        <v>435362615</v>
      </c>
    </row>
    <row r="21" spans="2:409" ht="21" customHeight="1" x14ac:dyDescent="0.2">
      <c r="B21" s="472" t="s">
        <v>16</v>
      </c>
      <c r="C21" s="100">
        <v>5792671</v>
      </c>
      <c r="D21" s="104">
        <v>14487220</v>
      </c>
      <c r="E21" s="103">
        <v>20279891</v>
      </c>
      <c r="F21" s="99">
        <v>0</v>
      </c>
      <c r="G21" s="104">
        <v>79715616</v>
      </c>
      <c r="H21" s="104">
        <v>143720375</v>
      </c>
      <c r="I21" s="104">
        <v>103377849</v>
      </c>
      <c r="J21" s="104">
        <v>98310243</v>
      </c>
      <c r="K21" s="104">
        <v>71860724</v>
      </c>
      <c r="L21" s="99">
        <v>496984807</v>
      </c>
      <c r="M21" s="106">
        <v>517264698</v>
      </c>
      <c r="N21" s="100">
        <v>1211815</v>
      </c>
      <c r="O21" s="104">
        <v>2639003</v>
      </c>
      <c r="P21" s="103">
        <v>3850818</v>
      </c>
      <c r="Q21" s="100">
        <v>0</v>
      </c>
      <c r="R21" s="104">
        <v>16580422</v>
      </c>
      <c r="S21" s="104">
        <v>33161563</v>
      </c>
      <c r="T21" s="104">
        <v>26960564</v>
      </c>
      <c r="U21" s="104">
        <v>28068175</v>
      </c>
      <c r="V21" s="104">
        <v>26757302</v>
      </c>
      <c r="W21" s="103">
        <v>131528026</v>
      </c>
      <c r="X21" s="106">
        <v>135378844</v>
      </c>
      <c r="Y21" s="100">
        <v>0</v>
      </c>
      <c r="Z21" s="104">
        <v>0</v>
      </c>
      <c r="AA21" s="103">
        <v>0</v>
      </c>
      <c r="AB21" s="100">
        <v>0</v>
      </c>
      <c r="AC21" s="104">
        <v>6814097</v>
      </c>
      <c r="AD21" s="104">
        <v>13148604</v>
      </c>
      <c r="AE21" s="104">
        <v>13226571</v>
      </c>
      <c r="AF21" s="104">
        <v>14958874</v>
      </c>
      <c r="AG21" s="104">
        <v>12759738</v>
      </c>
      <c r="AH21" s="103">
        <v>60907884</v>
      </c>
      <c r="AI21" s="106">
        <v>60907884</v>
      </c>
      <c r="AJ21" s="100">
        <v>0</v>
      </c>
      <c r="AK21" s="104">
        <v>0</v>
      </c>
      <c r="AL21" s="103">
        <v>0</v>
      </c>
      <c r="AM21" s="100">
        <v>0</v>
      </c>
      <c r="AN21" s="104">
        <v>76907</v>
      </c>
      <c r="AO21" s="104">
        <v>304552</v>
      </c>
      <c r="AP21" s="104">
        <v>736087</v>
      </c>
      <c r="AQ21" s="104">
        <v>954897</v>
      </c>
      <c r="AR21" s="104">
        <v>3036182</v>
      </c>
      <c r="AS21" s="103">
        <v>5108625</v>
      </c>
      <c r="AT21" s="106">
        <v>5108625</v>
      </c>
      <c r="AU21" s="100">
        <v>458909</v>
      </c>
      <c r="AV21" s="104">
        <v>1676703</v>
      </c>
      <c r="AW21" s="103">
        <v>2135612</v>
      </c>
      <c r="AX21" s="100">
        <v>0</v>
      </c>
      <c r="AY21" s="104">
        <v>6654171</v>
      </c>
      <c r="AZ21" s="104">
        <v>13843107</v>
      </c>
      <c r="BA21" s="104">
        <v>8367736</v>
      </c>
      <c r="BB21" s="104">
        <v>7716756</v>
      </c>
      <c r="BC21" s="104">
        <v>7274763</v>
      </c>
      <c r="BD21" s="103">
        <v>43856533</v>
      </c>
      <c r="BE21" s="106">
        <v>45992145</v>
      </c>
      <c r="BF21" s="100">
        <v>185273</v>
      </c>
      <c r="BG21" s="104">
        <v>379155</v>
      </c>
      <c r="BH21" s="102">
        <v>564428</v>
      </c>
      <c r="BI21" s="101">
        <v>0</v>
      </c>
      <c r="BJ21" s="104">
        <v>401279</v>
      </c>
      <c r="BK21" s="104">
        <v>1439487</v>
      </c>
      <c r="BL21" s="104">
        <v>720196</v>
      </c>
      <c r="BM21" s="104">
        <v>425908</v>
      </c>
      <c r="BN21" s="104">
        <v>552323</v>
      </c>
      <c r="BO21" s="103">
        <v>3539193</v>
      </c>
      <c r="BP21" s="106">
        <v>4103621</v>
      </c>
      <c r="BQ21" s="100">
        <v>567633</v>
      </c>
      <c r="BR21" s="104">
        <v>583145</v>
      </c>
      <c r="BS21" s="103">
        <v>1150778</v>
      </c>
      <c r="BT21" s="100">
        <v>0</v>
      </c>
      <c r="BU21" s="104">
        <v>2633968</v>
      </c>
      <c r="BV21" s="104">
        <v>4425813</v>
      </c>
      <c r="BW21" s="104">
        <v>3909974</v>
      </c>
      <c r="BX21" s="104">
        <v>4011740</v>
      </c>
      <c r="BY21" s="104">
        <v>3134296</v>
      </c>
      <c r="BZ21" s="103">
        <v>18115791</v>
      </c>
      <c r="CA21" s="106">
        <v>19266569</v>
      </c>
      <c r="CB21" s="100">
        <v>871433</v>
      </c>
      <c r="CC21" s="104">
        <v>4218689</v>
      </c>
      <c r="CD21" s="103">
        <v>5090122</v>
      </c>
      <c r="CE21" s="100">
        <v>0</v>
      </c>
      <c r="CF21" s="104">
        <v>28729440</v>
      </c>
      <c r="CG21" s="104">
        <v>54081659</v>
      </c>
      <c r="CH21" s="104">
        <v>33152105</v>
      </c>
      <c r="CI21" s="104">
        <v>22289301</v>
      </c>
      <c r="CJ21" s="104">
        <v>14665698</v>
      </c>
      <c r="CK21" s="103">
        <v>152918203</v>
      </c>
      <c r="CL21" s="106">
        <v>158008325</v>
      </c>
      <c r="CM21" s="100">
        <v>0</v>
      </c>
      <c r="CN21" s="104">
        <v>0</v>
      </c>
      <c r="CO21" s="103">
        <v>0</v>
      </c>
      <c r="CP21" s="101">
        <v>0</v>
      </c>
      <c r="CQ21" s="104">
        <v>18631935</v>
      </c>
      <c r="CR21" s="104">
        <v>34872921</v>
      </c>
      <c r="CS21" s="104">
        <v>24369926</v>
      </c>
      <c r="CT21" s="104">
        <v>16297891</v>
      </c>
      <c r="CU21" s="104">
        <v>12964314</v>
      </c>
      <c r="CV21" s="103">
        <v>107136987</v>
      </c>
      <c r="CW21" s="106">
        <v>107136987</v>
      </c>
      <c r="CX21" s="100">
        <v>871433</v>
      </c>
      <c r="CY21" s="104">
        <v>4218689</v>
      </c>
      <c r="CZ21" s="103">
        <v>5090122</v>
      </c>
      <c r="DA21" s="100">
        <v>0</v>
      </c>
      <c r="DB21" s="104">
        <v>10097505</v>
      </c>
      <c r="DC21" s="104">
        <v>19208738</v>
      </c>
      <c r="DD21" s="104">
        <v>8782179</v>
      </c>
      <c r="DE21" s="104">
        <v>5991410</v>
      </c>
      <c r="DF21" s="104">
        <v>1701384</v>
      </c>
      <c r="DG21" s="103">
        <v>45781216</v>
      </c>
      <c r="DH21" s="106">
        <v>50871338</v>
      </c>
      <c r="DI21" s="100">
        <v>0</v>
      </c>
      <c r="DJ21" s="104">
        <v>37456</v>
      </c>
      <c r="DK21" s="102">
        <v>37456</v>
      </c>
      <c r="DL21" s="101">
        <v>0</v>
      </c>
      <c r="DM21" s="104">
        <v>2045364</v>
      </c>
      <c r="DN21" s="104">
        <v>5779646</v>
      </c>
      <c r="DO21" s="104">
        <v>7790685</v>
      </c>
      <c r="DP21" s="104">
        <v>6662399</v>
      </c>
      <c r="DQ21" s="104">
        <v>2855805</v>
      </c>
      <c r="DR21" s="103">
        <v>25133899</v>
      </c>
      <c r="DS21" s="106">
        <v>25171355</v>
      </c>
      <c r="DT21" s="100">
        <v>0</v>
      </c>
      <c r="DU21" s="104">
        <v>37456</v>
      </c>
      <c r="DV21" s="103">
        <v>37456</v>
      </c>
      <c r="DW21" s="100">
        <v>0</v>
      </c>
      <c r="DX21" s="104">
        <v>1926715</v>
      </c>
      <c r="DY21" s="104">
        <v>4913341</v>
      </c>
      <c r="DZ21" s="104">
        <v>7219226</v>
      </c>
      <c r="EA21" s="104">
        <v>5756062</v>
      </c>
      <c r="EB21" s="104">
        <v>2471917</v>
      </c>
      <c r="EC21" s="103">
        <v>22287261</v>
      </c>
      <c r="ED21" s="106">
        <v>22324717</v>
      </c>
      <c r="EE21" s="100">
        <v>0</v>
      </c>
      <c r="EF21" s="102">
        <v>0</v>
      </c>
      <c r="EG21" s="103">
        <v>0</v>
      </c>
      <c r="EH21" s="100">
        <v>0</v>
      </c>
      <c r="EI21" s="104">
        <v>118649</v>
      </c>
      <c r="EJ21" s="104">
        <v>866305</v>
      </c>
      <c r="EK21" s="104">
        <v>571459</v>
      </c>
      <c r="EL21" s="104">
        <v>906337</v>
      </c>
      <c r="EM21" s="104">
        <v>383888</v>
      </c>
      <c r="EN21" s="102">
        <v>2846638</v>
      </c>
      <c r="EO21" s="106">
        <v>2846638</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1003456</v>
      </c>
      <c r="FM21" s="104">
        <v>3115415</v>
      </c>
      <c r="FN21" s="103">
        <v>4118871</v>
      </c>
      <c r="FO21" s="100">
        <v>0</v>
      </c>
      <c r="FP21" s="104">
        <v>3513432</v>
      </c>
      <c r="FQ21" s="104">
        <v>12498433</v>
      </c>
      <c r="FR21" s="104">
        <v>7557334</v>
      </c>
      <c r="FS21" s="104">
        <v>6877222</v>
      </c>
      <c r="FT21" s="104">
        <v>5514063</v>
      </c>
      <c r="FU21" s="103">
        <v>35960484</v>
      </c>
      <c r="FV21" s="106">
        <v>40079355</v>
      </c>
      <c r="FW21" s="105">
        <v>858934</v>
      </c>
      <c r="FX21" s="104">
        <v>2124871</v>
      </c>
      <c r="FY21" s="102">
        <v>2983805</v>
      </c>
      <c r="FZ21" s="101">
        <v>0</v>
      </c>
      <c r="GA21" s="104">
        <v>2707184</v>
      </c>
      <c r="GB21" s="104">
        <v>11711372</v>
      </c>
      <c r="GC21" s="104">
        <v>7060155</v>
      </c>
      <c r="GD21" s="104">
        <v>6483805</v>
      </c>
      <c r="GE21" s="104">
        <v>5261761</v>
      </c>
      <c r="GF21" s="103">
        <v>33224277</v>
      </c>
      <c r="GG21" s="296">
        <v>36208082</v>
      </c>
      <c r="GH21" s="105">
        <v>55422</v>
      </c>
      <c r="GI21" s="104">
        <v>212076</v>
      </c>
      <c r="GJ21" s="102">
        <v>267498</v>
      </c>
      <c r="GK21" s="101">
        <v>0</v>
      </c>
      <c r="GL21" s="104">
        <v>279136</v>
      </c>
      <c r="GM21" s="104">
        <v>293704</v>
      </c>
      <c r="GN21" s="104">
        <v>178542</v>
      </c>
      <c r="GO21" s="104">
        <v>100017</v>
      </c>
      <c r="GP21" s="104">
        <v>211270</v>
      </c>
      <c r="GQ21" s="103">
        <v>1062669</v>
      </c>
      <c r="GR21" s="106">
        <v>1330167</v>
      </c>
      <c r="GS21" s="100">
        <v>89100</v>
      </c>
      <c r="GT21" s="104">
        <v>778468</v>
      </c>
      <c r="GU21" s="103">
        <v>867568</v>
      </c>
      <c r="GV21" s="100">
        <v>0</v>
      </c>
      <c r="GW21" s="104">
        <v>527112</v>
      </c>
      <c r="GX21" s="104">
        <v>493357</v>
      </c>
      <c r="GY21" s="104">
        <v>318637</v>
      </c>
      <c r="GZ21" s="104">
        <v>293400</v>
      </c>
      <c r="HA21" s="104">
        <v>41032</v>
      </c>
      <c r="HB21" s="102">
        <v>1673538</v>
      </c>
      <c r="HC21" s="106">
        <v>2541106</v>
      </c>
      <c r="HD21" s="100">
        <v>1721544</v>
      </c>
      <c r="HE21" s="104">
        <v>2394915</v>
      </c>
      <c r="HF21" s="102">
        <v>4116459</v>
      </c>
      <c r="HG21" s="101">
        <v>0</v>
      </c>
      <c r="HH21" s="104">
        <v>16603160</v>
      </c>
      <c r="HI21" s="104">
        <v>21412709</v>
      </c>
      <c r="HJ21" s="104">
        <v>18077620</v>
      </c>
      <c r="HK21" s="104">
        <v>27855188</v>
      </c>
      <c r="HL21" s="104">
        <v>17816018</v>
      </c>
      <c r="HM21" s="103">
        <v>101764695</v>
      </c>
      <c r="HN21" s="99">
        <v>105881154</v>
      </c>
      <c r="HO21" s="105">
        <v>984423</v>
      </c>
      <c r="HP21" s="104">
        <v>2081742</v>
      </c>
      <c r="HQ21" s="103">
        <v>3066165</v>
      </c>
      <c r="HR21" s="100">
        <v>0</v>
      </c>
      <c r="HS21" s="104">
        <v>12243798</v>
      </c>
      <c r="HT21" s="104">
        <v>16786365</v>
      </c>
      <c r="HU21" s="104">
        <v>9839541</v>
      </c>
      <c r="HV21" s="104">
        <v>6557958</v>
      </c>
      <c r="HW21" s="104">
        <v>4251838</v>
      </c>
      <c r="HX21" s="102">
        <v>49679500</v>
      </c>
      <c r="HY21" s="106">
        <v>52745665</v>
      </c>
      <c r="HZ21" s="118">
        <v>139992</v>
      </c>
      <c r="IA21" s="119">
        <v>155032</v>
      </c>
      <c r="IB21" s="120">
        <v>295024</v>
      </c>
      <c r="IC21" s="133">
        <v>0</v>
      </c>
      <c r="ID21" s="119">
        <v>15356273</v>
      </c>
      <c r="IE21" s="134">
        <v>29649474</v>
      </c>
      <c r="IF21" s="120">
        <v>36293255</v>
      </c>
      <c r="IG21" s="119">
        <v>24690925</v>
      </c>
      <c r="IH21" s="120">
        <v>23346608</v>
      </c>
      <c r="II21" s="135">
        <v>129336535</v>
      </c>
      <c r="IJ21" s="126">
        <v>129631559</v>
      </c>
      <c r="IK21" s="219">
        <v>0</v>
      </c>
      <c r="IL21" s="223">
        <v>0</v>
      </c>
      <c r="IM21" s="224">
        <v>0</v>
      </c>
      <c r="IN21" s="127"/>
      <c r="IO21" s="109">
        <v>606730</v>
      </c>
      <c r="IP21" s="109">
        <v>1528025</v>
      </c>
      <c r="IQ21" s="109">
        <v>2600684</v>
      </c>
      <c r="IR21" s="109">
        <v>1807011</v>
      </c>
      <c r="IS21" s="109">
        <v>2840929</v>
      </c>
      <c r="IT21" s="128">
        <v>9383379</v>
      </c>
      <c r="IU21" s="298">
        <v>9383379</v>
      </c>
      <c r="IV21" s="129">
        <v>0</v>
      </c>
      <c r="IW21" s="109">
        <v>0</v>
      </c>
      <c r="IX21" s="110">
        <v>0</v>
      </c>
      <c r="IY21" s="131"/>
      <c r="IZ21" s="109">
        <v>0</v>
      </c>
      <c r="JA21" s="109">
        <v>18446</v>
      </c>
      <c r="JB21" s="109">
        <v>53607</v>
      </c>
      <c r="JC21" s="109">
        <v>38001</v>
      </c>
      <c r="JD21" s="109">
        <v>32775</v>
      </c>
      <c r="JE21" s="110">
        <v>142829</v>
      </c>
      <c r="JF21" s="111">
        <v>142829</v>
      </c>
      <c r="JG21" s="129">
        <v>0</v>
      </c>
      <c r="JH21" s="109">
        <v>0</v>
      </c>
      <c r="JI21" s="128">
        <v>0</v>
      </c>
      <c r="JJ21" s="108">
        <v>0</v>
      </c>
      <c r="JK21" s="109">
        <v>7899649</v>
      </c>
      <c r="JL21" s="109">
        <v>9753650</v>
      </c>
      <c r="JM21" s="109">
        <v>7653138</v>
      </c>
      <c r="JN21" s="109">
        <v>4107012</v>
      </c>
      <c r="JO21" s="109">
        <v>2298284</v>
      </c>
      <c r="JP21" s="110">
        <v>31711733</v>
      </c>
      <c r="JQ21" s="298">
        <v>31711733</v>
      </c>
      <c r="JR21" s="129">
        <v>0</v>
      </c>
      <c r="JS21" s="109">
        <v>0</v>
      </c>
      <c r="JT21" s="128">
        <v>0</v>
      </c>
      <c r="JU21" s="108">
        <v>0</v>
      </c>
      <c r="JV21" s="109">
        <v>502201</v>
      </c>
      <c r="JW21" s="109">
        <v>1055181</v>
      </c>
      <c r="JX21" s="109">
        <v>916673</v>
      </c>
      <c r="JY21" s="109">
        <v>425316</v>
      </c>
      <c r="JZ21" s="109">
        <v>666135</v>
      </c>
      <c r="KA21" s="110">
        <v>3565506</v>
      </c>
      <c r="KB21" s="298">
        <v>3565506</v>
      </c>
      <c r="KC21" s="221">
        <v>139992</v>
      </c>
      <c r="KD21" s="217">
        <v>155032</v>
      </c>
      <c r="KE21" s="110">
        <v>295024</v>
      </c>
      <c r="KF21" s="108">
        <v>0</v>
      </c>
      <c r="KG21" s="109">
        <v>2198130</v>
      </c>
      <c r="KH21" s="109">
        <v>4640504</v>
      </c>
      <c r="KI21" s="109">
        <v>4698209</v>
      </c>
      <c r="KJ21" s="109">
        <v>6341932</v>
      </c>
      <c r="KK21" s="109">
        <v>1824743</v>
      </c>
      <c r="KL21" s="110">
        <v>19703518</v>
      </c>
      <c r="KM21" s="130">
        <v>19998542</v>
      </c>
      <c r="KN21" s="219">
        <v>0</v>
      </c>
      <c r="KO21" s="223">
        <v>0</v>
      </c>
      <c r="KP21" s="224">
        <v>0</v>
      </c>
      <c r="KQ21" s="127"/>
      <c r="KR21" s="109">
        <v>3766867</v>
      </c>
      <c r="KS21" s="109">
        <v>10804221</v>
      </c>
      <c r="KT21" s="109">
        <v>16467344</v>
      </c>
      <c r="KU21" s="109">
        <v>8897969</v>
      </c>
      <c r="KV21" s="109">
        <v>10759524</v>
      </c>
      <c r="KW21" s="110">
        <v>50695925</v>
      </c>
      <c r="KX21" s="298">
        <v>50695925</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240890</v>
      </c>
      <c r="LO21" s="109">
        <v>530925</v>
      </c>
      <c r="LP21" s="109">
        <v>1919247</v>
      </c>
      <c r="LQ21" s="109">
        <v>2483689</v>
      </c>
      <c r="LR21" s="109">
        <v>3582774</v>
      </c>
      <c r="LS21" s="110">
        <v>8757525</v>
      </c>
      <c r="LT21" s="298">
        <v>8757525</v>
      </c>
      <c r="LU21" s="129">
        <v>0</v>
      </c>
      <c r="LV21" s="109">
        <v>0</v>
      </c>
      <c r="LW21" s="110">
        <v>0</v>
      </c>
      <c r="LX21" s="132"/>
      <c r="LY21" s="109">
        <v>141806</v>
      </c>
      <c r="LZ21" s="109">
        <v>1318522</v>
      </c>
      <c r="MA21" s="109">
        <v>1984353</v>
      </c>
      <c r="MB21" s="109">
        <v>589995</v>
      </c>
      <c r="MC21" s="109">
        <v>1341444</v>
      </c>
      <c r="MD21" s="110">
        <v>5376120</v>
      </c>
      <c r="ME21" s="111">
        <v>5376120</v>
      </c>
      <c r="MF21" s="129">
        <v>0</v>
      </c>
      <c r="MG21" s="109">
        <v>0</v>
      </c>
      <c r="MH21" s="110">
        <v>0</v>
      </c>
      <c r="MI21" s="132"/>
      <c r="MJ21" s="109">
        <v>12961198</v>
      </c>
      <c r="MK21" s="109">
        <v>29410888</v>
      </c>
      <c r="ML21" s="109">
        <v>93823267</v>
      </c>
      <c r="MM21" s="109">
        <v>131387425</v>
      </c>
      <c r="MN21" s="109">
        <v>88941012</v>
      </c>
      <c r="MO21" s="110">
        <v>356523790</v>
      </c>
      <c r="MP21" s="130">
        <v>356523790</v>
      </c>
      <c r="MQ21" s="129">
        <v>0</v>
      </c>
      <c r="MR21" s="109">
        <v>0</v>
      </c>
      <c r="MS21" s="110">
        <v>0</v>
      </c>
      <c r="MT21" s="132"/>
      <c r="MU21" s="109">
        <v>1294293</v>
      </c>
      <c r="MV21" s="109">
        <v>3755671</v>
      </c>
      <c r="MW21" s="109">
        <v>51288332</v>
      </c>
      <c r="MX21" s="109">
        <v>85324460</v>
      </c>
      <c r="MY21" s="109">
        <v>58296157</v>
      </c>
      <c r="MZ21" s="110">
        <v>199958913</v>
      </c>
      <c r="NA21" s="130">
        <v>199958913</v>
      </c>
      <c r="NB21" s="129">
        <v>0</v>
      </c>
      <c r="NC21" s="109">
        <v>0</v>
      </c>
      <c r="ND21" s="110">
        <v>0</v>
      </c>
      <c r="NE21" s="132"/>
      <c r="NF21" s="109">
        <v>11666905</v>
      </c>
      <c r="NG21" s="109">
        <v>25655217</v>
      </c>
      <c r="NH21" s="109">
        <v>41927147</v>
      </c>
      <c r="NI21" s="109">
        <v>41749153</v>
      </c>
      <c r="NJ21" s="109">
        <v>22223148</v>
      </c>
      <c r="NK21" s="110">
        <v>143221570</v>
      </c>
      <c r="NL21" s="298">
        <v>143221570</v>
      </c>
      <c r="NM21" s="129">
        <v>0</v>
      </c>
      <c r="NN21" s="109">
        <v>0</v>
      </c>
      <c r="NO21" s="110">
        <v>0</v>
      </c>
      <c r="NP21" s="132"/>
      <c r="NQ21" s="109">
        <v>0</v>
      </c>
      <c r="NR21" s="109">
        <v>0</v>
      </c>
      <c r="NS21" s="109">
        <v>0</v>
      </c>
      <c r="NT21" s="109">
        <v>330307</v>
      </c>
      <c r="NU21" s="109">
        <v>0</v>
      </c>
      <c r="NV21" s="110">
        <v>330307</v>
      </c>
      <c r="NW21" s="111">
        <v>330307</v>
      </c>
      <c r="NX21" s="129">
        <v>0</v>
      </c>
      <c r="NY21" s="109">
        <v>0</v>
      </c>
      <c r="NZ21" s="110">
        <v>0</v>
      </c>
      <c r="OA21" s="132"/>
      <c r="OB21" s="109">
        <v>0</v>
      </c>
      <c r="OC21" s="109">
        <v>0</v>
      </c>
      <c r="OD21" s="109">
        <v>607788</v>
      </c>
      <c r="OE21" s="109">
        <v>3983505</v>
      </c>
      <c r="OF21" s="109">
        <v>8421707</v>
      </c>
      <c r="OG21" s="110">
        <v>13013000</v>
      </c>
      <c r="OH21" s="111">
        <v>13013000</v>
      </c>
      <c r="OI21" s="129">
        <v>5932663</v>
      </c>
      <c r="OJ21" s="109">
        <v>14642252</v>
      </c>
      <c r="OK21" s="128">
        <v>20574915</v>
      </c>
      <c r="OL21" s="108">
        <v>0</v>
      </c>
      <c r="OM21" s="109">
        <v>108033087</v>
      </c>
      <c r="ON21" s="109">
        <v>202780737</v>
      </c>
      <c r="OO21" s="109">
        <v>233494371</v>
      </c>
      <c r="OP21" s="109">
        <v>254388593</v>
      </c>
      <c r="OQ21" s="109">
        <v>184148344</v>
      </c>
      <c r="OR21" s="110">
        <v>982845132</v>
      </c>
      <c r="OS21" s="130">
        <v>1003420047</v>
      </c>
    </row>
    <row r="22" spans="2:409" ht="21" customHeight="1" x14ac:dyDescent="0.2">
      <c r="B22" s="472" t="s">
        <v>17</v>
      </c>
      <c r="C22" s="100">
        <v>6999592</v>
      </c>
      <c r="D22" s="104">
        <v>17114134</v>
      </c>
      <c r="E22" s="103">
        <v>24113726</v>
      </c>
      <c r="F22" s="99">
        <v>0</v>
      </c>
      <c r="G22" s="104">
        <v>85793417</v>
      </c>
      <c r="H22" s="104">
        <v>169676548</v>
      </c>
      <c r="I22" s="104">
        <v>148313701</v>
      </c>
      <c r="J22" s="104">
        <v>135502993</v>
      </c>
      <c r="K22" s="104">
        <v>98257652</v>
      </c>
      <c r="L22" s="99">
        <v>637544311</v>
      </c>
      <c r="M22" s="106">
        <v>661658037</v>
      </c>
      <c r="N22" s="100">
        <v>1475042</v>
      </c>
      <c r="O22" s="104">
        <v>3939190</v>
      </c>
      <c r="P22" s="103">
        <v>5414232</v>
      </c>
      <c r="Q22" s="100">
        <v>0</v>
      </c>
      <c r="R22" s="104">
        <v>20107569</v>
      </c>
      <c r="S22" s="104">
        <v>45289338</v>
      </c>
      <c r="T22" s="104">
        <v>47020476</v>
      </c>
      <c r="U22" s="104">
        <v>51241231</v>
      </c>
      <c r="V22" s="104">
        <v>46933469</v>
      </c>
      <c r="W22" s="103">
        <v>210592083</v>
      </c>
      <c r="X22" s="106">
        <v>216006315</v>
      </c>
      <c r="Y22" s="100">
        <v>0</v>
      </c>
      <c r="Z22" s="104">
        <v>0</v>
      </c>
      <c r="AA22" s="103">
        <v>0</v>
      </c>
      <c r="AB22" s="100">
        <v>0</v>
      </c>
      <c r="AC22" s="104">
        <v>8947390</v>
      </c>
      <c r="AD22" s="104">
        <v>23346574</v>
      </c>
      <c r="AE22" s="104">
        <v>27317559</v>
      </c>
      <c r="AF22" s="104">
        <v>31337287</v>
      </c>
      <c r="AG22" s="104">
        <v>26466984</v>
      </c>
      <c r="AH22" s="103">
        <v>117415794</v>
      </c>
      <c r="AI22" s="106">
        <v>117415794</v>
      </c>
      <c r="AJ22" s="100">
        <v>0</v>
      </c>
      <c r="AK22" s="104">
        <v>0</v>
      </c>
      <c r="AL22" s="103">
        <v>0</v>
      </c>
      <c r="AM22" s="100">
        <v>0</v>
      </c>
      <c r="AN22" s="104">
        <v>121119</v>
      </c>
      <c r="AO22" s="104">
        <v>656645</v>
      </c>
      <c r="AP22" s="104">
        <v>1291759</v>
      </c>
      <c r="AQ22" s="104">
        <v>2739801</v>
      </c>
      <c r="AR22" s="104">
        <v>5595852</v>
      </c>
      <c r="AS22" s="103">
        <v>10405176</v>
      </c>
      <c r="AT22" s="106">
        <v>10405176</v>
      </c>
      <c r="AU22" s="100">
        <v>818055</v>
      </c>
      <c r="AV22" s="104">
        <v>2883528</v>
      </c>
      <c r="AW22" s="103">
        <v>3701583</v>
      </c>
      <c r="AX22" s="100">
        <v>0</v>
      </c>
      <c r="AY22" s="104">
        <v>6967965</v>
      </c>
      <c r="AZ22" s="104">
        <v>13348717</v>
      </c>
      <c r="BA22" s="104">
        <v>10483305</v>
      </c>
      <c r="BB22" s="104">
        <v>9977040</v>
      </c>
      <c r="BC22" s="104">
        <v>8943822</v>
      </c>
      <c r="BD22" s="103">
        <v>49720849</v>
      </c>
      <c r="BE22" s="106">
        <v>53422432</v>
      </c>
      <c r="BF22" s="100">
        <v>155630</v>
      </c>
      <c r="BG22" s="104">
        <v>397539</v>
      </c>
      <c r="BH22" s="102">
        <v>553169</v>
      </c>
      <c r="BI22" s="101">
        <v>0</v>
      </c>
      <c r="BJ22" s="104">
        <v>295615</v>
      </c>
      <c r="BK22" s="104">
        <v>1510819</v>
      </c>
      <c r="BL22" s="104">
        <v>1792368</v>
      </c>
      <c r="BM22" s="104">
        <v>1066054</v>
      </c>
      <c r="BN22" s="104">
        <v>1054253</v>
      </c>
      <c r="BO22" s="103">
        <v>5719109</v>
      </c>
      <c r="BP22" s="106">
        <v>6272278</v>
      </c>
      <c r="BQ22" s="100">
        <v>501357</v>
      </c>
      <c r="BR22" s="104">
        <v>658123</v>
      </c>
      <c r="BS22" s="103">
        <v>1159480</v>
      </c>
      <c r="BT22" s="100">
        <v>0</v>
      </c>
      <c r="BU22" s="104">
        <v>3775480</v>
      </c>
      <c r="BV22" s="104">
        <v>6426583</v>
      </c>
      <c r="BW22" s="104">
        <v>6135485</v>
      </c>
      <c r="BX22" s="104">
        <v>6121049</v>
      </c>
      <c r="BY22" s="104">
        <v>4872558</v>
      </c>
      <c r="BZ22" s="103">
        <v>27331155</v>
      </c>
      <c r="CA22" s="106">
        <v>28490635</v>
      </c>
      <c r="CB22" s="100">
        <v>829153</v>
      </c>
      <c r="CC22" s="104">
        <v>3219491</v>
      </c>
      <c r="CD22" s="103">
        <v>4048644</v>
      </c>
      <c r="CE22" s="100">
        <v>0</v>
      </c>
      <c r="CF22" s="104">
        <v>25515673</v>
      </c>
      <c r="CG22" s="104">
        <v>56081264</v>
      </c>
      <c r="CH22" s="104">
        <v>41180927</v>
      </c>
      <c r="CI22" s="104">
        <v>26094743</v>
      </c>
      <c r="CJ22" s="104">
        <v>15113291</v>
      </c>
      <c r="CK22" s="103">
        <v>163985898</v>
      </c>
      <c r="CL22" s="106">
        <v>168034542</v>
      </c>
      <c r="CM22" s="100">
        <v>0</v>
      </c>
      <c r="CN22" s="104">
        <v>0</v>
      </c>
      <c r="CO22" s="103">
        <v>0</v>
      </c>
      <c r="CP22" s="101">
        <v>0</v>
      </c>
      <c r="CQ22" s="104">
        <v>22004536</v>
      </c>
      <c r="CR22" s="104">
        <v>42537734</v>
      </c>
      <c r="CS22" s="104">
        <v>31631422</v>
      </c>
      <c r="CT22" s="104">
        <v>21008584</v>
      </c>
      <c r="CU22" s="104">
        <v>12853561</v>
      </c>
      <c r="CV22" s="103">
        <v>130035837</v>
      </c>
      <c r="CW22" s="106">
        <v>130035837</v>
      </c>
      <c r="CX22" s="100">
        <v>829153</v>
      </c>
      <c r="CY22" s="104">
        <v>3219491</v>
      </c>
      <c r="CZ22" s="103">
        <v>4048644</v>
      </c>
      <c r="DA22" s="100">
        <v>0</v>
      </c>
      <c r="DB22" s="104">
        <v>3511137</v>
      </c>
      <c r="DC22" s="104">
        <v>13543530</v>
      </c>
      <c r="DD22" s="104">
        <v>9549505</v>
      </c>
      <c r="DE22" s="104">
        <v>5086159</v>
      </c>
      <c r="DF22" s="104">
        <v>2259730</v>
      </c>
      <c r="DG22" s="103">
        <v>33950061</v>
      </c>
      <c r="DH22" s="106">
        <v>37998705</v>
      </c>
      <c r="DI22" s="100">
        <v>21039</v>
      </c>
      <c r="DJ22" s="104">
        <v>116748</v>
      </c>
      <c r="DK22" s="102">
        <v>137787</v>
      </c>
      <c r="DL22" s="101">
        <v>0</v>
      </c>
      <c r="DM22" s="104">
        <v>3211077</v>
      </c>
      <c r="DN22" s="104">
        <v>6817594</v>
      </c>
      <c r="DO22" s="104">
        <v>11167641</v>
      </c>
      <c r="DP22" s="104">
        <v>14293732</v>
      </c>
      <c r="DQ22" s="104">
        <v>5240394</v>
      </c>
      <c r="DR22" s="103">
        <v>40730438</v>
      </c>
      <c r="DS22" s="106">
        <v>40868225</v>
      </c>
      <c r="DT22" s="100">
        <v>21039</v>
      </c>
      <c r="DU22" s="104">
        <v>116748</v>
      </c>
      <c r="DV22" s="103">
        <v>137787</v>
      </c>
      <c r="DW22" s="100">
        <v>0</v>
      </c>
      <c r="DX22" s="104">
        <v>2848812</v>
      </c>
      <c r="DY22" s="104">
        <v>5504394</v>
      </c>
      <c r="DZ22" s="104">
        <v>9852601</v>
      </c>
      <c r="EA22" s="104">
        <v>12543786</v>
      </c>
      <c r="EB22" s="104">
        <v>4331123</v>
      </c>
      <c r="EC22" s="103">
        <v>35080716</v>
      </c>
      <c r="ED22" s="106">
        <v>35218503</v>
      </c>
      <c r="EE22" s="100">
        <v>0</v>
      </c>
      <c r="EF22" s="102">
        <v>0</v>
      </c>
      <c r="EG22" s="103">
        <v>0</v>
      </c>
      <c r="EH22" s="100">
        <v>0</v>
      </c>
      <c r="EI22" s="104">
        <v>362265</v>
      </c>
      <c r="EJ22" s="104">
        <v>1313200</v>
      </c>
      <c r="EK22" s="104">
        <v>1315040</v>
      </c>
      <c r="EL22" s="104">
        <v>1749946</v>
      </c>
      <c r="EM22" s="104">
        <v>909271</v>
      </c>
      <c r="EN22" s="102">
        <v>5649722</v>
      </c>
      <c r="EO22" s="106">
        <v>5649722</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1841465</v>
      </c>
      <c r="FM22" s="104">
        <v>4044010</v>
      </c>
      <c r="FN22" s="103">
        <v>5885475</v>
      </c>
      <c r="FO22" s="100">
        <v>0</v>
      </c>
      <c r="FP22" s="104">
        <v>4246671</v>
      </c>
      <c r="FQ22" s="104">
        <v>16640914</v>
      </c>
      <c r="FR22" s="104">
        <v>12211733</v>
      </c>
      <c r="FS22" s="104">
        <v>10439734</v>
      </c>
      <c r="FT22" s="104">
        <v>7742548</v>
      </c>
      <c r="FU22" s="103">
        <v>51281600</v>
      </c>
      <c r="FV22" s="106">
        <v>57167075</v>
      </c>
      <c r="FW22" s="105">
        <v>1107577</v>
      </c>
      <c r="FX22" s="104">
        <v>3068738</v>
      </c>
      <c r="FY22" s="102">
        <v>4176315</v>
      </c>
      <c r="FZ22" s="101">
        <v>0</v>
      </c>
      <c r="GA22" s="104">
        <v>3152731</v>
      </c>
      <c r="GB22" s="104">
        <v>15461599</v>
      </c>
      <c r="GC22" s="104">
        <v>11569078</v>
      </c>
      <c r="GD22" s="104">
        <v>10067200</v>
      </c>
      <c r="GE22" s="104">
        <v>7575630</v>
      </c>
      <c r="GF22" s="103">
        <v>47826238</v>
      </c>
      <c r="GG22" s="296">
        <v>52002553</v>
      </c>
      <c r="GH22" s="105">
        <v>126378</v>
      </c>
      <c r="GI22" s="104">
        <v>250875</v>
      </c>
      <c r="GJ22" s="102">
        <v>377253</v>
      </c>
      <c r="GK22" s="101">
        <v>0</v>
      </c>
      <c r="GL22" s="104">
        <v>202203</v>
      </c>
      <c r="GM22" s="104">
        <v>383973</v>
      </c>
      <c r="GN22" s="104">
        <v>310855</v>
      </c>
      <c r="GO22" s="104">
        <v>150468</v>
      </c>
      <c r="GP22" s="104">
        <v>83718</v>
      </c>
      <c r="GQ22" s="103">
        <v>1131217</v>
      </c>
      <c r="GR22" s="106">
        <v>1508470</v>
      </c>
      <c r="GS22" s="100">
        <v>607510</v>
      </c>
      <c r="GT22" s="104">
        <v>724397</v>
      </c>
      <c r="GU22" s="103">
        <v>1331907</v>
      </c>
      <c r="GV22" s="100">
        <v>0</v>
      </c>
      <c r="GW22" s="104">
        <v>891737</v>
      </c>
      <c r="GX22" s="104">
        <v>795342</v>
      </c>
      <c r="GY22" s="104">
        <v>331800</v>
      </c>
      <c r="GZ22" s="104">
        <v>222066</v>
      </c>
      <c r="HA22" s="104">
        <v>83200</v>
      </c>
      <c r="HB22" s="102">
        <v>2324145</v>
      </c>
      <c r="HC22" s="106">
        <v>3656052</v>
      </c>
      <c r="HD22" s="100">
        <v>1504898</v>
      </c>
      <c r="HE22" s="104">
        <v>2986246</v>
      </c>
      <c r="HF22" s="102">
        <v>4491144</v>
      </c>
      <c r="HG22" s="101">
        <v>0</v>
      </c>
      <c r="HH22" s="104">
        <v>18061409</v>
      </c>
      <c r="HI22" s="104">
        <v>22720485</v>
      </c>
      <c r="HJ22" s="104">
        <v>21625520</v>
      </c>
      <c r="HK22" s="104">
        <v>22783182</v>
      </c>
      <c r="HL22" s="104">
        <v>17015344</v>
      </c>
      <c r="HM22" s="103">
        <v>102205940</v>
      </c>
      <c r="HN22" s="99">
        <v>106697084</v>
      </c>
      <c r="HO22" s="105">
        <v>1327995</v>
      </c>
      <c r="HP22" s="104">
        <v>2808449</v>
      </c>
      <c r="HQ22" s="103">
        <v>4136444</v>
      </c>
      <c r="HR22" s="100">
        <v>0</v>
      </c>
      <c r="HS22" s="104">
        <v>14651018</v>
      </c>
      <c r="HT22" s="104">
        <v>22126953</v>
      </c>
      <c r="HU22" s="104">
        <v>15107404</v>
      </c>
      <c r="HV22" s="104">
        <v>10650371</v>
      </c>
      <c r="HW22" s="104">
        <v>6212606</v>
      </c>
      <c r="HX22" s="102">
        <v>68748352</v>
      </c>
      <c r="HY22" s="106">
        <v>72884796</v>
      </c>
      <c r="HZ22" s="137">
        <v>41905</v>
      </c>
      <c r="IA22" s="122">
        <v>386365</v>
      </c>
      <c r="IB22" s="137">
        <v>428270</v>
      </c>
      <c r="IC22" s="121">
        <v>0</v>
      </c>
      <c r="ID22" s="122">
        <v>28381718</v>
      </c>
      <c r="IE22" s="123">
        <v>44144234</v>
      </c>
      <c r="IF22" s="124">
        <v>51751888</v>
      </c>
      <c r="IG22" s="122">
        <v>51644486</v>
      </c>
      <c r="IH22" s="124">
        <v>34859340</v>
      </c>
      <c r="II22" s="125">
        <v>210781666</v>
      </c>
      <c r="IJ22" s="137">
        <v>211209936</v>
      </c>
      <c r="IK22" s="219">
        <v>0</v>
      </c>
      <c r="IL22" s="223">
        <v>0</v>
      </c>
      <c r="IM22" s="224">
        <v>0</v>
      </c>
      <c r="IN22" s="127"/>
      <c r="IO22" s="109">
        <v>169423</v>
      </c>
      <c r="IP22" s="109">
        <v>219897</v>
      </c>
      <c r="IQ22" s="109">
        <v>747486</v>
      </c>
      <c r="IR22" s="109">
        <v>880304</v>
      </c>
      <c r="IS22" s="109">
        <v>239936</v>
      </c>
      <c r="IT22" s="128">
        <v>2257046</v>
      </c>
      <c r="IU22" s="298">
        <v>2257046</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13471427</v>
      </c>
      <c r="JL22" s="109">
        <v>19442891</v>
      </c>
      <c r="JM22" s="109">
        <v>13362976</v>
      </c>
      <c r="JN22" s="109">
        <v>13892411</v>
      </c>
      <c r="JO22" s="109">
        <v>8965206</v>
      </c>
      <c r="JP22" s="110">
        <v>69134911</v>
      </c>
      <c r="JQ22" s="298">
        <v>69134911</v>
      </c>
      <c r="JR22" s="129">
        <v>41905</v>
      </c>
      <c r="JS22" s="109">
        <v>206249</v>
      </c>
      <c r="JT22" s="128">
        <v>248154</v>
      </c>
      <c r="JU22" s="108">
        <v>0</v>
      </c>
      <c r="JV22" s="109">
        <v>1426636</v>
      </c>
      <c r="JW22" s="109">
        <v>2376839</v>
      </c>
      <c r="JX22" s="109">
        <v>948057</v>
      </c>
      <c r="JY22" s="109">
        <v>1886730</v>
      </c>
      <c r="JZ22" s="109">
        <v>625918</v>
      </c>
      <c r="KA22" s="110">
        <v>7264180</v>
      </c>
      <c r="KB22" s="298">
        <v>7512334</v>
      </c>
      <c r="KC22" s="221">
        <v>0</v>
      </c>
      <c r="KD22" s="217">
        <v>180116</v>
      </c>
      <c r="KE22" s="110">
        <v>180116</v>
      </c>
      <c r="KF22" s="108">
        <v>0</v>
      </c>
      <c r="KG22" s="109">
        <v>2196423</v>
      </c>
      <c r="KH22" s="109">
        <v>5454724</v>
      </c>
      <c r="KI22" s="109">
        <v>9205604</v>
      </c>
      <c r="KJ22" s="109">
        <v>7711978</v>
      </c>
      <c r="KK22" s="109">
        <v>4035930</v>
      </c>
      <c r="KL22" s="110">
        <v>28604659</v>
      </c>
      <c r="KM22" s="130">
        <v>28784775</v>
      </c>
      <c r="KN22" s="219">
        <v>0</v>
      </c>
      <c r="KO22" s="223">
        <v>0</v>
      </c>
      <c r="KP22" s="224">
        <v>0</v>
      </c>
      <c r="KQ22" s="127"/>
      <c r="KR22" s="109">
        <v>10930468</v>
      </c>
      <c r="KS22" s="109">
        <v>15647796</v>
      </c>
      <c r="KT22" s="109">
        <v>19577893</v>
      </c>
      <c r="KU22" s="109">
        <v>13417408</v>
      </c>
      <c r="KV22" s="109">
        <v>7633366</v>
      </c>
      <c r="KW22" s="110">
        <v>67206931</v>
      </c>
      <c r="KX22" s="298">
        <v>67206931</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517611</v>
      </c>
      <c r="LP22" s="109">
        <v>7607601</v>
      </c>
      <c r="LQ22" s="109">
        <v>12468667</v>
      </c>
      <c r="LR22" s="109">
        <v>10265958</v>
      </c>
      <c r="LS22" s="110">
        <v>30859837</v>
      </c>
      <c r="LT22" s="298">
        <v>30859837</v>
      </c>
      <c r="LU22" s="129">
        <v>0</v>
      </c>
      <c r="LV22" s="109">
        <v>0</v>
      </c>
      <c r="LW22" s="110">
        <v>0</v>
      </c>
      <c r="LX22" s="132"/>
      <c r="LY22" s="109">
        <v>187341</v>
      </c>
      <c r="LZ22" s="109">
        <v>484476</v>
      </c>
      <c r="MA22" s="109">
        <v>302271</v>
      </c>
      <c r="MB22" s="109">
        <v>1386988</v>
      </c>
      <c r="MC22" s="109">
        <v>3093026</v>
      </c>
      <c r="MD22" s="110">
        <v>5454102</v>
      </c>
      <c r="ME22" s="111">
        <v>5454102</v>
      </c>
      <c r="MF22" s="129">
        <v>0</v>
      </c>
      <c r="MG22" s="109">
        <v>0</v>
      </c>
      <c r="MH22" s="110">
        <v>0</v>
      </c>
      <c r="MI22" s="132"/>
      <c r="MJ22" s="109">
        <v>11485255</v>
      </c>
      <c r="MK22" s="109">
        <v>38760824</v>
      </c>
      <c r="ML22" s="109">
        <v>99462331</v>
      </c>
      <c r="MM22" s="109">
        <v>123812906</v>
      </c>
      <c r="MN22" s="109">
        <v>103483781</v>
      </c>
      <c r="MO22" s="110">
        <v>377005097</v>
      </c>
      <c r="MP22" s="130">
        <v>377005097</v>
      </c>
      <c r="MQ22" s="129">
        <v>0</v>
      </c>
      <c r="MR22" s="109">
        <v>0</v>
      </c>
      <c r="MS22" s="110">
        <v>0</v>
      </c>
      <c r="MT22" s="132"/>
      <c r="MU22" s="109">
        <v>667420</v>
      </c>
      <c r="MV22" s="109">
        <v>2719134</v>
      </c>
      <c r="MW22" s="109">
        <v>50730652</v>
      </c>
      <c r="MX22" s="109">
        <v>78457206</v>
      </c>
      <c r="MY22" s="109">
        <v>68206446</v>
      </c>
      <c r="MZ22" s="110">
        <v>200780858</v>
      </c>
      <c r="NA22" s="130">
        <v>200780858</v>
      </c>
      <c r="NB22" s="129">
        <v>0</v>
      </c>
      <c r="NC22" s="109">
        <v>0</v>
      </c>
      <c r="ND22" s="110">
        <v>0</v>
      </c>
      <c r="NE22" s="132"/>
      <c r="NF22" s="109">
        <v>10817835</v>
      </c>
      <c r="NG22" s="109">
        <v>36041690</v>
      </c>
      <c r="NH22" s="109">
        <v>48360109</v>
      </c>
      <c r="NI22" s="109">
        <v>43892142</v>
      </c>
      <c r="NJ22" s="109">
        <v>29137731</v>
      </c>
      <c r="NK22" s="110">
        <v>168249507</v>
      </c>
      <c r="NL22" s="298">
        <v>168249507</v>
      </c>
      <c r="NM22" s="129">
        <v>0</v>
      </c>
      <c r="NN22" s="109">
        <v>0</v>
      </c>
      <c r="NO22" s="110">
        <v>0</v>
      </c>
      <c r="NP22" s="132"/>
      <c r="NQ22" s="109">
        <v>0</v>
      </c>
      <c r="NR22" s="109">
        <v>0</v>
      </c>
      <c r="NS22" s="109">
        <v>0</v>
      </c>
      <c r="NT22" s="109">
        <v>326232</v>
      </c>
      <c r="NU22" s="109">
        <v>1400204</v>
      </c>
      <c r="NV22" s="110">
        <v>1726436</v>
      </c>
      <c r="NW22" s="111">
        <v>1726436</v>
      </c>
      <c r="NX22" s="129">
        <v>0</v>
      </c>
      <c r="NY22" s="109">
        <v>0</v>
      </c>
      <c r="NZ22" s="110">
        <v>0</v>
      </c>
      <c r="OA22" s="132"/>
      <c r="OB22" s="109">
        <v>0</v>
      </c>
      <c r="OC22" s="109">
        <v>0</v>
      </c>
      <c r="OD22" s="109">
        <v>371570</v>
      </c>
      <c r="OE22" s="109">
        <v>1137326</v>
      </c>
      <c r="OF22" s="109">
        <v>4739400</v>
      </c>
      <c r="OG22" s="110">
        <v>6248296</v>
      </c>
      <c r="OH22" s="111">
        <v>6248296</v>
      </c>
      <c r="OI22" s="129">
        <v>7041497</v>
      </c>
      <c r="OJ22" s="109">
        <v>17500499</v>
      </c>
      <c r="OK22" s="128">
        <v>24541996</v>
      </c>
      <c r="OL22" s="108">
        <v>0</v>
      </c>
      <c r="OM22" s="109">
        <v>125660390</v>
      </c>
      <c r="ON22" s="109">
        <v>252581606</v>
      </c>
      <c r="OO22" s="109">
        <v>299527920</v>
      </c>
      <c r="OP22" s="109">
        <v>310960385</v>
      </c>
      <c r="OQ22" s="109">
        <v>236600773</v>
      </c>
      <c r="OR22" s="110">
        <v>1225331074</v>
      </c>
      <c r="OS22" s="130">
        <v>1249873070</v>
      </c>
    </row>
    <row r="23" spans="2:409" ht="21" customHeight="1" x14ac:dyDescent="0.2">
      <c r="B23" s="472" t="s">
        <v>18</v>
      </c>
      <c r="C23" s="100">
        <v>9433389</v>
      </c>
      <c r="D23" s="104">
        <v>17463710</v>
      </c>
      <c r="E23" s="103">
        <v>26897099</v>
      </c>
      <c r="F23" s="99">
        <v>0</v>
      </c>
      <c r="G23" s="104">
        <v>142793868</v>
      </c>
      <c r="H23" s="104">
        <v>181398930</v>
      </c>
      <c r="I23" s="104">
        <v>162605277</v>
      </c>
      <c r="J23" s="104">
        <v>151839566</v>
      </c>
      <c r="K23" s="104">
        <v>113039932</v>
      </c>
      <c r="L23" s="99">
        <v>751677573</v>
      </c>
      <c r="M23" s="106">
        <v>778574672</v>
      </c>
      <c r="N23" s="100">
        <v>2498987</v>
      </c>
      <c r="O23" s="104">
        <v>5164549</v>
      </c>
      <c r="P23" s="103">
        <v>7663536</v>
      </c>
      <c r="Q23" s="100">
        <v>0</v>
      </c>
      <c r="R23" s="104">
        <v>41430134</v>
      </c>
      <c r="S23" s="104">
        <v>54571327</v>
      </c>
      <c r="T23" s="104">
        <v>50694397</v>
      </c>
      <c r="U23" s="104">
        <v>60473717</v>
      </c>
      <c r="V23" s="104">
        <v>58113504</v>
      </c>
      <c r="W23" s="103">
        <v>265283079</v>
      </c>
      <c r="X23" s="106">
        <v>272946615</v>
      </c>
      <c r="Y23" s="100">
        <v>0</v>
      </c>
      <c r="Z23" s="104">
        <v>0</v>
      </c>
      <c r="AA23" s="103">
        <v>0</v>
      </c>
      <c r="AB23" s="100">
        <v>0</v>
      </c>
      <c r="AC23" s="104">
        <v>18864725</v>
      </c>
      <c r="AD23" s="104">
        <v>26159787</v>
      </c>
      <c r="AE23" s="104">
        <v>27967873</v>
      </c>
      <c r="AF23" s="104">
        <v>38675139</v>
      </c>
      <c r="AG23" s="104">
        <v>35914884</v>
      </c>
      <c r="AH23" s="103">
        <v>147582408</v>
      </c>
      <c r="AI23" s="106">
        <v>147582408</v>
      </c>
      <c r="AJ23" s="100">
        <v>0</v>
      </c>
      <c r="AK23" s="104">
        <v>0</v>
      </c>
      <c r="AL23" s="103">
        <v>0</v>
      </c>
      <c r="AM23" s="100">
        <v>0</v>
      </c>
      <c r="AN23" s="104">
        <v>289173</v>
      </c>
      <c r="AO23" s="104">
        <v>317885</v>
      </c>
      <c r="AP23" s="104">
        <v>847972</v>
      </c>
      <c r="AQ23" s="104">
        <v>3196389</v>
      </c>
      <c r="AR23" s="104">
        <v>5815769</v>
      </c>
      <c r="AS23" s="103">
        <v>10467188</v>
      </c>
      <c r="AT23" s="106">
        <v>10467188</v>
      </c>
      <c r="AU23" s="100">
        <v>1630863</v>
      </c>
      <c r="AV23" s="104">
        <v>4069998</v>
      </c>
      <c r="AW23" s="103">
        <v>5700861</v>
      </c>
      <c r="AX23" s="100">
        <v>0</v>
      </c>
      <c r="AY23" s="104">
        <v>14259873</v>
      </c>
      <c r="AZ23" s="104">
        <v>17744742</v>
      </c>
      <c r="BA23" s="104">
        <v>12664119</v>
      </c>
      <c r="BB23" s="104">
        <v>9679054</v>
      </c>
      <c r="BC23" s="104">
        <v>10082830</v>
      </c>
      <c r="BD23" s="103">
        <v>64430618</v>
      </c>
      <c r="BE23" s="106">
        <v>70131479</v>
      </c>
      <c r="BF23" s="100">
        <v>158249</v>
      </c>
      <c r="BG23" s="104">
        <v>391098</v>
      </c>
      <c r="BH23" s="102">
        <v>549347</v>
      </c>
      <c r="BI23" s="101">
        <v>0</v>
      </c>
      <c r="BJ23" s="104">
        <v>1683282</v>
      </c>
      <c r="BK23" s="104">
        <v>2601171</v>
      </c>
      <c r="BL23" s="104">
        <v>1624991</v>
      </c>
      <c r="BM23" s="104">
        <v>1017189</v>
      </c>
      <c r="BN23" s="104">
        <v>533421</v>
      </c>
      <c r="BO23" s="103">
        <v>7460054</v>
      </c>
      <c r="BP23" s="106">
        <v>8009401</v>
      </c>
      <c r="BQ23" s="100">
        <v>709875</v>
      </c>
      <c r="BR23" s="104">
        <v>703453</v>
      </c>
      <c r="BS23" s="103">
        <v>1413328</v>
      </c>
      <c r="BT23" s="100">
        <v>0</v>
      </c>
      <c r="BU23" s="104">
        <v>6333081</v>
      </c>
      <c r="BV23" s="104">
        <v>7747742</v>
      </c>
      <c r="BW23" s="104">
        <v>7589442</v>
      </c>
      <c r="BX23" s="104">
        <v>7905946</v>
      </c>
      <c r="BY23" s="104">
        <v>5766600</v>
      </c>
      <c r="BZ23" s="103">
        <v>35342811</v>
      </c>
      <c r="CA23" s="106">
        <v>36756139</v>
      </c>
      <c r="CB23" s="100">
        <v>1476474</v>
      </c>
      <c r="CC23" s="104">
        <v>3954296</v>
      </c>
      <c r="CD23" s="103">
        <v>5430770</v>
      </c>
      <c r="CE23" s="100">
        <v>0</v>
      </c>
      <c r="CF23" s="104">
        <v>47385866</v>
      </c>
      <c r="CG23" s="104">
        <v>58922883</v>
      </c>
      <c r="CH23" s="104">
        <v>47659969</v>
      </c>
      <c r="CI23" s="104">
        <v>29634220</v>
      </c>
      <c r="CJ23" s="104">
        <v>14325180</v>
      </c>
      <c r="CK23" s="103">
        <v>197928118</v>
      </c>
      <c r="CL23" s="106">
        <v>203358888</v>
      </c>
      <c r="CM23" s="100">
        <v>0</v>
      </c>
      <c r="CN23" s="104">
        <v>0</v>
      </c>
      <c r="CO23" s="103">
        <v>0</v>
      </c>
      <c r="CP23" s="101">
        <v>0</v>
      </c>
      <c r="CQ23" s="104">
        <v>38623922</v>
      </c>
      <c r="CR23" s="104">
        <v>46516602</v>
      </c>
      <c r="CS23" s="104">
        <v>38657544</v>
      </c>
      <c r="CT23" s="104">
        <v>23774443</v>
      </c>
      <c r="CU23" s="104">
        <v>11592158</v>
      </c>
      <c r="CV23" s="103">
        <v>159164669</v>
      </c>
      <c r="CW23" s="106">
        <v>159164669</v>
      </c>
      <c r="CX23" s="100">
        <v>1476474</v>
      </c>
      <c r="CY23" s="104">
        <v>3954296</v>
      </c>
      <c r="CZ23" s="103">
        <v>5430770</v>
      </c>
      <c r="DA23" s="100">
        <v>0</v>
      </c>
      <c r="DB23" s="104">
        <v>8761944</v>
      </c>
      <c r="DC23" s="104">
        <v>12406281</v>
      </c>
      <c r="DD23" s="104">
        <v>9002425</v>
      </c>
      <c r="DE23" s="104">
        <v>5859777</v>
      </c>
      <c r="DF23" s="104">
        <v>2733022</v>
      </c>
      <c r="DG23" s="103">
        <v>38763449</v>
      </c>
      <c r="DH23" s="106">
        <v>44194219</v>
      </c>
      <c r="DI23" s="100">
        <v>55287</v>
      </c>
      <c r="DJ23" s="104">
        <v>211048</v>
      </c>
      <c r="DK23" s="102">
        <v>266335</v>
      </c>
      <c r="DL23" s="101">
        <v>0</v>
      </c>
      <c r="DM23" s="104">
        <v>3475049</v>
      </c>
      <c r="DN23" s="104">
        <v>7891204</v>
      </c>
      <c r="DO23" s="104">
        <v>16425773</v>
      </c>
      <c r="DP23" s="104">
        <v>15510621</v>
      </c>
      <c r="DQ23" s="104">
        <v>9414114</v>
      </c>
      <c r="DR23" s="103">
        <v>52716761</v>
      </c>
      <c r="DS23" s="106">
        <v>52983096</v>
      </c>
      <c r="DT23" s="100">
        <v>6692</v>
      </c>
      <c r="DU23" s="104">
        <v>211048</v>
      </c>
      <c r="DV23" s="103">
        <v>217740</v>
      </c>
      <c r="DW23" s="100">
        <v>0</v>
      </c>
      <c r="DX23" s="104">
        <v>3384040</v>
      </c>
      <c r="DY23" s="104">
        <v>7618924</v>
      </c>
      <c r="DZ23" s="104">
        <v>16111896</v>
      </c>
      <c r="EA23" s="104">
        <v>15207930</v>
      </c>
      <c r="EB23" s="104">
        <v>8873921</v>
      </c>
      <c r="EC23" s="103">
        <v>51196711</v>
      </c>
      <c r="ED23" s="106">
        <v>51414451</v>
      </c>
      <c r="EE23" s="100">
        <v>48595</v>
      </c>
      <c r="EF23" s="102">
        <v>0</v>
      </c>
      <c r="EG23" s="103">
        <v>48595</v>
      </c>
      <c r="EH23" s="100">
        <v>0</v>
      </c>
      <c r="EI23" s="104">
        <v>91009</v>
      </c>
      <c r="EJ23" s="104">
        <v>272280</v>
      </c>
      <c r="EK23" s="104">
        <v>313877</v>
      </c>
      <c r="EL23" s="104">
        <v>302691</v>
      </c>
      <c r="EM23" s="104">
        <v>540193</v>
      </c>
      <c r="EN23" s="102">
        <v>1520050</v>
      </c>
      <c r="EO23" s="106">
        <v>1568645</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1797199</v>
      </c>
      <c r="FM23" s="104">
        <v>3980536</v>
      </c>
      <c r="FN23" s="103">
        <v>5777735</v>
      </c>
      <c r="FO23" s="100">
        <v>0</v>
      </c>
      <c r="FP23" s="104">
        <v>7282120</v>
      </c>
      <c r="FQ23" s="104">
        <v>14920516</v>
      </c>
      <c r="FR23" s="104">
        <v>10213248</v>
      </c>
      <c r="FS23" s="104">
        <v>10516729</v>
      </c>
      <c r="FT23" s="104">
        <v>7814711</v>
      </c>
      <c r="FU23" s="103">
        <v>50747324</v>
      </c>
      <c r="FV23" s="106">
        <v>56525059</v>
      </c>
      <c r="FW23" s="105">
        <v>1094430</v>
      </c>
      <c r="FX23" s="104">
        <v>2951754</v>
      </c>
      <c r="FY23" s="102">
        <v>4046184</v>
      </c>
      <c r="FZ23" s="101">
        <v>0</v>
      </c>
      <c r="GA23" s="104">
        <v>5715995</v>
      </c>
      <c r="GB23" s="104">
        <v>13645054</v>
      </c>
      <c r="GC23" s="104">
        <v>10028615</v>
      </c>
      <c r="GD23" s="104">
        <v>9995134</v>
      </c>
      <c r="GE23" s="104">
        <v>7625958</v>
      </c>
      <c r="GF23" s="103">
        <v>47010756</v>
      </c>
      <c r="GG23" s="296">
        <v>51056940</v>
      </c>
      <c r="GH23" s="105">
        <v>82139</v>
      </c>
      <c r="GI23" s="104">
        <v>62642</v>
      </c>
      <c r="GJ23" s="102">
        <v>144781</v>
      </c>
      <c r="GK23" s="101">
        <v>0</v>
      </c>
      <c r="GL23" s="104">
        <v>307380</v>
      </c>
      <c r="GM23" s="104">
        <v>327963</v>
      </c>
      <c r="GN23" s="104">
        <v>147013</v>
      </c>
      <c r="GO23" s="104">
        <v>182495</v>
      </c>
      <c r="GP23" s="104">
        <v>188753</v>
      </c>
      <c r="GQ23" s="103">
        <v>1153604</v>
      </c>
      <c r="GR23" s="106">
        <v>1298385</v>
      </c>
      <c r="GS23" s="100">
        <v>620630</v>
      </c>
      <c r="GT23" s="104">
        <v>966140</v>
      </c>
      <c r="GU23" s="103">
        <v>1586770</v>
      </c>
      <c r="GV23" s="100">
        <v>0</v>
      </c>
      <c r="GW23" s="104">
        <v>1258745</v>
      </c>
      <c r="GX23" s="104">
        <v>947499</v>
      </c>
      <c r="GY23" s="104">
        <v>37620</v>
      </c>
      <c r="GZ23" s="104">
        <v>339100</v>
      </c>
      <c r="HA23" s="104">
        <v>0</v>
      </c>
      <c r="HB23" s="102">
        <v>2582964</v>
      </c>
      <c r="HC23" s="106">
        <v>4169734</v>
      </c>
      <c r="HD23" s="100">
        <v>1979192</v>
      </c>
      <c r="HE23" s="104">
        <v>971913</v>
      </c>
      <c r="HF23" s="102">
        <v>2951105</v>
      </c>
      <c r="HG23" s="101">
        <v>0</v>
      </c>
      <c r="HH23" s="104">
        <v>20101038</v>
      </c>
      <c r="HI23" s="104">
        <v>23637280</v>
      </c>
      <c r="HJ23" s="104">
        <v>22049832</v>
      </c>
      <c r="HK23" s="104">
        <v>25426648</v>
      </c>
      <c r="HL23" s="104">
        <v>17227222</v>
      </c>
      <c r="HM23" s="103">
        <v>108442020</v>
      </c>
      <c r="HN23" s="99">
        <v>111393125</v>
      </c>
      <c r="HO23" s="105">
        <v>1626250</v>
      </c>
      <c r="HP23" s="104">
        <v>3181368</v>
      </c>
      <c r="HQ23" s="103">
        <v>4807618</v>
      </c>
      <c r="HR23" s="100">
        <v>0</v>
      </c>
      <c r="HS23" s="104">
        <v>23119661</v>
      </c>
      <c r="HT23" s="104">
        <v>21455720</v>
      </c>
      <c r="HU23" s="104">
        <v>15562058</v>
      </c>
      <c r="HV23" s="104">
        <v>10277631</v>
      </c>
      <c r="HW23" s="104">
        <v>6145201</v>
      </c>
      <c r="HX23" s="102">
        <v>76560271</v>
      </c>
      <c r="HY23" s="106">
        <v>81367889</v>
      </c>
      <c r="HZ23" s="118">
        <v>290612</v>
      </c>
      <c r="IA23" s="119">
        <v>1988079</v>
      </c>
      <c r="IB23" s="120">
        <v>2278691</v>
      </c>
      <c r="IC23" s="133">
        <v>0</v>
      </c>
      <c r="ID23" s="119">
        <v>34160460</v>
      </c>
      <c r="IE23" s="134">
        <v>45846094</v>
      </c>
      <c r="IF23" s="120">
        <v>55479761</v>
      </c>
      <c r="IG23" s="119">
        <v>41573724</v>
      </c>
      <c r="IH23" s="120">
        <v>24223266</v>
      </c>
      <c r="II23" s="135">
        <v>201283305</v>
      </c>
      <c r="IJ23" s="126">
        <v>203561996</v>
      </c>
      <c r="IK23" s="219">
        <v>0</v>
      </c>
      <c r="IL23" s="223">
        <v>0</v>
      </c>
      <c r="IM23" s="224">
        <v>0</v>
      </c>
      <c r="IN23" s="127"/>
      <c r="IO23" s="109">
        <v>175211</v>
      </c>
      <c r="IP23" s="109">
        <v>783390</v>
      </c>
      <c r="IQ23" s="109">
        <v>357068</v>
      </c>
      <c r="IR23" s="109">
        <v>0</v>
      </c>
      <c r="IS23" s="109">
        <v>262840</v>
      </c>
      <c r="IT23" s="128">
        <v>1578509</v>
      </c>
      <c r="IU23" s="298">
        <v>1578509</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12969237</v>
      </c>
      <c r="JL23" s="109">
        <v>10451681</v>
      </c>
      <c r="JM23" s="109">
        <v>9583826</v>
      </c>
      <c r="JN23" s="109">
        <v>4515833</v>
      </c>
      <c r="JO23" s="109">
        <v>1920790</v>
      </c>
      <c r="JP23" s="110">
        <v>39441367</v>
      </c>
      <c r="JQ23" s="298">
        <v>39441367</v>
      </c>
      <c r="JR23" s="129">
        <v>0</v>
      </c>
      <c r="JS23" s="109">
        <v>0</v>
      </c>
      <c r="JT23" s="128">
        <v>0</v>
      </c>
      <c r="JU23" s="108">
        <v>0</v>
      </c>
      <c r="JV23" s="109">
        <v>670936</v>
      </c>
      <c r="JW23" s="109">
        <v>925498</v>
      </c>
      <c r="JX23" s="109">
        <v>3778066</v>
      </c>
      <c r="JY23" s="109">
        <v>2202700</v>
      </c>
      <c r="JZ23" s="109">
        <v>1060440</v>
      </c>
      <c r="KA23" s="110">
        <v>8637640</v>
      </c>
      <c r="KB23" s="298">
        <v>8637640</v>
      </c>
      <c r="KC23" s="221">
        <v>290612</v>
      </c>
      <c r="KD23" s="217">
        <v>1227142</v>
      </c>
      <c r="KE23" s="110">
        <v>1517754</v>
      </c>
      <c r="KF23" s="108">
        <v>0</v>
      </c>
      <c r="KG23" s="109">
        <v>6399359</v>
      </c>
      <c r="KH23" s="109">
        <v>9613835</v>
      </c>
      <c r="KI23" s="109">
        <v>12169082</v>
      </c>
      <c r="KJ23" s="109">
        <v>5187703</v>
      </c>
      <c r="KK23" s="109">
        <v>3113072</v>
      </c>
      <c r="KL23" s="110">
        <v>36483051</v>
      </c>
      <c r="KM23" s="130">
        <v>38000805</v>
      </c>
      <c r="KN23" s="219">
        <v>0</v>
      </c>
      <c r="KO23" s="223">
        <v>760937</v>
      </c>
      <c r="KP23" s="224">
        <v>760937</v>
      </c>
      <c r="KQ23" s="127"/>
      <c r="KR23" s="109">
        <v>13014395</v>
      </c>
      <c r="KS23" s="109">
        <v>19529114</v>
      </c>
      <c r="KT23" s="109">
        <v>25129593</v>
      </c>
      <c r="KU23" s="109">
        <v>17916227</v>
      </c>
      <c r="KV23" s="109">
        <v>8144169</v>
      </c>
      <c r="KW23" s="110">
        <v>83733498</v>
      </c>
      <c r="KX23" s="298">
        <v>84494435</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548272</v>
      </c>
      <c r="LP23" s="109">
        <v>1192360</v>
      </c>
      <c r="LQ23" s="109">
        <v>5035360</v>
      </c>
      <c r="LR23" s="109">
        <v>1070676</v>
      </c>
      <c r="LS23" s="110">
        <v>7846668</v>
      </c>
      <c r="LT23" s="298">
        <v>7846668</v>
      </c>
      <c r="LU23" s="129">
        <v>0</v>
      </c>
      <c r="LV23" s="109">
        <v>0</v>
      </c>
      <c r="LW23" s="110">
        <v>0</v>
      </c>
      <c r="LX23" s="132"/>
      <c r="LY23" s="109">
        <v>931322</v>
      </c>
      <c r="LZ23" s="109">
        <v>3994304</v>
      </c>
      <c r="MA23" s="109">
        <v>3269766</v>
      </c>
      <c r="MB23" s="109">
        <v>6715901</v>
      </c>
      <c r="MC23" s="109">
        <v>8651279</v>
      </c>
      <c r="MD23" s="110">
        <v>23562572</v>
      </c>
      <c r="ME23" s="111">
        <v>23562572</v>
      </c>
      <c r="MF23" s="129">
        <v>0</v>
      </c>
      <c r="MG23" s="109">
        <v>0</v>
      </c>
      <c r="MH23" s="110">
        <v>0</v>
      </c>
      <c r="MI23" s="132"/>
      <c r="MJ23" s="109">
        <v>8346616</v>
      </c>
      <c r="MK23" s="109">
        <v>25146114</v>
      </c>
      <c r="ML23" s="109">
        <v>79481213</v>
      </c>
      <c r="MM23" s="109">
        <v>160680648</v>
      </c>
      <c r="MN23" s="109">
        <v>110314196</v>
      </c>
      <c r="MO23" s="110">
        <v>383968787</v>
      </c>
      <c r="MP23" s="130">
        <v>383968787</v>
      </c>
      <c r="MQ23" s="129">
        <v>0</v>
      </c>
      <c r="MR23" s="109">
        <v>0</v>
      </c>
      <c r="MS23" s="110">
        <v>0</v>
      </c>
      <c r="MT23" s="132"/>
      <c r="MU23" s="109">
        <v>1650762</v>
      </c>
      <c r="MV23" s="109">
        <v>2687395</v>
      </c>
      <c r="MW23" s="109">
        <v>47170740</v>
      </c>
      <c r="MX23" s="109">
        <v>117201668</v>
      </c>
      <c r="MY23" s="109">
        <v>75616094</v>
      </c>
      <c r="MZ23" s="110">
        <v>244326659</v>
      </c>
      <c r="NA23" s="130">
        <v>244326659</v>
      </c>
      <c r="NB23" s="129">
        <v>0</v>
      </c>
      <c r="NC23" s="109">
        <v>0</v>
      </c>
      <c r="ND23" s="110">
        <v>0</v>
      </c>
      <c r="NE23" s="132"/>
      <c r="NF23" s="109">
        <v>6695854</v>
      </c>
      <c r="NG23" s="109">
        <v>22458719</v>
      </c>
      <c r="NH23" s="109">
        <v>32298460</v>
      </c>
      <c r="NI23" s="109">
        <v>38159593</v>
      </c>
      <c r="NJ23" s="109">
        <v>25168329</v>
      </c>
      <c r="NK23" s="110">
        <v>124780955</v>
      </c>
      <c r="NL23" s="298">
        <v>124780955</v>
      </c>
      <c r="NM23" s="129">
        <v>0</v>
      </c>
      <c r="NN23" s="109">
        <v>0</v>
      </c>
      <c r="NO23" s="110">
        <v>0</v>
      </c>
      <c r="NP23" s="132"/>
      <c r="NQ23" s="109">
        <v>0</v>
      </c>
      <c r="NR23" s="109">
        <v>0</v>
      </c>
      <c r="NS23" s="109">
        <v>0</v>
      </c>
      <c r="NT23" s="109">
        <v>385552</v>
      </c>
      <c r="NU23" s="109">
        <v>1415570</v>
      </c>
      <c r="NV23" s="110">
        <v>1801122</v>
      </c>
      <c r="NW23" s="111">
        <v>1801122</v>
      </c>
      <c r="NX23" s="129">
        <v>0</v>
      </c>
      <c r="NY23" s="109">
        <v>0</v>
      </c>
      <c r="NZ23" s="110">
        <v>0</v>
      </c>
      <c r="OA23" s="132"/>
      <c r="OB23" s="109">
        <v>0</v>
      </c>
      <c r="OC23" s="109">
        <v>0</v>
      </c>
      <c r="OD23" s="109">
        <v>12013</v>
      </c>
      <c r="OE23" s="109">
        <v>4933835</v>
      </c>
      <c r="OF23" s="109">
        <v>8114203</v>
      </c>
      <c r="OG23" s="110">
        <v>13060051</v>
      </c>
      <c r="OH23" s="111">
        <v>13060051</v>
      </c>
      <c r="OI23" s="129">
        <v>9724001</v>
      </c>
      <c r="OJ23" s="109">
        <v>19451789</v>
      </c>
      <c r="OK23" s="128">
        <v>29175790</v>
      </c>
      <c r="OL23" s="108">
        <v>0</v>
      </c>
      <c r="OM23" s="109">
        <v>185300944</v>
      </c>
      <c r="ON23" s="109">
        <v>252391138</v>
      </c>
      <c r="OO23" s="109">
        <v>297566251</v>
      </c>
      <c r="OP23" s="109">
        <v>354093938</v>
      </c>
      <c r="OQ23" s="109">
        <v>247577394</v>
      </c>
      <c r="OR23" s="110">
        <v>1336929665</v>
      </c>
      <c r="OS23" s="130">
        <v>1366105455</v>
      </c>
    </row>
    <row r="24" spans="2:409" ht="21" customHeight="1" x14ac:dyDescent="0.2">
      <c r="B24" s="472" t="s">
        <v>19</v>
      </c>
      <c r="C24" s="100">
        <v>4936708</v>
      </c>
      <c r="D24" s="104">
        <v>9129504</v>
      </c>
      <c r="E24" s="103">
        <v>14066212</v>
      </c>
      <c r="F24" s="99">
        <v>0</v>
      </c>
      <c r="G24" s="104">
        <v>64569906</v>
      </c>
      <c r="H24" s="104">
        <v>72317664</v>
      </c>
      <c r="I24" s="104">
        <v>63836206</v>
      </c>
      <c r="J24" s="104">
        <v>49337841</v>
      </c>
      <c r="K24" s="104">
        <v>36965774</v>
      </c>
      <c r="L24" s="99">
        <v>287027391</v>
      </c>
      <c r="M24" s="106">
        <v>301093603</v>
      </c>
      <c r="N24" s="100">
        <v>1321267</v>
      </c>
      <c r="O24" s="104">
        <v>1812207</v>
      </c>
      <c r="P24" s="103">
        <v>3133474</v>
      </c>
      <c r="Q24" s="100">
        <v>0</v>
      </c>
      <c r="R24" s="104">
        <v>17365547</v>
      </c>
      <c r="S24" s="104">
        <v>18265876</v>
      </c>
      <c r="T24" s="104">
        <v>16917201</v>
      </c>
      <c r="U24" s="104">
        <v>19093470</v>
      </c>
      <c r="V24" s="104">
        <v>17190098</v>
      </c>
      <c r="W24" s="103">
        <v>88832192</v>
      </c>
      <c r="X24" s="106">
        <v>91965666</v>
      </c>
      <c r="Y24" s="100">
        <v>0</v>
      </c>
      <c r="Z24" s="104">
        <v>0</v>
      </c>
      <c r="AA24" s="103">
        <v>0</v>
      </c>
      <c r="AB24" s="100">
        <v>0</v>
      </c>
      <c r="AC24" s="104">
        <v>6877299</v>
      </c>
      <c r="AD24" s="104">
        <v>8085828</v>
      </c>
      <c r="AE24" s="104">
        <v>7618816</v>
      </c>
      <c r="AF24" s="104">
        <v>9935384</v>
      </c>
      <c r="AG24" s="104">
        <v>9184272</v>
      </c>
      <c r="AH24" s="103">
        <v>41701599</v>
      </c>
      <c r="AI24" s="106">
        <v>41701599</v>
      </c>
      <c r="AJ24" s="100">
        <v>0</v>
      </c>
      <c r="AK24" s="104">
        <v>0</v>
      </c>
      <c r="AL24" s="103">
        <v>0</v>
      </c>
      <c r="AM24" s="100">
        <v>0</v>
      </c>
      <c r="AN24" s="104">
        <v>282850</v>
      </c>
      <c r="AO24" s="104">
        <v>313492</v>
      </c>
      <c r="AP24" s="104">
        <v>633764</v>
      </c>
      <c r="AQ24" s="104">
        <v>1196049</v>
      </c>
      <c r="AR24" s="104">
        <v>1847120</v>
      </c>
      <c r="AS24" s="103">
        <v>4273275</v>
      </c>
      <c r="AT24" s="106">
        <v>4273275</v>
      </c>
      <c r="AU24" s="100">
        <v>823697</v>
      </c>
      <c r="AV24" s="104">
        <v>1303927</v>
      </c>
      <c r="AW24" s="103">
        <v>2127624</v>
      </c>
      <c r="AX24" s="100">
        <v>0</v>
      </c>
      <c r="AY24" s="104">
        <v>7014942</v>
      </c>
      <c r="AZ24" s="104">
        <v>6151348</v>
      </c>
      <c r="BA24" s="104">
        <v>4935345</v>
      </c>
      <c r="BB24" s="104">
        <v>4658659</v>
      </c>
      <c r="BC24" s="104">
        <v>4113488</v>
      </c>
      <c r="BD24" s="103">
        <v>26873782</v>
      </c>
      <c r="BE24" s="106">
        <v>29001406</v>
      </c>
      <c r="BF24" s="100">
        <v>48592</v>
      </c>
      <c r="BG24" s="104">
        <v>148060</v>
      </c>
      <c r="BH24" s="102">
        <v>196652</v>
      </c>
      <c r="BI24" s="101">
        <v>0</v>
      </c>
      <c r="BJ24" s="104">
        <v>674987</v>
      </c>
      <c r="BK24" s="104">
        <v>578942</v>
      </c>
      <c r="BL24" s="104">
        <v>478852</v>
      </c>
      <c r="BM24" s="104">
        <v>520474</v>
      </c>
      <c r="BN24" s="104">
        <v>92146</v>
      </c>
      <c r="BO24" s="103">
        <v>2345401</v>
      </c>
      <c r="BP24" s="106">
        <v>2542053</v>
      </c>
      <c r="BQ24" s="100">
        <v>448978</v>
      </c>
      <c r="BR24" s="104">
        <v>360220</v>
      </c>
      <c r="BS24" s="103">
        <v>809198</v>
      </c>
      <c r="BT24" s="100">
        <v>0</v>
      </c>
      <c r="BU24" s="104">
        <v>2515469</v>
      </c>
      <c r="BV24" s="104">
        <v>3136266</v>
      </c>
      <c r="BW24" s="104">
        <v>3250424</v>
      </c>
      <c r="BX24" s="104">
        <v>2782904</v>
      </c>
      <c r="BY24" s="104">
        <v>1953072</v>
      </c>
      <c r="BZ24" s="103">
        <v>13638135</v>
      </c>
      <c r="CA24" s="106">
        <v>14447333</v>
      </c>
      <c r="CB24" s="100">
        <v>783135</v>
      </c>
      <c r="CC24" s="104">
        <v>2769682</v>
      </c>
      <c r="CD24" s="103">
        <v>3552817</v>
      </c>
      <c r="CE24" s="100">
        <v>0</v>
      </c>
      <c r="CF24" s="104">
        <v>19815999</v>
      </c>
      <c r="CG24" s="104">
        <v>25583828</v>
      </c>
      <c r="CH24" s="104">
        <v>19069306</v>
      </c>
      <c r="CI24" s="104">
        <v>8715959</v>
      </c>
      <c r="CJ24" s="104">
        <v>5589674</v>
      </c>
      <c r="CK24" s="103">
        <v>78774766</v>
      </c>
      <c r="CL24" s="106">
        <v>82327583</v>
      </c>
      <c r="CM24" s="100">
        <v>0</v>
      </c>
      <c r="CN24" s="104">
        <v>0</v>
      </c>
      <c r="CO24" s="103">
        <v>0</v>
      </c>
      <c r="CP24" s="101">
        <v>0</v>
      </c>
      <c r="CQ24" s="104">
        <v>14605173</v>
      </c>
      <c r="CR24" s="104">
        <v>18333462</v>
      </c>
      <c r="CS24" s="104">
        <v>13450413</v>
      </c>
      <c r="CT24" s="104">
        <v>6409377</v>
      </c>
      <c r="CU24" s="104">
        <v>4312766</v>
      </c>
      <c r="CV24" s="103">
        <v>57111191</v>
      </c>
      <c r="CW24" s="106">
        <v>57111191</v>
      </c>
      <c r="CX24" s="100">
        <v>783135</v>
      </c>
      <c r="CY24" s="104">
        <v>2769682</v>
      </c>
      <c r="CZ24" s="103">
        <v>3552817</v>
      </c>
      <c r="DA24" s="100">
        <v>0</v>
      </c>
      <c r="DB24" s="104">
        <v>5210826</v>
      </c>
      <c r="DC24" s="104">
        <v>7250366</v>
      </c>
      <c r="DD24" s="104">
        <v>5618893</v>
      </c>
      <c r="DE24" s="104">
        <v>2306582</v>
      </c>
      <c r="DF24" s="104">
        <v>1276908</v>
      </c>
      <c r="DG24" s="103">
        <v>21663575</v>
      </c>
      <c r="DH24" s="106">
        <v>25216392</v>
      </c>
      <c r="DI24" s="100">
        <v>31936</v>
      </c>
      <c r="DJ24" s="104">
        <v>101023</v>
      </c>
      <c r="DK24" s="102">
        <v>132959</v>
      </c>
      <c r="DL24" s="101">
        <v>0</v>
      </c>
      <c r="DM24" s="104">
        <v>991950</v>
      </c>
      <c r="DN24" s="104">
        <v>4077143</v>
      </c>
      <c r="DO24" s="104">
        <v>5214118</v>
      </c>
      <c r="DP24" s="104">
        <v>3727113</v>
      </c>
      <c r="DQ24" s="104">
        <v>1709301</v>
      </c>
      <c r="DR24" s="103">
        <v>15719625</v>
      </c>
      <c r="DS24" s="106">
        <v>15852584</v>
      </c>
      <c r="DT24" s="100">
        <v>31936</v>
      </c>
      <c r="DU24" s="104">
        <v>101023</v>
      </c>
      <c r="DV24" s="103">
        <v>132959</v>
      </c>
      <c r="DW24" s="100">
        <v>0</v>
      </c>
      <c r="DX24" s="104">
        <v>817551</v>
      </c>
      <c r="DY24" s="104">
        <v>3401262</v>
      </c>
      <c r="DZ24" s="104">
        <v>4567050</v>
      </c>
      <c r="EA24" s="104">
        <v>2879001</v>
      </c>
      <c r="EB24" s="104">
        <v>1358109</v>
      </c>
      <c r="EC24" s="103">
        <v>13022973</v>
      </c>
      <c r="ED24" s="106">
        <v>13155932</v>
      </c>
      <c r="EE24" s="100">
        <v>0</v>
      </c>
      <c r="EF24" s="102">
        <v>0</v>
      </c>
      <c r="EG24" s="103">
        <v>0</v>
      </c>
      <c r="EH24" s="100">
        <v>0</v>
      </c>
      <c r="EI24" s="104">
        <v>174399</v>
      </c>
      <c r="EJ24" s="104">
        <v>675881</v>
      </c>
      <c r="EK24" s="104">
        <v>647068</v>
      </c>
      <c r="EL24" s="104">
        <v>848112</v>
      </c>
      <c r="EM24" s="104">
        <v>351192</v>
      </c>
      <c r="EN24" s="102">
        <v>2696652</v>
      </c>
      <c r="EO24" s="106">
        <v>2696652</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1073675</v>
      </c>
      <c r="FM24" s="104">
        <v>1653571</v>
      </c>
      <c r="FN24" s="103">
        <v>2727246</v>
      </c>
      <c r="FO24" s="100">
        <v>0</v>
      </c>
      <c r="FP24" s="104">
        <v>4267783</v>
      </c>
      <c r="FQ24" s="104">
        <v>6242183</v>
      </c>
      <c r="FR24" s="104">
        <v>5235515</v>
      </c>
      <c r="FS24" s="104">
        <v>4079639</v>
      </c>
      <c r="FT24" s="104">
        <v>3309815</v>
      </c>
      <c r="FU24" s="103">
        <v>23134935</v>
      </c>
      <c r="FV24" s="106">
        <v>25862181</v>
      </c>
      <c r="FW24" s="105">
        <v>784349</v>
      </c>
      <c r="FX24" s="104">
        <v>1443636</v>
      </c>
      <c r="FY24" s="102">
        <v>2227985</v>
      </c>
      <c r="FZ24" s="101">
        <v>0</v>
      </c>
      <c r="GA24" s="104">
        <v>3464157</v>
      </c>
      <c r="GB24" s="104">
        <v>5966930</v>
      </c>
      <c r="GC24" s="104">
        <v>4657020</v>
      </c>
      <c r="GD24" s="104">
        <v>3893914</v>
      </c>
      <c r="GE24" s="104">
        <v>3229463</v>
      </c>
      <c r="GF24" s="103">
        <v>21211484</v>
      </c>
      <c r="GG24" s="296">
        <v>23439469</v>
      </c>
      <c r="GH24" s="105">
        <v>57915</v>
      </c>
      <c r="GI24" s="104">
        <v>58500</v>
      </c>
      <c r="GJ24" s="102">
        <v>116415</v>
      </c>
      <c r="GK24" s="101">
        <v>0</v>
      </c>
      <c r="GL24" s="104">
        <v>245481</v>
      </c>
      <c r="GM24" s="104">
        <v>45900</v>
      </c>
      <c r="GN24" s="104">
        <v>106297</v>
      </c>
      <c r="GO24" s="104">
        <v>124938</v>
      </c>
      <c r="GP24" s="104">
        <v>80352</v>
      </c>
      <c r="GQ24" s="103">
        <v>602968</v>
      </c>
      <c r="GR24" s="106">
        <v>719383</v>
      </c>
      <c r="GS24" s="100">
        <v>231411</v>
      </c>
      <c r="GT24" s="104">
        <v>151435</v>
      </c>
      <c r="GU24" s="103">
        <v>382846</v>
      </c>
      <c r="GV24" s="100">
        <v>0</v>
      </c>
      <c r="GW24" s="104">
        <v>558145</v>
      </c>
      <c r="GX24" s="104">
        <v>229353</v>
      </c>
      <c r="GY24" s="104">
        <v>472198</v>
      </c>
      <c r="GZ24" s="104">
        <v>60787</v>
      </c>
      <c r="HA24" s="104">
        <v>0</v>
      </c>
      <c r="HB24" s="102">
        <v>1320483</v>
      </c>
      <c r="HC24" s="106">
        <v>1703329</v>
      </c>
      <c r="HD24" s="100">
        <v>821536</v>
      </c>
      <c r="HE24" s="104">
        <v>1433760</v>
      </c>
      <c r="HF24" s="102">
        <v>2255296</v>
      </c>
      <c r="HG24" s="101">
        <v>0</v>
      </c>
      <c r="HH24" s="104">
        <v>11482692</v>
      </c>
      <c r="HI24" s="104">
        <v>9978269</v>
      </c>
      <c r="HJ24" s="104">
        <v>11656994</v>
      </c>
      <c r="HK24" s="104">
        <v>10374103</v>
      </c>
      <c r="HL24" s="104">
        <v>6762376</v>
      </c>
      <c r="HM24" s="103">
        <v>50254434</v>
      </c>
      <c r="HN24" s="99">
        <v>52509730</v>
      </c>
      <c r="HO24" s="105">
        <v>905159</v>
      </c>
      <c r="HP24" s="104">
        <v>1359261</v>
      </c>
      <c r="HQ24" s="103">
        <v>2264420</v>
      </c>
      <c r="HR24" s="100">
        <v>0</v>
      </c>
      <c r="HS24" s="104">
        <v>10645935</v>
      </c>
      <c r="HT24" s="104">
        <v>8170365</v>
      </c>
      <c r="HU24" s="104">
        <v>5743072</v>
      </c>
      <c r="HV24" s="104">
        <v>3347557</v>
      </c>
      <c r="HW24" s="104">
        <v>2404510</v>
      </c>
      <c r="HX24" s="102">
        <v>30311439</v>
      </c>
      <c r="HY24" s="106">
        <v>32575859</v>
      </c>
      <c r="HZ24" s="137">
        <v>0</v>
      </c>
      <c r="IA24" s="122">
        <v>370415</v>
      </c>
      <c r="IB24" s="137">
        <v>370415</v>
      </c>
      <c r="IC24" s="121">
        <v>0</v>
      </c>
      <c r="ID24" s="122">
        <v>14163329</v>
      </c>
      <c r="IE24" s="123">
        <v>25141876</v>
      </c>
      <c r="IF24" s="124">
        <v>28324437</v>
      </c>
      <c r="IG24" s="122">
        <v>14707176</v>
      </c>
      <c r="IH24" s="124">
        <v>14766348</v>
      </c>
      <c r="II24" s="125">
        <v>97103166</v>
      </c>
      <c r="IJ24" s="137">
        <v>97473581</v>
      </c>
      <c r="IK24" s="219">
        <v>0</v>
      </c>
      <c r="IL24" s="223">
        <v>0</v>
      </c>
      <c r="IM24" s="224">
        <v>0</v>
      </c>
      <c r="IN24" s="127"/>
      <c r="IO24" s="109">
        <v>967854</v>
      </c>
      <c r="IP24" s="109">
        <v>1283378</v>
      </c>
      <c r="IQ24" s="109">
        <v>1042221</v>
      </c>
      <c r="IR24" s="109">
        <v>1128676</v>
      </c>
      <c r="IS24" s="109">
        <v>2128263</v>
      </c>
      <c r="IT24" s="128">
        <v>6550392</v>
      </c>
      <c r="IU24" s="298">
        <v>6550392</v>
      </c>
      <c r="IV24" s="129">
        <v>0</v>
      </c>
      <c r="IW24" s="109">
        <v>0</v>
      </c>
      <c r="IX24" s="110">
        <v>0</v>
      </c>
      <c r="IY24" s="131"/>
      <c r="IZ24" s="109">
        <v>22918</v>
      </c>
      <c r="JA24" s="109">
        <v>36073</v>
      </c>
      <c r="JB24" s="109">
        <v>45836</v>
      </c>
      <c r="JC24" s="109">
        <v>67848</v>
      </c>
      <c r="JD24" s="109">
        <v>67563</v>
      </c>
      <c r="JE24" s="110">
        <v>240238</v>
      </c>
      <c r="JF24" s="111">
        <v>240238</v>
      </c>
      <c r="JG24" s="129">
        <v>0</v>
      </c>
      <c r="JH24" s="109">
        <v>0</v>
      </c>
      <c r="JI24" s="128">
        <v>0</v>
      </c>
      <c r="JJ24" s="108">
        <v>0</v>
      </c>
      <c r="JK24" s="109">
        <v>6251568</v>
      </c>
      <c r="JL24" s="109">
        <v>7755774</v>
      </c>
      <c r="JM24" s="109">
        <v>5269386</v>
      </c>
      <c r="JN24" s="109">
        <v>2790273</v>
      </c>
      <c r="JO24" s="109">
        <v>1393996</v>
      </c>
      <c r="JP24" s="110">
        <v>23460997</v>
      </c>
      <c r="JQ24" s="298">
        <v>23460997</v>
      </c>
      <c r="JR24" s="129">
        <v>0</v>
      </c>
      <c r="JS24" s="109">
        <v>0</v>
      </c>
      <c r="JT24" s="128">
        <v>0</v>
      </c>
      <c r="JU24" s="108">
        <v>0</v>
      </c>
      <c r="JV24" s="109">
        <v>1066396</v>
      </c>
      <c r="JW24" s="109">
        <v>2040388</v>
      </c>
      <c r="JX24" s="109">
        <v>3168553</v>
      </c>
      <c r="JY24" s="109">
        <v>471917</v>
      </c>
      <c r="JZ24" s="109">
        <v>621499</v>
      </c>
      <c r="KA24" s="110">
        <v>7368753</v>
      </c>
      <c r="KB24" s="298">
        <v>7368753</v>
      </c>
      <c r="KC24" s="221">
        <v>0</v>
      </c>
      <c r="KD24" s="217">
        <v>370415</v>
      </c>
      <c r="KE24" s="110">
        <v>370415</v>
      </c>
      <c r="KF24" s="108">
        <v>0</v>
      </c>
      <c r="KG24" s="109">
        <v>2674358</v>
      </c>
      <c r="KH24" s="109">
        <v>7245432</v>
      </c>
      <c r="KI24" s="109">
        <v>7370651</v>
      </c>
      <c r="KJ24" s="109">
        <v>3416036</v>
      </c>
      <c r="KK24" s="109">
        <v>3416126</v>
      </c>
      <c r="KL24" s="110">
        <v>24122603</v>
      </c>
      <c r="KM24" s="130">
        <v>24493018</v>
      </c>
      <c r="KN24" s="219">
        <v>0</v>
      </c>
      <c r="KO24" s="223">
        <v>0</v>
      </c>
      <c r="KP24" s="224">
        <v>0</v>
      </c>
      <c r="KQ24" s="127"/>
      <c r="KR24" s="109">
        <v>2983035</v>
      </c>
      <c r="KS24" s="109">
        <v>5823125</v>
      </c>
      <c r="KT24" s="109">
        <v>9150156</v>
      </c>
      <c r="KU24" s="109">
        <v>6151830</v>
      </c>
      <c r="KV24" s="109">
        <v>3799100</v>
      </c>
      <c r="KW24" s="110">
        <v>27907246</v>
      </c>
      <c r="KX24" s="298">
        <v>27907246</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197200</v>
      </c>
      <c r="LZ24" s="109">
        <v>957706</v>
      </c>
      <c r="MA24" s="109">
        <v>2277634</v>
      </c>
      <c r="MB24" s="109">
        <v>680596</v>
      </c>
      <c r="MC24" s="109">
        <v>3339801</v>
      </c>
      <c r="MD24" s="110">
        <v>7452937</v>
      </c>
      <c r="ME24" s="111">
        <v>7452937</v>
      </c>
      <c r="MF24" s="129">
        <v>0</v>
      </c>
      <c r="MG24" s="109">
        <v>0</v>
      </c>
      <c r="MH24" s="110">
        <v>0</v>
      </c>
      <c r="MI24" s="132"/>
      <c r="MJ24" s="109">
        <v>5553925</v>
      </c>
      <c r="MK24" s="109">
        <v>13778043</v>
      </c>
      <c r="ML24" s="109">
        <v>50545487</v>
      </c>
      <c r="MM24" s="109">
        <v>55406965</v>
      </c>
      <c r="MN24" s="109">
        <v>46460315</v>
      </c>
      <c r="MO24" s="110">
        <v>171744735</v>
      </c>
      <c r="MP24" s="130">
        <v>171744735</v>
      </c>
      <c r="MQ24" s="129">
        <v>0</v>
      </c>
      <c r="MR24" s="109">
        <v>0</v>
      </c>
      <c r="MS24" s="110">
        <v>0</v>
      </c>
      <c r="MT24" s="132"/>
      <c r="MU24" s="109">
        <v>0</v>
      </c>
      <c r="MV24" s="109">
        <v>1184894</v>
      </c>
      <c r="MW24" s="109">
        <v>30487689</v>
      </c>
      <c r="MX24" s="109">
        <v>33184709</v>
      </c>
      <c r="MY24" s="109">
        <v>33906260</v>
      </c>
      <c r="MZ24" s="110">
        <v>98763552</v>
      </c>
      <c r="NA24" s="130">
        <v>98763552</v>
      </c>
      <c r="NB24" s="129">
        <v>0</v>
      </c>
      <c r="NC24" s="109">
        <v>0</v>
      </c>
      <c r="ND24" s="110">
        <v>0</v>
      </c>
      <c r="NE24" s="132"/>
      <c r="NF24" s="109">
        <v>5553925</v>
      </c>
      <c r="NG24" s="109">
        <v>12593149</v>
      </c>
      <c r="NH24" s="109">
        <v>20057798</v>
      </c>
      <c r="NI24" s="109">
        <v>20732666</v>
      </c>
      <c r="NJ24" s="109">
        <v>9441759</v>
      </c>
      <c r="NK24" s="110">
        <v>68379297</v>
      </c>
      <c r="NL24" s="298">
        <v>68379297</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1489590</v>
      </c>
      <c r="OF24" s="109">
        <v>3112296</v>
      </c>
      <c r="OG24" s="110">
        <v>4601886</v>
      </c>
      <c r="OH24" s="111">
        <v>4601886</v>
      </c>
      <c r="OI24" s="129">
        <v>4936708</v>
      </c>
      <c r="OJ24" s="109">
        <v>9499919</v>
      </c>
      <c r="OK24" s="128">
        <v>14436627</v>
      </c>
      <c r="OL24" s="108">
        <v>0</v>
      </c>
      <c r="OM24" s="109">
        <v>84287160</v>
      </c>
      <c r="ON24" s="109">
        <v>111237583</v>
      </c>
      <c r="OO24" s="109">
        <v>142706130</v>
      </c>
      <c r="OP24" s="109">
        <v>119451982</v>
      </c>
      <c r="OQ24" s="109">
        <v>98192437</v>
      </c>
      <c r="OR24" s="110">
        <v>555875292</v>
      </c>
      <c r="OS24" s="130">
        <v>570311919</v>
      </c>
    </row>
    <row r="25" spans="2:409" ht="21" customHeight="1" x14ac:dyDescent="0.2">
      <c r="B25" s="472" t="s">
        <v>20</v>
      </c>
      <c r="C25" s="100">
        <v>4802742</v>
      </c>
      <c r="D25" s="104">
        <v>12644806</v>
      </c>
      <c r="E25" s="103">
        <v>17447548</v>
      </c>
      <c r="F25" s="100">
        <v>0</v>
      </c>
      <c r="G25" s="104">
        <v>86720679</v>
      </c>
      <c r="H25" s="104">
        <v>84060153</v>
      </c>
      <c r="I25" s="104">
        <v>84156166</v>
      </c>
      <c r="J25" s="104">
        <v>72514203</v>
      </c>
      <c r="K25" s="104">
        <v>46008385</v>
      </c>
      <c r="L25" s="160">
        <v>373459586</v>
      </c>
      <c r="M25" s="106">
        <v>390907134</v>
      </c>
      <c r="N25" s="100">
        <v>1665214</v>
      </c>
      <c r="O25" s="104">
        <v>4213950</v>
      </c>
      <c r="P25" s="103">
        <v>5879164</v>
      </c>
      <c r="Q25" s="100">
        <v>0</v>
      </c>
      <c r="R25" s="104">
        <v>25358361</v>
      </c>
      <c r="S25" s="104">
        <v>25626863</v>
      </c>
      <c r="T25" s="104">
        <v>28496545</v>
      </c>
      <c r="U25" s="104">
        <v>26614030</v>
      </c>
      <c r="V25" s="104">
        <v>23560530</v>
      </c>
      <c r="W25" s="103">
        <v>129656329</v>
      </c>
      <c r="X25" s="106">
        <v>135535493</v>
      </c>
      <c r="Y25" s="100">
        <v>0</v>
      </c>
      <c r="Z25" s="104">
        <v>0</v>
      </c>
      <c r="AA25" s="103">
        <v>0</v>
      </c>
      <c r="AB25" s="100">
        <v>0</v>
      </c>
      <c r="AC25" s="104">
        <v>10105586</v>
      </c>
      <c r="AD25" s="104">
        <v>10124878</v>
      </c>
      <c r="AE25" s="104">
        <v>16115192</v>
      </c>
      <c r="AF25" s="104">
        <v>15284219</v>
      </c>
      <c r="AG25" s="104">
        <v>13185884</v>
      </c>
      <c r="AH25" s="103">
        <v>64815759</v>
      </c>
      <c r="AI25" s="106">
        <v>64815759</v>
      </c>
      <c r="AJ25" s="100">
        <v>0</v>
      </c>
      <c r="AK25" s="104">
        <v>0</v>
      </c>
      <c r="AL25" s="103">
        <v>0</v>
      </c>
      <c r="AM25" s="100">
        <v>0</v>
      </c>
      <c r="AN25" s="104">
        <v>188814</v>
      </c>
      <c r="AO25" s="104">
        <v>225194</v>
      </c>
      <c r="AP25" s="104">
        <v>1103937</v>
      </c>
      <c r="AQ25" s="104">
        <v>1650599</v>
      </c>
      <c r="AR25" s="104">
        <v>3057866</v>
      </c>
      <c r="AS25" s="103">
        <v>6226410</v>
      </c>
      <c r="AT25" s="106">
        <v>6226410</v>
      </c>
      <c r="AU25" s="100">
        <v>982479</v>
      </c>
      <c r="AV25" s="104">
        <v>2690043</v>
      </c>
      <c r="AW25" s="103">
        <v>3672522</v>
      </c>
      <c r="AX25" s="100">
        <v>0</v>
      </c>
      <c r="AY25" s="104">
        <v>9900487</v>
      </c>
      <c r="AZ25" s="104">
        <v>9187510</v>
      </c>
      <c r="BA25" s="104">
        <v>5782596</v>
      </c>
      <c r="BB25" s="104">
        <v>4921858</v>
      </c>
      <c r="BC25" s="104">
        <v>4251175</v>
      </c>
      <c r="BD25" s="103">
        <v>34043626</v>
      </c>
      <c r="BE25" s="106">
        <v>37716148</v>
      </c>
      <c r="BF25" s="100">
        <v>319068</v>
      </c>
      <c r="BG25" s="104">
        <v>1138102</v>
      </c>
      <c r="BH25" s="102">
        <v>1457170</v>
      </c>
      <c r="BI25" s="101">
        <v>0</v>
      </c>
      <c r="BJ25" s="104">
        <v>1859124</v>
      </c>
      <c r="BK25" s="104">
        <v>2573730</v>
      </c>
      <c r="BL25" s="104">
        <v>1625857</v>
      </c>
      <c r="BM25" s="104">
        <v>1438373</v>
      </c>
      <c r="BN25" s="104">
        <v>588175</v>
      </c>
      <c r="BO25" s="103">
        <v>8085259</v>
      </c>
      <c r="BP25" s="106">
        <v>9542429</v>
      </c>
      <c r="BQ25" s="100">
        <v>363667</v>
      </c>
      <c r="BR25" s="104">
        <v>385805</v>
      </c>
      <c r="BS25" s="103">
        <v>749472</v>
      </c>
      <c r="BT25" s="100">
        <v>0</v>
      </c>
      <c r="BU25" s="104">
        <v>3304350</v>
      </c>
      <c r="BV25" s="104">
        <v>3515551</v>
      </c>
      <c r="BW25" s="104">
        <v>3868963</v>
      </c>
      <c r="BX25" s="104">
        <v>3318981</v>
      </c>
      <c r="BY25" s="104">
        <v>2477430</v>
      </c>
      <c r="BZ25" s="103">
        <v>16485275</v>
      </c>
      <c r="CA25" s="106">
        <v>17234747</v>
      </c>
      <c r="CB25" s="100">
        <v>369954</v>
      </c>
      <c r="CC25" s="104">
        <v>1392273</v>
      </c>
      <c r="CD25" s="103">
        <v>1762227</v>
      </c>
      <c r="CE25" s="100">
        <v>0</v>
      </c>
      <c r="CF25" s="104">
        <v>24880954</v>
      </c>
      <c r="CG25" s="104">
        <v>26799768</v>
      </c>
      <c r="CH25" s="104">
        <v>17890120</v>
      </c>
      <c r="CI25" s="104">
        <v>12399258</v>
      </c>
      <c r="CJ25" s="104">
        <v>5251509</v>
      </c>
      <c r="CK25" s="103">
        <v>87221609</v>
      </c>
      <c r="CL25" s="106">
        <v>88983836</v>
      </c>
      <c r="CM25" s="100">
        <v>0</v>
      </c>
      <c r="CN25" s="104">
        <v>0</v>
      </c>
      <c r="CO25" s="103">
        <v>0</v>
      </c>
      <c r="CP25" s="101">
        <v>0</v>
      </c>
      <c r="CQ25" s="104">
        <v>18502472</v>
      </c>
      <c r="CR25" s="104">
        <v>20044393</v>
      </c>
      <c r="CS25" s="104">
        <v>13854699</v>
      </c>
      <c r="CT25" s="104">
        <v>9461763</v>
      </c>
      <c r="CU25" s="104">
        <v>3784541</v>
      </c>
      <c r="CV25" s="103">
        <v>65647868</v>
      </c>
      <c r="CW25" s="106">
        <v>65647868</v>
      </c>
      <c r="CX25" s="100">
        <v>369954</v>
      </c>
      <c r="CY25" s="104">
        <v>1392273</v>
      </c>
      <c r="CZ25" s="103">
        <v>1762227</v>
      </c>
      <c r="DA25" s="100">
        <v>0</v>
      </c>
      <c r="DB25" s="104">
        <v>6378482</v>
      </c>
      <c r="DC25" s="104">
        <v>6755375</v>
      </c>
      <c r="DD25" s="104">
        <v>4035421</v>
      </c>
      <c r="DE25" s="104">
        <v>2937495</v>
      </c>
      <c r="DF25" s="104">
        <v>1466968</v>
      </c>
      <c r="DG25" s="103">
        <v>21573741</v>
      </c>
      <c r="DH25" s="106">
        <v>23335968</v>
      </c>
      <c r="DI25" s="100">
        <v>0</v>
      </c>
      <c r="DJ25" s="104">
        <v>437958</v>
      </c>
      <c r="DK25" s="102">
        <v>437958</v>
      </c>
      <c r="DL25" s="101">
        <v>0</v>
      </c>
      <c r="DM25" s="104">
        <v>3770167</v>
      </c>
      <c r="DN25" s="104">
        <v>5036760</v>
      </c>
      <c r="DO25" s="104">
        <v>12043068</v>
      </c>
      <c r="DP25" s="104">
        <v>9348338</v>
      </c>
      <c r="DQ25" s="104">
        <v>3674616</v>
      </c>
      <c r="DR25" s="103">
        <v>33872949</v>
      </c>
      <c r="DS25" s="106">
        <v>34310907</v>
      </c>
      <c r="DT25" s="100">
        <v>0</v>
      </c>
      <c r="DU25" s="104">
        <v>437958</v>
      </c>
      <c r="DV25" s="103">
        <v>437958</v>
      </c>
      <c r="DW25" s="100">
        <v>0</v>
      </c>
      <c r="DX25" s="104">
        <v>3604148</v>
      </c>
      <c r="DY25" s="104">
        <v>4641435</v>
      </c>
      <c r="DZ25" s="104">
        <v>11249976</v>
      </c>
      <c r="EA25" s="104">
        <v>8751260</v>
      </c>
      <c r="EB25" s="104">
        <v>3387979</v>
      </c>
      <c r="EC25" s="103">
        <v>31634798</v>
      </c>
      <c r="ED25" s="106">
        <v>32072756</v>
      </c>
      <c r="EE25" s="100">
        <v>0</v>
      </c>
      <c r="EF25" s="102">
        <v>0</v>
      </c>
      <c r="EG25" s="103">
        <v>0</v>
      </c>
      <c r="EH25" s="100">
        <v>0</v>
      </c>
      <c r="EI25" s="104">
        <v>166019</v>
      </c>
      <c r="EJ25" s="104">
        <v>395325</v>
      </c>
      <c r="EK25" s="104">
        <v>793092</v>
      </c>
      <c r="EL25" s="104">
        <v>597078</v>
      </c>
      <c r="EM25" s="104">
        <v>286637</v>
      </c>
      <c r="EN25" s="102">
        <v>2238151</v>
      </c>
      <c r="EO25" s="106">
        <v>2238151</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958487</v>
      </c>
      <c r="FM25" s="104">
        <v>3316648</v>
      </c>
      <c r="FN25" s="103">
        <v>4275135</v>
      </c>
      <c r="FO25" s="100">
        <v>0</v>
      </c>
      <c r="FP25" s="104">
        <v>5863697</v>
      </c>
      <c r="FQ25" s="104">
        <v>7659239</v>
      </c>
      <c r="FR25" s="104">
        <v>5583775</v>
      </c>
      <c r="FS25" s="104">
        <v>5709746</v>
      </c>
      <c r="FT25" s="104">
        <v>3800907</v>
      </c>
      <c r="FU25" s="103">
        <v>28617364</v>
      </c>
      <c r="FV25" s="106">
        <v>32892499</v>
      </c>
      <c r="FW25" s="105">
        <v>699917</v>
      </c>
      <c r="FX25" s="104">
        <v>2302098</v>
      </c>
      <c r="FY25" s="102">
        <v>3002015</v>
      </c>
      <c r="FZ25" s="101">
        <v>0</v>
      </c>
      <c r="GA25" s="104">
        <v>4830264</v>
      </c>
      <c r="GB25" s="104">
        <v>6832628</v>
      </c>
      <c r="GC25" s="104">
        <v>5343121</v>
      </c>
      <c r="GD25" s="104">
        <v>4936481</v>
      </c>
      <c r="GE25" s="104">
        <v>3589407</v>
      </c>
      <c r="GF25" s="103">
        <v>25531901</v>
      </c>
      <c r="GG25" s="296">
        <v>28533916</v>
      </c>
      <c r="GH25" s="105">
        <v>51570</v>
      </c>
      <c r="GI25" s="104">
        <v>22950</v>
      </c>
      <c r="GJ25" s="102">
        <v>74520</v>
      </c>
      <c r="GK25" s="101">
        <v>0</v>
      </c>
      <c r="GL25" s="104">
        <v>366713</v>
      </c>
      <c r="GM25" s="104">
        <v>190555</v>
      </c>
      <c r="GN25" s="104">
        <v>202664</v>
      </c>
      <c r="GO25" s="104">
        <v>179265</v>
      </c>
      <c r="GP25" s="104">
        <v>0</v>
      </c>
      <c r="GQ25" s="103">
        <v>939197</v>
      </c>
      <c r="GR25" s="106">
        <v>1013717</v>
      </c>
      <c r="GS25" s="100">
        <v>207000</v>
      </c>
      <c r="GT25" s="104">
        <v>991600</v>
      </c>
      <c r="GU25" s="103">
        <v>1198600</v>
      </c>
      <c r="GV25" s="100">
        <v>0</v>
      </c>
      <c r="GW25" s="104">
        <v>666720</v>
      </c>
      <c r="GX25" s="104">
        <v>636056</v>
      </c>
      <c r="GY25" s="104">
        <v>37990</v>
      </c>
      <c r="GZ25" s="104">
        <v>594000</v>
      </c>
      <c r="HA25" s="104">
        <v>211500</v>
      </c>
      <c r="HB25" s="102">
        <v>2146266</v>
      </c>
      <c r="HC25" s="106">
        <v>3344866</v>
      </c>
      <c r="HD25" s="100">
        <v>850963</v>
      </c>
      <c r="HE25" s="104">
        <v>1122965</v>
      </c>
      <c r="HF25" s="102">
        <v>1973928</v>
      </c>
      <c r="HG25" s="101">
        <v>0</v>
      </c>
      <c r="HH25" s="104">
        <v>13119149</v>
      </c>
      <c r="HI25" s="104">
        <v>9712627</v>
      </c>
      <c r="HJ25" s="104">
        <v>12923756</v>
      </c>
      <c r="HK25" s="104">
        <v>13713003</v>
      </c>
      <c r="HL25" s="104">
        <v>7117870</v>
      </c>
      <c r="HM25" s="103">
        <v>56586405</v>
      </c>
      <c r="HN25" s="99">
        <v>58560333</v>
      </c>
      <c r="HO25" s="105">
        <v>958124</v>
      </c>
      <c r="HP25" s="104">
        <v>2161012</v>
      </c>
      <c r="HQ25" s="103">
        <v>3119136</v>
      </c>
      <c r="HR25" s="100">
        <v>0</v>
      </c>
      <c r="HS25" s="104">
        <v>13728351</v>
      </c>
      <c r="HT25" s="104">
        <v>9224896</v>
      </c>
      <c r="HU25" s="104">
        <v>7218902</v>
      </c>
      <c r="HV25" s="104">
        <v>4729828</v>
      </c>
      <c r="HW25" s="104">
        <v>2602953</v>
      </c>
      <c r="HX25" s="102">
        <v>37504930</v>
      </c>
      <c r="HY25" s="106">
        <v>40624066</v>
      </c>
      <c r="HZ25" s="118">
        <v>0</v>
      </c>
      <c r="IA25" s="119">
        <v>0</v>
      </c>
      <c r="IB25" s="120">
        <v>0</v>
      </c>
      <c r="IC25" s="133">
        <v>0</v>
      </c>
      <c r="ID25" s="119">
        <v>13040070</v>
      </c>
      <c r="IE25" s="134">
        <v>16004395</v>
      </c>
      <c r="IF25" s="120">
        <v>22299175</v>
      </c>
      <c r="IG25" s="119">
        <v>7990209</v>
      </c>
      <c r="IH25" s="120">
        <v>7390589</v>
      </c>
      <c r="II25" s="135">
        <v>66724438</v>
      </c>
      <c r="IJ25" s="126">
        <v>66724438</v>
      </c>
      <c r="IK25" s="219">
        <v>0</v>
      </c>
      <c r="IL25" s="223">
        <v>0</v>
      </c>
      <c r="IM25" s="224">
        <v>0</v>
      </c>
      <c r="IN25" s="127"/>
      <c r="IO25" s="109">
        <v>90882</v>
      </c>
      <c r="IP25" s="109">
        <v>84598</v>
      </c>
      <c r="IQ25" s="109">
        <v>0</v>
      </c>
      <c r="IR25" s="109">
        <v>0</v>
      </c>
      <c r="IS25" s="109">
        <v>865558</v>
      </c>
      <c r="IT25" s="128">
        <v>1041038</v>
      </c>
      <c r="IU25" s="298">
        <v>1041038</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7364033</v>
      </c>
      <c r="JL25" s="109">
        <v>4974214</v>
      </c>
      <c r="JM25" s="109">
        <v>6310821</v>
      </c>
      <c r="JN25" s="109">
        <v>1605397</v>
      </c>
      <c r="JO25" s="109">
        <v>377491</v>
      </c>
      <c r="JP25" s="110">
        <v>20631956</v>
      </c>
      <c r="JQ25" s="298">
        <v>20631956</v>
      </c>
      <c r="JR25" s="129">
        <v>0</v>
      </c>
      <c r="JS25" s="109">
        <v>0</v>
      </c>
      <c r="JT25" s="128">
        <v>0</v>
      </c>
      <c r="JU25" s="108">
        <v>0</v>
      </c>
      <c r="JV25" s="109">
        <v>111175</v>
      </c>
      <c r="JW25" s="109">
        <v>104448</v>
      </c>
      <c r="JX25" s="109">
        <v>447478</v>
      </c>
      <c r="JY25" s="109">
        <v>0</v>
      </c>
      <c r="JZ25" s="109">
        <v>367170</v>
      </c>
      <c r="KA25" s="110">
        <v>1030271</v>
      </c>
      <c r="KB25" s="298">
        <v>1030271</v>
      </c>
      <c r="KC25" s="221">
        <v>0</v>
      </c>
      <c r="KD25" s="217">
        <v>0</v>
      </c>
      <c r="KE25" s="110">
        <v>0</v>
      </c>
      <c r="KF25" s="108">
        <v>0</v>
      </c>
      <c r="KG25" s="109">
        <v>2691809</v>
      </c>
      <c r="KH25" s="109">
        <v>1892528</v>
      </c>
      <c r="KI25" s="109">
        <v>2272733</v>
      </c>
      <c r="KJ25" s="109">
        <v>781812</v>
      </c>
      <c r="KK25" s="109">
        <v>310739</v>
      </c>
      <c r="KL25" s="110">
        <v>7949621</v>
      </c>
      <c r="KM25" s="130">
        <v>7949621</v>
      </c>
      <c r="KN25" s="219">
        <v>0</v>
      </c>
      <c r="KO25" s="223">
        <v>0</v>
      </c>
      <c r="KP25" s="224">
        <v>0</v>
      </c>
      <c r="KQ25" s="127"/>
      <c r="KR25" s="109">
        <v>2782171</v>
      </c>
      <c r="KS25" s="109">
        <v>8948607</v>
      </c>
      <c r="KT25" s="109">
        <v>13268143</v>
      </c>
      <c r="KU25" s="109">
        <v>5603000</v>
      </c>
      <c r="KV25" s="109">
        <v>5469631</v>
      </c>
      <c r="KW25" s="110">
        <v>36071552</v>
      </c>
      <c r="KX25" s="298">
        <v>36071552</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5387578</v>
      </c>
      <c r="MK25" s="109">
        <v>17096760</v>
      </c>
      <c r="ML25" s="109">
        <v>42394539</v>
      </c>
      <c r="MM25" s="109">
        <v>72090492</v>
      </c>
      <c r="MN25" s="109">
        <v>36023211</v>
      </c>
      <c r="MO25" s="110">
        <v>172992580</v>
      </c>
      <c r="MP25" s="130">
        <v>172992580</v>
      </c>
      <c r="MQ25" s="129">
        <v>0</v>
      </c>
      <c r="MR25" s="109">
        <v>0</v>
      </c>
      <c r="MS25" s="110">
        <v>0</v>
      </c>
      <c r="MT25" s="132"/>
      <c r="MU25" s="109">
        <v>723583</v>
      </c>
      <c r="MV25" s="109">
        <v>6701922</v>
      </c>
      <c r="MW25" s="109">
        <v>31428959</v>
      </c>
      <c r="MX25" s="109">
        <v>54416840</v>
      </c>
      <c r="MY25" s="109">
        <v>27287606</v>
      </c>
      <c r="MZ25" s="110">
        <v>120558910</v>
      </c>
      <c r="NA25" s="130">
        <v>120558910</v>
      </c>
      <c r="NB25" s="129">
        <v>0</v>
      </c>
      <c r="NC25" s="109">
        <v>0</v>
      </c>
      <c r="ND25" s="110">
        <v>0</v>
      </c>
      <c r="NE25" s="132"/>
      <c r="NF25" s="109">
        <v>4663995</v>
      </c>
      <c r="NG25" s="109">
        <v>10394838</v>
      </c>
      <c r="NH25" s="109">
        <v>10965580</v>
      </c>
      <c r="NI25" s="109">
        <v>16604117</v>
      </c>
      <c r="NJ25" s="109">
        <v>7452905</v>
      </c>
      <c r="NK25" s="110">
        <v>50081435</v>
      </c>
      <c r="NL25" s="298">
        <v>50081435</v>
      </c>
      <c r="NM25" s="129">
        <v>0</v>
      </c>
      <c r="NN25" s="109">
        <v>0</v>
      </c>
      <c r="NO25" s="110">
        <v>0</v>
      </c>
      <c r="NP25" s="132"/>
      <c r="NQ25" s="109">
        <v>0</v>
      </c>
      <c r="NR25" s="109">
        <v>0</v>
      </c>
      <c r="NS25" s="109">
        <v>0</v>
      </c>
      <c r="NT25" s="109">
        <v>326232</v>
      </c>
      <c r="NU25" s="109">
        <v>0</v>
      </c>
      <c r="NV25" s="110">
        <v>326232</v>
      </c>
      <c r="NW25" s="111">
        <v>326232</v>
      </c>
      <c r="NX25" s="129">
        <v>0</v>
      </c>
      <c r="NY25" s="109">
        <v>0</v>
      </c>
      <c r="NZ25" s="110">
        <v>0</v>
      </c>
      <c r="OA25" s="132"/>
      <c r="OB25" s="109">
        <v>0</v>
      </c>
      <c r="OC25" s="109">
        <v>0</v>
      </c>
      <c r="OD25" s="109">
        <v>0</v>
      </c>
      <c r="OE25" s="109">
        <v>743303</v>
      </c>
      <c r="OF25" s="109">
        <v>1282700</v>
      </c>
      <c r="OG25" s="110">
        <v>2026003</v>
      </c>
      <c r="OH25" s="111">
        <v>2026003</v>
      </c>
      <c r="OI25" s="129">
        <v>4802742</v>
      </c>
      <c r="OJ25" s="109">
        <v>12644806</v>
      </c>
      <c r="OK25" s="128">
        <v>17447548</v>
      </c>
      <c r="OL25" s="108">
        <v>0</v>
      </c>
      <c r="OM25" s="109">
        <v>105148327</v>
      </c>
      <c r="ON25" s="109">
        <v>117161308</v>
      </c>
      <c r="OO25" s="109">
        <v>148849880</v>
      </c>
      <c r="OP25" s="109">
        <v>152594904</v>
      </c>
      <c r="OQ25" s="109">
        <v>89422185</v>
      </c>
      <c r="OR25" s="110">
        <v>613176604</v>
      </c>
      <c r="OS25" s="130">
        <v>630624152</v>
      </c>
    </row>
    <row r="26" spans="2:409" ht="21" customHeight="1" x14ac:dyDescent="0.2">
      <c r="B26" s="472" t="s">
        <v>21</v>
      </c>
      <c r="C26" s="100">
        <v>7173045</v>
      </c>
      <c r="D26" s="104">
        <v>13431175</v>
      </c>
      <c r="E26" s="103">
        <v>20604220</v>
      </c>
      <c r="F26" s="99">
        <v>0</v>
      </c>
      <c r="G26" s="104">
        <v>72023771</v>
      </c>
      <c r="H26" s="104">
        <v>107847885</v>
      </c>
      <c r="I26" s="104">
        <v>95362111</v>
      </c>
      <c r="J26" s="104">
        <v>84820151</v>
      </c>
      <c r="K26" s="104">
        <v>64123334</v>
      </c>
      <c r="L26" s="160">
        <v>424177252</v>
      </c>
      <c r="M26" s="106">
        <v>444781472</v>
      </c>
      <c r="N26" s="100">
        <v>2287003</v>
      </c>
      <c r="O26" s="104">
        <v>4528358</v>
      </c>
      <c r="P26" s="103">
        <v>6815361</v>
      </c>
      <c r="Q26" s="100">
        <v>0</v>
      </c>
      <c r="R26" s="104">
        <v>23989670</v>
      </c>
      <c r="S26" s="104">
        <v>41421405</v>
      </c>
      <c r="T26" s="104">
        <v>34744095</v>
      </c>
      <c r="U26" s="104">
        <v>36912325</v>
      </c>
      <c r="V26" s="104">
        <v>31938010</v>
      </c>
      <c r="W26" s="103">
        <v>169005505</v>
      </c>
      <c r="X26" s="106">
        <v>175820866</v>
      </c>
      <c r="Y26" s="100">
        <v>0</v>
      </c>
      <c r="Z26" s="104">
        <v>0</v>
      </c>
      <c r="AA26" s="103">
        <v>0</v>
      </c>
      <c r="AB26" s="100">
        <v>0</v>
      </c>
      <c r="AC26" s="104">
        <v>10256454</v>
      </c>
      <c r="AD26" s="104">
        <v>21651436</v>
      </c>
      <c r="AE26" s="104">
        <v>19244764</v>
      </c>
      <c r="AF26" s="104">
        <v>23493206</v>
      </c>
      <c r="AG26" s="104">
        <v>18752392</v>
      </c>
      <c r="AH26" s="103">
        <v>93398252</v>
      </c>
      <c r="AI26" s="106">
        <v>93398252</v>
      </c>
      <c r="AJ26" s="100">
        <v>0</v>
      </c>
      <c r="AK26" s="104">
        <v>0</v>
      </c>
      <c r="AL26" s="103">
        <v>0</v>
      </c>
      <c r="AM26" s="100">
        <v>0</v>
      </c>
      <c r="AN26" s="104">
        <v>0</v>
      </c>
      <c r="AO26" s="104">
        <v>319436</v>
      </c>
      <c r="AP26" s="104">
        <v>864483</v>
      </c>
      <c r="AQ26" s="104">
        <v>2328252</v>
      </c>
      <c r="AR26" s="104">
        <v>3340065</v>
      </c>
      <c r="AS26" s="103">
        <v>6852236</v>
      </c>
      <c r="AT26" s="106">
        <v>6852236</v>
      </c>
      <c r="AU26" s="100">
        <v>1182398</v>
      </c>
      <c r="AV26" s="104">
        <v>3208323</v>
      </c>
      <c r="AW26" s="103">
        <v>4390721</v>
      </c>
      <c r="AX26" s="100">
        <v>0</v>
      </c>
      <c r="AY26" s="104">
        <v>9256903</v>
      </c>
      <c r="AZ26" s="104">
        <v>13040060</v>
      </c>
      <c r="BA26" s="104">
        <v>8820189</v>
      </c>
      <c r="BB26" s="104">
        <v>6945875</v>
      </c>
      <c r="BC26" s="104">
        <v>6139364</v>
      </c>
      <c r="BD26" s="103">
        <v>44202391</v>
      </c>
      <c r="BE26" s="106">
        <v>48593112</v>
      </c>
      <c r="BF26" s="100">
        <v>531901</v>
      </c>
      <c r="BG26" s="104">
        <v>884944</v>
      </c>
      <c r="BH26" s="102">
        <v>1416845</v>
      </c>
      <c r="BI26" s="101">
        <v>0</v>
      </c>
      <c r="BJ26" s="104">
        <v>802968</v>
      </c>
      <c r="BK26" s="104">
        <v>1376851</v>
      </c>
      <c r="BL26" s="104">
        <v>1071888</v>
      </c>
      <c r="BM26" s="104">
        <v>521942</v>
      </c>
      <c r="BN26" s="104">
        <v>301971</v>
      </c>
      <c r="BO26" s="103">
        <v>4075620</v>
      </c>
      <c r="BP26" s="106">
        <v>5492465</v>
      </c>
      <c r="BQ26" s="100">
        <v>572704</v>
      </c>
      <c r="BR26" s="104">
        <v>435091</v>
      </c>
      <c r="BS26" s="103">
        <v>1007795</v>
      </c>
      <c r="BT26" s="100">
        <v>0</v>
      </c>
      <c r="BU26" s="104">
        <v>3673345</v>
      </c>
      <c r="BV26" s="104">
        <v>5033622</v>
      </c>
      <c r="BW26" s="104">
        <v>4742771</v>
      </c>
      <c r="BX26" s="104">
        <v>3623050</v>
      </c>
      <c r="BY26" s="104">
        <v>3404218</v>
      </c>
      <c r="BZ26" s="103">
        <v>20477006</v>
      </c>
      <c r="CA26" s="106">
        <v>21484801</v>
      </c>
      <c r="CB26" s="100">
        <v>629239</v>
      </c>
      <c r="CC26" s="104">
        <v>1794955</v>
      </c>
      <c r="CD26" s="103">
        <v>2424194</v>
      </c>
      <c r="CE26" s="100">
        <v>0</v>
      </c>
      <c r="CF26" s="104">
        <v>19822658</v>
      </c>
      <c r="CG26" s="104">
        <v>29301292</v>
      </c>
      <c r="CH26" s="104">
        <v>23356456</v>
      </c>
      <c r="CI26" s="104">
        <v>15047784</v>
      </c>
      <c r="CJ26" s="104">
        <v>4686461</v>
      </c>
      <c r="CK26" s="103">
        <v>92214651</v>
      </c>
      <c r="CL26" s="106">
        <v>94638845</v>
      </c>
      <c r="CM26" s="100">
        <v>0</v>
      </c>
      <c r="CN26" s="104">
        <v>0</v>
      </c>
      <c r="CO26" s="103">
        <v>0</v>
      </c>
      <c r="CP26" s="101">
        <v>0</v>
      </c>
      <c r="CQ26" s="104">
        <v>17480807</v>
      </c>
      <c r="CR26" s="104">
        <v>25495282</v>
      </c>
      <c r="CS26" s="104">
        <v>20881752</v>
      </c>
      <c r="CT26" s="104">
        <v>13598544</v>
      </c>
      <c r="CU26" s="104">
        <v>3662255</v>
      </c>
      <c r="CV26" s="103">
        <v>81118640</v>
      </c>
      <c r="CW26" s="106">
        <v>81118640</v>
      </c>
      <c r="CX26" s="100">
        <v>629239</v>
      </c>
      <c r="CY26" s="104">
        <v>1794955</v>
      </c>
      <c r="CZ26" s="103">
        <v>2424194</v>
      </c>
      <c r="DA26" s="100">
        <v>0</v>
      </c>
      <c r="DB26" s="104">
        <v>2341851</v>
      </c>
      <c r="DC26" s="104">
        <v>3806010</v>
      </c>
      <c r="DD26" s="104">
        <v>2474704</v>
      </c>
      <c r="DE26" s="104">
        <v>1449240</v>
      </c>
      <c r="DF26" s="104">
        <v>1024206</v>
      </c>
      <c r="DG26" s="103">
        <v>11096011</v>
      </c>
      <c r="DH26" s="106">
        <v>13520205</v>
      </c>
      <c r="DI26" s="100">
        <v>19377</v>
      </c>
      <c r="DJ26" s="104">
        <v>53555</v>
      </c>
      <c r="DK26" s="102">
        <v>72932</v>
      </c>
      <c r="DL26" s="101">
        <v>0</v>
      </c>
      <c r="DM26" s="104">
        <v>1268689</v>
      </c>
      <c r="DN26" s="104">
        <v>3828181</v>
      </c>
      <c r="DO26" s="104">
        <v>8650792</v>
      </c>
      <c r="DP26" s="104">
        <v>9163917</v>
      </c>
      <c r="DQ26" s="104">
        <v>5628754</v>
      </c>
      <c r="DR26" s="103">
        <v>28540333</v>
      </c>
      <c r="DS26" s="106">
        <v>28613265</v>
      </c>
      <c r="DT26" s="100">
        <v>19377</v>
      </c>
      <c r="DU26" s="104">
        <v>53555</v>
      </c>
      <c r="DV26" s="103">
        <v>72932</v>
      </c>
      <c r="DW26" s="100">
        <v>0</v>
      </c>
      <c r="DX26" s="104">
        <v>1103625</v>
      </c>
      <c r="DY26" s="104">
        <v>3443196</v>
      </c>
      <c r="DZ26" s="104">
        <v>8322151</v>
      </c>
      <c r="EA26" s="104">
        <v>8917800</v>
      </c>
      <c r="EB26" s="104">
        <v>5439358</v>
      </c>
      <c r="EC26" s="103">
        <v>27226130</v>
      </c>
      <c r="ED26" s="106">
        <v>27299062</v>
      </c>
      <c r="EE26" s="100">
        <v>0</v>
      </c>
      <c r="EF26" s="102">
        <v>0</v>
      </c>
      <c r="EG26" s="103">
        <v>0</v>
      </c>
      <c r="EH26" s="100">
        <v>0</v>
      </c>
      <c r="EI26" s="104">
        <v>165064</v>
      </c>
      <c r="EJ26" s="104">
        <v>384985</v>
      </c>
      <c r="EK26" s="104">
        <v>328641</v>
      </c>
      <c r="EL26" s="104">
        <v>246117</v>
      </c>
      <c r="EM26" s="104">
        <v>189396</v>
      </c>
      <c r="EN26" s="102">
        <v>1314203</v>
      </c>
      <c r="EO26" s="106">
        <v>1314203</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1787980</v>
      </c>
      <c r="FM26" s="104">
        <v>3465301</v>
      </c>
      <c r="FN26" s="103">
        <v>5253281</v>
      </c>
      <c r="FO26" s="100">
        <v>0</v>
      </c>
      <c r="FP26" s="104">
        <v>3676800</v>
      </c>
      <c r="FQ26" s="104">
        <v>8117994</v>
      </c>
      <c r="FR26" s="104">
        <v>6850602</v>
      </c>
      <c r="FS26" s="104">
        <v>5868362</v>
      </c>
      <c r="FT26" s="104">
        <v>4206367</v>
      </c>
      <c r="FU26" s="103">
        <v>28720125</v>
      </c>
      <c r="FV26" s="106">
        <v>33973406</v>
      </c>
      <c r="FW26" s="105">
        <v>992380</v>
      </c>
      <c r="FX26" s="104">
        <v>2107582</v>
      </c>
      <c r="FY26" s="102">
        <v>3099962</v>
      </c>
      <c r="FZ26" s="101">
        <v>0</v>
      </c>
      <c r="GA26" s="104">
        <v>3012951</v>
      </c>
      <c r="GB26" s="104">
        <v>7913177</v>
      </c>
      <c r="GC26" s="104">
        <v>6136173</v>
      </c>
      <c r="GD26" s="104">
        <v>5548103</v>
      </c>
      <c r="GE26" s="104">
        <v>3990030</v>
      </c>
      <c r="GF26" s="103">
        <v>26600434</v>
      </c>
      <c r="GG26" s="296">
        <v>29700396</v>
      </c>
      <c r="GH26" s="105">
        <v>45000</v>
      </c>
      <c r="GI26" s="104">
        <v>85737</v>
      </c>
      <c r="GJ26" s="102">
        <v>130737</v>
      </c>
      <c r="GK26" s="101">
        <v>0</v>
      </c>
      <c r="GL26" s="104">
        <v>151200</v>
      </c>
      <c r="GM26" s="104">
        <v>101887</v>
      </c>
      <c r="GN26" s="104">
        <v>143469</v>
      </c>
      <c r="GO26" s="104">
        <v>118839</v>
      </c>
      <c r="GP26" s="104">
        <v>85297</v>
      </c>
      <c r="GQ26" s="103">
        <v>600692</v>
      </c>
      <c r="GR26" s="106">
        <v>731429</v>
      </c>
      <c r="GS26" s="100">
        <v>750600</v>
      </c>
      <c r="GT26" s="104">
        <v>1271982</v>
      </c>
      <c r="GU26" s="103">
        <v>2022582</v>
      </c>
      <c r="GV26" s="100">
        <v>0</v>
      </c>
      <c r="GW26" s="104">
        <v>512649</v>
      </c>
      <c r="GX26" s="104">
        <v>102930</v>
      </c>
      <c r="GY26" s="104">
        <v>570960</v>
      </c>
      <c r="GZ26" s="104">
        <v>201420</v>
      </c>
      <c r="HA26" s="104">
        <v>131040</v>
      </c>
      <c r="HB26" s="102">
        <v>1518999</v>
      </c>
      <c r="HC26" s="106">
        <v>3541581</v>
      </c>
      <c r="HD26" s="100">
        <v>1110409</v>
      </c>
      <c r="HE26" s="104">
        <v>1599684</v>
      </c>
      <c r="HF26" s="102">
        <v>2710093</v>
      </c>
      <c r="HG26" s="101">
        <v>0</v>
      </c>
      <c r="HH26" s="104">
        <v>11500855</v>
      </c>
      <c r="HI26" s="104">
        <v>12216496</v>
      </c>
      <c r="HJ26" s="104">
        <v>13277824</v>
      </c>
      <c r="HK26" s="104">
        <v>12003972</v>
      </c>
      <c r="HL26" s="104">
        <v>14386844</v>
      </c>
      <c r="HM26" s="103">
        <v>63385991</v>
      </c>
      <c r="HN26" s="99">
        <v>66096084</v>
      </c>
      <c r="HO26" s="105">
        <v>1339037</v>
      </c>
      <c r="HP26" s="104">
        <v>1989322</v>
      </c>
      <c r="HQ26" s="103">
        <v>3328359</v>
      </c>
      <c r="HR26" s="100">
        <v>0</v>
      </c>
      <c r="HS26" s="104">
        <v>11765099</v>
      </c>
      <c r="HT26" s="104">
        <v>12962517</v>
      </c>
      <c r="HU26" s="104">
        <v>8482342</v>
      </c>
      <c r="HV26" s="104">
        <v>5823791</v>
      </c>
      <c r="HW26" s="104">
        <v>3276898</v>
      </c>
      <c r="HX26" s="102">
        <v>42310647</v>
      </c>
      <c r="HY26" s="106">
        <v>45639006</v>
      </c>
      <c r="HZ26" s="137">
        <v>0</v>
      </c>
      <c r="IA26" s="122">
        <v>0</v>
      </c>
      <c r="IB26" s="137">
        <v>0</v>
      </c>
      <c r="IC26" s="121">
        <v>0</v>
      </c>
      <c r="ID26" s="122">
        <v>15051027</v>
      </c>
      <c r="IE26" s="123">
        <v>23286180</v>
      </c>
      <c r="IF26" s="124">
        <v>22527446</v>
      </c>
      <c r="IG26" s="122">
        <v>10745134</v>
      </c>
      <c r="IH26" s="124">
        <v>8596571</v>
      </c>
      <c r="II26" s="125">
        <v>80206358</v>
      </c>
      <c r="IJ26" s="137">
        <v>80206358</v>
      </c>
      <c r="IK26" s="219">
        <v>0</v>
      </c>
      <c r="IL26" s="223">
        <v>0</v>
      </c>
      <c r="IM26" s="224">
        <v>0</v>
      </c>
      <c r="IN26" s="127"/>
      <c r="IO26" s="109">
        <v>231385</v>
      </c>
      <c r="IP26" s="109">
        <v>1057534</v>
      </c>
      <c r="IQ26" s="109">
        <v>209047</v>
      </c>
      <c r="IR26" s="109">
        <v>973618</v>
      </c>
      <c r="IS26" s="109">
        <v>625163</v>
      </c>
      <c r="IT26" s="128">
        <v>3096747</v>
      </c>
      <c r="IU26" s="298">
        <v>3096747</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8175185</v>
      </c>
      <c r="JL26" s="109">
        <v>10671929</v>
      </c>
      <c r="JM26" s="109">
        <v>6754462</v>
      </c>
      <c r="JN26" s="109">
        <v>3159071</v>
      </c>
      <c r="JO26" s="109">
        <v>1333396</v>
      </c>
      <c r="JP26" s="110">
        <v>30094043</v>
      </c>
      <c r="JQ26" s="298">
        <v>30094043</v>
      </c>
      <c r="JR26" s="129">
        <v>0</v>
      </c>
      <c r="JS26" s="109">
        <v>0</v>
      </c>
      <c r="JT26" s="128">
        <v>0</v>
      </c>
      <c r="JU26" s="108">
        <v>0</v>
      </c>
      <c r="JV26" s="109">
        <v>0</v>
      </c>
      <c r="JW26" s="109">
        <v>0</v>
      </c>
      <c r="JX26" s="109">
        <v>0</v>
      </c>
      <c r="JY26" s="109">
        <v>124280</v>
      </c>
      <c r="JZ26" s="109">
        <v>0</v>
      </c>
      <c r="KA26" s="110">
        <v>124280</v>
      </c>
      <c r="KB26" s="298">
        <v>124280</v>
      </c>
      <c r="KC26" s="221">
        <v>0</v>
      </c>
      <c r="KD26" s="217">
        <v>0</v>
      </c>
      <c r="KE26" s="110">
        <v>0</v>
      </c>
      <c r="KF26" s="108">
        <v>0</v>
      </c>
      <c r="KG26" s="109">
        <v>1259386</v>
      </c>
      <c r="KH26" s="109">
        <v>706885</v>
      </c>
      <c r="KI26" s="109">
        <v>4492571</v>
      </c>
      <c r="KJ26" s="109">
        <v>1944483</v>
      </c>
      <c r="KK26" s="109">
        <v>626650</v>
      </c>
      <c r="KL26" s="110">
        <v>9029975</v>
      </c>
      <c r="KM26" s="130">
        <v>9029975</v>
      </c>
      <c r="KN26" s="219">
        <v>0</v>
      </c>
      <c r="KO26" s="223">
        <v>0</v>
      </c>
      <c r="KP26" s="224">
        <v>0</v>
      </c>
      <c r="KQ26" s="127"/>
      <c r="KR26" s="109">
        <v>5095589</v>
      </c>
      <c r="KS26" s="109">
        <v>10255667</v>
      </c>
      <c r="KT26" s="109">
        <v>11071366</v>
      </c>
      <c r="KU26" s="109">
        <v>3934437</v>
      </c>
      <c r="KV26" s="109">
        <v>3925770</v>
      </c>
      <c r="KW26" s="110">
        <v>34282829</v>
      </c>
      <c r="KX26" s="298">
        <v>34282829</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289482</v>
      </c>
      <c r="LZ26" s="109">
        <v>594165</v>
      </c>
      <c r="MA26" s="109">
        <v>0</v>
      </c>
      <c r="MB26" s="109">
        <v>609245</v>
      </c>
      <c r="MC26" s="109">
        <v>2085592</v>
      </c>
      <c r="MD26" s="110">
        <v>3578484</v>
      </c>
      <c r="ME26" s="111">
        <v>3578484</v>
      </c>
      <c r="MF26" s="129">
        <v>0</v>
      </c>
      <c r="MG26" s="109">
        <v>0</v>
      </c>
      <c r="MH26" s="110">
        <v>0</v>
      </c>
      <c r="MI26" s="132"/>
      <c r="MJ26" s="109">
        <v>5696711</v>
      </c>
      <c r="MK26" s="109">
        <v>10765195</v>
      </c>
      <c r="ML26" s="109">
        <v>54198399</v>
      </c>
      <c r="MM26" s="109">
        <v>66317707</v>
      </c>
      <c r="MN26" s="109">
        <v>55521620</v>
      </c>
      <c r="MO26" s="110">
        <v>192499632</v>
      </c>
      <c r="MP26" s="130">
        <v>192499632</v>
      </c>
      <c r="MQ26" s="129">
        <v>0</v>
      </c>
      <c r="MR26" s="109">
        <v>0</v>
      </c>
      <c r="MS26" s="110">
        <v>0</v>
      </c>
      <c r="MT26" s="132"/>
      <c r="MU26" s="109">
        <v>921628</v>
      </c>
      <c r="MV26" s="109">
        <v>3841247</v>
      </c>
      <c r="MW26" s="109">
        <v>42428448</v>
      </c>
      <c r="MX26" s="109">
        <v>49423206</v>
      </c>
      <c r="MY26" s="109">
        <v>39196020</v>
      </c>
      <c r="MZ26" s="110">
        <v>135810549</v>
      </c>
      <c r="NA26" s="130">
        <v>135810549</v>
      </c>
      <c r="NB26" s="129">
        <v>0</v>
      </c>
      <c r="NC26" s="109">
        <v>0</v>
      </c>
      <c r="ND26" s="110">
        <v>0</v>
      </c>
      <c r="NE26" s="132"/>
      <c r="NF26" s="109">
        <v>4775083</v>
      </c>
      <c r="NG26" s="109">
        <v>6923948</v>
      </c>
      <c r="NH26" s="109">
        <v>11391923</v>
      </c>
      <c r="NI26" s="109">
        <v>13439111</v>
      </c>
      <c r="NJ26" s="109">
        <v>6849621</v>
      </c>
      <c r="NK26" s="110">
        <v>43379686</v>
      </c>
      <c r="NL26" s="298">
        <v>43379686</v>
      </c>
      <c r="NM26" s="129">
        <v>0</v>
      </c>
      <c r="NN26" s="109">
        <v>0</v>
      </c>
      <c r="NO26" s="110">
        <v>0</v>
      </c>
      <c r="NP26" s="132"/>
      <c r="NQ26" s="109">
        <v>0</v>
      </c>
      <c r="NR26" s="109">
        <v>0</v>
      </c>
      <c r="NS26" s="109">
        <v>0</v>
      </c>
      <c r="NT26" s="109">
        <v>326232</v>
      </c>
      <c r="NU26" s="109">
        <v>1937952</v>
      </c>
      <c r="NV26" s="110">
        <v>2264184</v>
      </c>
      <c r="NW26" s="111">
        <v>2264184</v>
      </c>
      <c r="NX26" s="129">
        <v>0</v>
      </c>
      <c r="NY26" s="109">
        <v>0</v>
      </c>
      <c r="NZ26" s="110">
        <v>0</v>
      </c>
      <c r="OA26" s="132"/>
      <c r="OB26" s="109">
        <v>0</v>
      </c>
      <c r="OC26" s="109">
        <v>0</v>
      </c>
      <c r="OD26" s="109">
        <v>378028</v>
      </c>
      <c r="OE26" s="109">
        <v>3129158</v>
      </c>
      <c r="OF26" s="109">
        <v>7538027</v>
      </c>
      <c r="OG26" s="110">
        <v>11045213</v>
      </c>
      <c r="OH26" s="111">
        <v>11045213</v>
      </c>
      <c r="OI26" s="129">
        <v>7173045</v>
      </c>
      <c r="OJ26" s="109">
        <v>13431175</v>
      </c>
      <c r="OK26" s="128">
        <v>20604220</v>
      </c>
      <c r="OL26" s="108">
        <v>0</v>
      </c>
      <c r="OM26" s="109">
        <v>92771509</v>
      </c>
      <c r="ON26" s="109">
        <v>141899260</v>
      </c>
      <c r="OO26" s="109">
        <v>172087956</v>
      </c>
      <c r="OP26" s="109">
        <v>161882992</v>
      </c>
      <c r="OQ26" s="109">
        <v>128241525</v>
      </c>
      <c r="OR26" s="110">
        <v>696883242</v>
      </c>
      <c r="OS26" s="130">
        <v>717487462</v>
      </c>
    </row>
    <row r="27" spans="2:409" ht="21" customHeight="1" x14ac:dyDescent="0.2">
      <c r="B27" s="472" t="s">
        <v>22</v>
      </c>
      <c r="C27" s="100">
        <v>1507533</v>
      </c>
      <c r="D27" s="104">
        <v>3519929</v>
      </c>
      <c r="E27" s="103">
        <v>5027462</v>
      </c>
      <c r="F27" s="99">
        <v>0</v>
      </c>
      <c r="G27" s="104">
        <v>25158822</v>
      </c>
      <c r="H27" s="104">
        <v>30480682</v>
      </c>
      <c r="I27" s="104">
        <v>25261623</v>
      </c>
      <c r="J27" s="104">
        <v>24804760</v>
      </c>
      <c r="K27" s="104">
        <v>18655401</v>
      </c>
      <c r="L27" s="160">
        <v>124361288</v>
      </c>
      <c r="M27" s="106">
        <v>129388750</v>
      </c>
      <c r="N27" s="100">
        <v>252287</v>
      </c>
      <c r="O27" s="104">
        <v>361026</v>
      </c>
      <c r="P27" s="103">
        <v>613313</v>
      </c>
      <c r="Q27" s="100">
        <v>0</v>
      </c>
      <c r="R27" s="104">
        <v>5806116</v>
      </c>
      <c r="S27" s="104">
        <v>8074821</v>
      </c>
      <c r="T27" s="104">
        <v>5138527</v>
      </c>
      <c r="U27" s="104">
        <v>8313126</v>
      </c>
      <c r="V27" s="104">
        <v>9088778</v>
      </c>
      <c r="W27" s="103">
        <v>36421368</v>
      </c>
      <c r="X27" s="106">
        <v>37034681</v>
      </c>
      <c r="Y27" s="100">
        <v>0</v>
      </c>
      <c r="Z27" s="104">
        <v>0</v>
      </c>
      <c r="AA27" s="103">
        <v>0</v>
      </c>
      <c r="AB27" s="100">
        <v>0</v>
      </c>
      <c r="AC27" s="104">
        <v>2610325</v>
      </c>
      <c r="AD27" s="104">
        <v>3882963</v>
      </c>
      <c r="AE27" s="104">
        <v>2442672</v>
      </c>
      <c r="AF27" s="104">
        <v>4586542</v>
      </c>
      <c r="AG27" s="104">
        <v>5004375</v>
      </c>
      <c r="AH27" s="103">
        <v>18526877</v>
      </c>
      <c r="AI27" s="106">
        <v>18526877</v>
      </c>
      <c r="AJ27" s="100">
        <v>0</v>
      </c>
      <c r="AK27" s="104">
        <v>0</v>
      </c>
      <c r="AL27" s="103">
        <v>0</v>
      </c>
      <c r="AM27" s="100">
        <v>0</v>
      </c>
      <c r="AN27" s="104">
        <v>215928</v>
      </c>
      <c r="AO27" s="104">
        <v>49167</v>
      </c>
      <c r="AP27" s="104">
        <v>95885</v>
      </c>
      <c r="AQ27" s="104">
        <v>461422</v>
      </c>
      <c r="AR27" s="104">
        <v>1409912</v>
      </c>
      <c r="AS27" s="103">
        <v>2232314</v>
      </c>
      <c r="AT27" s="106">
        <v>2232314</v>
      </c>
      <c r="AU27" s="100">
        <v>182398</v>
      </c>
      <c r="AV27" s="104">
        <v>211563</v>
      </c>
      <c r="AW27" s="103">
        <v>393961</v>
      </c>
      <c r="AX27" s="100">
        <v>0</v>
      </c>
      <c r="AY27" s="104">
        <v>1938370</v>
      </c>
      <c r="AZ27" s="104">
        <v>2930587</v>
      </c>
      <c r="BA27" s="104">
        <v>1632273</v>
      </c>
      <c r="BB27" s="104">
        <v>2195925</v>
      </c>
      <c r="BC27" s="104">
        <v>2012549</v>
      </c>
      <c r="BD27" s="103">
        <v>10709704</v>
      </c>
      <c r="BE27" s="106">
        <v>11103665</v>
      </c>
      <c r="BF27" s="100">
        <v>0</v>
      </c>
      <c r="BG27" s="104">
        <v>41580</v>
      </c>
      <c r="BH27" s="102">
        <v>41580</v>
      </c>
      <c r="BI27" s="101">
        <v>0</v>
      </c>
      <c r="BJ27" s="104">
        <v>349198</v>
      </c>
      <c r="BK27" s="104">
        <v>231301</v>
      </c>
      <c r="BL27" s="104">
        <v>138416</v>
      </c>
      <c r="BM27" s="104">
        <v>156784</v>
      </c>
      <c r="BN27" s="104">
        <v>158143</v>
      </c>
      <c r="BO27" s="103">
        <v>1033842</v>
      </c>
      <c r="BP27" s="106">
        <v>1075422</v>
      </c>
      <c r="BQ27" s="100">
        <v>69889</v>
      </c>
      <c r="BR27" s="104">
        <v>107883</v>
      </c>
      <c r="BS27" s="103">
        <v>177772</v>
      </c>
      <c r="BT27" s="100">
        <v>0</v>
      </c>
      <c r="BU27" s="104">
        <v>692295</v>
      </c>
      <c r="BV27" s="104">
        <v>980803</v>
      </c>
      <c r="BW27" s="104">
        <v>829281</v>
      </c>
      <c r="BX27" s="104">
        <v>912453</v>
      </c>
      <c r="BY27" s="104">
        <v>503799</v>
      </c>
      <c r="BZ27" s="103">
        <v>3918631</v>
      </c>
      <c r="CA27" s="106">
        <v>4096403</v>
      </c>
      <c r="CB27" s="100">
        <v>53314</v>
      </c>
      <c r="CC27" s="104">
        <v>402574</v>
      </c>
      <c r="CD27" s="103">
        <v>455888</v>
      </c>
      <c r="CE27" s="100">
        <v>0</v>
      </c>
      <c r="CF27" s="104">
        <v>7116893</v>
      </c>
      <c r="CG27" s="104">
        <v>9957136</v>
      </c>
      <c r="CH27" s="104">
        <v>6655994</v>
      </c>
      <c r="CI27" s="104">
        <v>3983957</v>
      </c>
      <c r="CJ27" s="104">
        <v>2303007</v>
      </c>
      <c r="CK27" s="103">
        <v>30016987</v>
      </c>
      <c r="CL27" s="106">
        <v>30472875</v>
      </c>
      <c r="CM27" s="100">
        <v>0</v>
      </c>
      <c r="CN27" s="104">
        <v>0</v>
      </c>
      <c r="CO27" s="103">
        <v>0</v>
      </c>
      <c r="CP27" s="101">
        <v>0</v>
      </c>
      <c r="CQ27" s="104">
        <v>6081610</v>
      </c>
      <c r="CR27" s="104">
        <v>8051085</v>
      </c>
      <c r="CS27" s="104">
        <v>5619691</v>
      </c>
      <c r="CT27" s="104">
        <v>2933934</v>
      </c>
      <c r="CU27" s="104">
        <v>1718224</v>
      </c>
      <c r="CV27" s="103">
        <v>24404544</v>
      </c>
      <c r="CW27" s="106">
        <v>24404544</v>
      </c>
      <c r="CX27" s="100">
        <v>53314</v>
      </c>
      <c r="CY27" s="104">
        <v>402574</v>
      </c>
      <c r="CZ27" s="103">
        <v>455888</v>
      </c>
      <c r="DA27" s="100">
        <v>0</v>
      </c>
      <c r="DB27" s="104">
        <v>1035283</v>
      </c>
      <c r="DC27" s="104">
        <v>1906051</v>
      </c>
      <c r="DD27" s="104">
        <v>1036303</v>
      </c>
      <c r="DE27" s="104">
        <v>1050023</v>
      </c>
      <c r="DF27" s="104">
        <v>584783</v>
      </c>
      <c r="DG27" s="103">
        <v>5612443</v>
      </c>
      <c r="DH27" s="106">
        <v>6068331</v>
      </c>
      <c r="DI27" s="100">
        <v>0</v>
      </c>
      <c r="DJ27" s="104">
        <v>73746</v>
      </c>
      <c r="DK27" s="102">
        <v>73746</v>
      </c>
      <c r="DL27" s="101">
        <v>0</v>
      </c>
      <c r="DM27" s="104">
        <v>507966</v>
      </c>
      <c r="DN27" s="104">
        <v>927523</v>
      </c>
      <c r="DO27" s="104">
        <v>3223326</v>
      </c>
      <c r="DP27" s="104">
        <v>3301194</v>
      </c>
      <c r="DQ27" s="104">
        <v>1952751</v>
      </c>
      <c r="DR27" s="103">
        <v>9912760</v>
      </c>
      <c r="DS27" s="106">
        <v>9986506</v>
      </c>
      <c r="DT27" s="100">
        <v>0</v>
      </c>
      <c r="DU27" s="104">
        <v>73746</v>
      </c>
      <c r="DV27" s="103">
        <v>73746</v>
      </c>
      <c r="DW27" s="100">
        <v>0</v>
      </c>
      <c r="DX27" s="104">
        <v>422916</v>
      </c>
      <c r="DY27" s="104">
        <v>824005</v>
      </c>
      <c r="DZ27" s="104">
        <v>2979055</v>
      </c>
      <c r="EA27" s="104">
        <v>2911685</v>
      </c>
      <c r="EB27" s="104">
        <v>1926089</v>
      </c>
      <c r="EC27" s="103">
        <v>9063750</v>
      </c>
      <c r="ED27" s="106">
        <v>9137496</v>
      </c>
      <c r="EE27" s="100">
        <v>0</v>
      </c>
      <c r="EF27" s="102">
        <v>0</v>
      </c>
      <c r="EG27" s="103">
        <v>0</v>
      </c>
      <c r="EH27" s="100">
        <v>0</v>
      </c>
      <c r="EI27" s="104">
        <v>85050</v>
      </c>
      <c r="EJ27" s="104">
        <v>103518</v>
      </c>
      <c r="EK27" s="104">
        <v>244271</v>
      </c>
      <c r="EL27" s="104">
        <v>389509</v>
      </c>
      <c r="EM27" s="104">
        <v>26662</v>
      </c>
      <c r="EN27" s="102">
        <v>849010</v>
      </c>
      <c r="EO27" s="106">
        <v>849010</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467402</v>
      </c>
      <c r="FM27" s="104">
        <v>1084877</v>
      </c>
      <c r="FN27" s="103">
        <v>1552279</v>
      </c>
      <c r="FO27" s="100">
        <v>0</v>
      </c>
      <c r="FP27" s="104">
        <v>1924486</v>
      </c>
      <c r="FQ27" s="104">
        <v>3122818</v>
      </c>
      <c r="FR27" s="104">
        <v>2262641</v>
      </c>
      <c r="FS27" s="104">
        <v>1867408</v>
      </c>
      <c r="FT27" s="104">
        <v>1375420</v>
      </c>
      <c r="FU27" s="103">
        <v>10552773</v>
      </c>
      <c r="FV27" s="106">
        <v>12105052</v>
      </c>
      <c r="FW27" s="105">
        <v>287402</v>
      </c>
      <c r="FX27" s="104">
        <v>803297</v>
      </c>
      <c r="FY27" s="102">
        <v>1090699</v>
      </c>
      <c r="FZ27" s="101">
        <v>0</v>
      </c>
      <c r="GA27" s="104">
        <v>1443562</v>
      </c>
      <c r="GB27" s="104">
        <v>3007888</v>
      </c>
      <c r="GC27" s="104">
        <v>2047847</v>
      </c>
      <c r="GD27" s="104">
        <v>1635208</v>
      </c>
      <c r="GE27" s="104">
        <v>1375420</v>
      </c>
      <c r="GF27" s="103">
        <v>9509925</v>
      </c>
      <c r="GG27" s="296">
        <v>10600624</v>
      </c>
      <c r="GH27" s="105">
        <v>0</v>
      </c>
      <c r="GI27" s="104">
        <v>86400</v>
      </c>
      <c r="GJ27" s="102">
        <v>86400</v>
      </c>
      <c r="GK27" s="101">
        <v>0</v>
      </c>
      <c r="GL27" s="104">
        <v>57024</v>
      </c>
      <c r="GM27" s="104">
        <v>62100</v>
      </c>
      <c r="GN27" s="104">
        <v>109800</v>
      </c>
      <c r="GO27" s="104">
        <v>0</v>
      </c>
      <c r="GP27" s="104">
        <v>0</v>
      </c>
      <c r="GQ27" s="103">
        <v>228924</v>
      </c>
      <c r="GR27" s="106">
        <v>315324</v>
      </c>
      <c r="GS27" s="100">
        <v>180000</v>
      </c>
      <c r="GT27" s="104">
        <v>195180</v>
      </c>
      <c r="GU27" s="103">
        <v>375180</v>
      </c>
      <c r="GV27" s="100">
        <v>0</v>
      </c>
      <c r="GW27" s="104">
        <v>423900</v>
      </c>
      <c r="GX27" s="104">
        <v>52830</v>
      </c>
      <c r="GY27" s="104">
        <v>104994</v>
      </c>
      <c r="GZ27" s="104">
        <v>232200</v>
      </c>
      <c r="HA27" s="104">
        <v>0</v>
      </c>
      <c r="HB27" s="102">
        <v>813924</v>
      </c>
      <c r="HC27" s="106">
        <v>1189104</v>
      </c>
      <c r="HD27" s="100">
        <v>458350</v>
      </c>
      <c r="HE27" s="104">
        <v>879680</v>
      </c>
      <c r="HF27" s="102">
        <v>1338030</v>
      </c>
      <c r="HG27" s="101">
        <v>0</v>
      </c>
      <c r="HH27" s="104">
        <v>5428427</v>
      </c>
      <c r="HI27" s="104">
        <v>3936303</v>
      </c>
      <c r="HJ27" s="104">
        <v>5189637</v>
      </c>
      <c r="HK27" s="104">
        <v>5336535</v>
      </c>
      <c r="HL27" s="104">
        <v>2786589</v>
      </c>
      <c r="HM27" s="103">
        <v>22677491</v>
      </c>
      <c r="HN27" s="99">
        <v>24015521</v>
      </c>
      <c r="HO27" s="105">
        <v>276180</v>
      </c>
      <c r="HP27" s="104">
        <v>718026</v>
      </c>
      <c r="HQ27" s="103">
        <v>994206</v>
      </c>
      <c r="HR27" s="100">
        <v>0</v>
      </c>
      <c r="HS27" s="104">
        <v>4374934</v>
      </c>
      <c r="HT27" s="104">
        <v>4462081</v>
      </c>
      <c r="HU27" s="104">
        <v>2791498</v>
      </c>
      <c r="HV27" s="104">
        <v>2002540</v>
      </c>
      <c r="HW27" s="104">
        <v>1148856</v>
      </c>
      <c r="HX27" s="102">
        <v>14779909</v>
      </c>
      <c r="HY27" s="106">
        <v>15774115</v>
      </c>
      <c r="HZ27" s="118">
        <v>151911</v>
      </c>
      <c r="IA27" s="119">
        <v>299835</v>
      </c>
      <c r="IB27" s="120">
        <v>451746</v>
      </c>
      <c r="IC27" s="133">
        <v>0</v>
      </c>
      <c r="ID27" s="119">
        <v>11758293</v>
      </c>
      <c r="IE27" s="134">
        <v>16044913</v>
      </c>
      <c r="IF27" s="120">
        <v>14256369</v>
      </c>
      <c r="IG27" s="119">
        <v>14139026</v>
      </c>
      <c r="IH27" s="120">
        <v>6393150</v>
      </c>
      <c r="II27" s="135">
        <v>62591751</v>
      </c>
      <c r="IJ27" s="126">
        <v>63043497</v>
      </c>
      <c r="IK27" s="219">
        <v>0</v>
      </c>
      <c r="IL27" s="223">
        <v>0</v>
      </c>
      <c r="IM27" s="224">
        <v>0</v>
      </c>
      <c r="IN27" s="127"/>
      <c r="IO27" s="109">
        <v>23905</v>
      </c>
      <c r="IP27" s="109">
        <v>768225</v>
      </c>
      <c r="IQ27" s="109">
        <v>1107152</v>
      </c>
      <c r="IR27" s="109">
        <v>449820</v>
      </c>
      <c r="IS27" s="109">
        <v>0</v>
      </c>
      <c r="IT27" s="128">
        <v>2349102</v>
      </c>
      <c r="IU27" s="298">
        <v>2349102</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6102817</v>
      </c>
      <c r="JL27" s="109">
        <v>6569098</v>
      </c>
      <c r="JM27" s="109">
        <v>4645517</v>
      </c>
      <c r="JN27" s="109">
        <v>3530240</v>
      </c>
      <c r="JO27" s="109">
        <v>651528</v>
      </c>
      <c r="JP27" s="110">
        <v>21499200</v>
      </c>
      <c r="JQ27" s="298">
        <v>21499200</v>
      </c>
      <c r="JR27" s="129">
        <v>0</v>
      </c>
      <c r="JS27" s="109">
        <v>0</v>
      </c>
      <c r="JT27" s="128">
        <v>0</v>
      </c>
      <c r="JU27" s="108">
        <v>0</v>
      </c>
      <c r="JV27" s="109">
        <v>161658</v>
      </c>
      <c r="JW27" s="109">
        <v>447471</v>
      </c>
      <c r="JX27" s="109">
        <v>574341</v>
      </c>
      <c r="JY27" s="109">
        <v>385038</v>
      </c>
      <c r="JZ27" s="109">
        <v>461979</v>
      </c>
      <c r="KA27" s="110">
        <v>2030487</v>
      </c>
      <c r="KB27" s="298">
        <v>2030487</v>
      </c>
      <c r="KC27" s="221">
        <v>151911</v>
      </c>
      <c r="KD27" s="217">
        <v>81747</v>
      </c>
      <c r="KE27" s="110">
        <v>233658</v>
      </c>
      <c r="KF27" s="108">
        <v>0</v>
      </c>
      <c r="KG27" s="109">
        <v>2482767</v>
      </c>
      <c r="KH27" s="109">
        <v>4186085</v>
      </c>
      <c r="KI27" s="109">
        <v>3809584</v>
      </c>
      <c r="KJ27" s="109">
        <v>1813023</v>
      </c>
      <c r="KK27" s="109">
        <v>1146456</v>
      </c>
      <c r="KL27" s="110">
        <v>13437915</v>
      </c>
      <c r="KM27" s="130">
        <v>13671573</v>
      </c>
      <c r="KN27" s="219">
        <v>0</v>
      </c>
      <c r="KO27" s="223">
        <v>218088</v>
      </c>
      <c r="KP27" s="224">
        <v>218088</v>
      </c>
      <c r="KQ27" s="127"/>
      <c r="KR27" s="109">
        <v>2987146</v>
      </c>
      <c r="KS27" s="109">
        <v>4074034</v>
      </c>
      <c r="KT27" s="109">
        <v>1932586</v>
      </c>
      <c r="KU27" s="109">
        <v>3859254</v>
      </c>
      <c r="KV27" s="109">
        <v>1543995</v>
      </c>
      <c r="KW27" s="110">
        <v>14397015</v>
      </c>
      <c r="KX27" s="298">
        <v>14615103</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2187189</v>
      </c>
      <c r="LQ27" s="109">
        <v>4101651</v>
      </c>
      <c r="LR27" s="109">
        <v>2589192</v>
      </c>
      <c r="LS27" s="110">
        <v>8878032</v>
      </c>
      <c r="LT27" s="298">
        <v>8878032</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3192884</v>
      </c>
      <c r="MK27" s="109">
        <v>7725706</v>
      </c>
      <c r="ML27" s="109">
        <v>23164175</v>
      </c>
      <c r="MM27" s="109">
        <v>31920233</v>
      </c>
      <c r="MN27" s="109">
        <v>16580388</v>
      </c>
      <c r="MO27" s="110">
        <v>82583386</v>
      </c>
      <c r="MP27" s="130">
        <v>82583386</v>
      </c>
      <c r="MQ27" s="129">
        <v>0</v>
      </c>
      <c r="MR27" s="109">
        <v>0</v>
      </c>
      <c r="MS27" s="110">
        <v>0</v>
      </c>
      <c r="MT27" s="132"/>
      <c r="MU27" s="109">
        <v>802818</v>
      </c>
      <c r="MV27" s="109">
        <v>817742</v>
      </c>
      <c r="MW27" s="109">
        <v>15257109</v>
      </c>
      <c r="MX27" s="109">
        <v>16276368</v>
      </c>
      <c r="MY27" s="109">
        <v>9608804</v>
      </c>
      <c r="MZ27" s="110">
        <v>42762841</v>
      </c>
      <c r="NA27" s="130">
        <v>42762841</v>
      </c>
      <c r="NB27" s="129">
        <v>0</v>
      </c>
      <c r="NC27" s="109">
        <v>0</v>
      </c>
      <c r="ND27" s="110">
        <v>0</v>
      </c>
      <c r="NE27" s="132"/>
      <c r="NF27" s="109">
        <v>2390066</v>
      </c>
      <c r="NG27" s="109">
        <v>6907964</v>
      </c>
      <c r="NH27" s="109">
        <v>7907066</v>
      </c>
      <c r="NI27" s="109">
        <v>11469829</v>
      </c>
      <c r="NJ27" s="109">
        <v>5096243</v>
      </c>
      <c r="NK27" s="110">
        <v>33771168</v>
      </c>
      <c r="NL27" s="298">
        <v>33771168</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4174036</v>
      </c>
      <c r="OF27" s="109">
        <v>1875341</v>
      </c>
      <c r="OG27" s="110">
        <v>6049377</v>
      </c>
      <c r="OH27" s="111">
        <v>6049377</v>
      </c>
      <c r="OI27" s="129">
        <v>1659444</v>
      </c>
      <c r="OJ27" s="109">
        <v>3819764</v>
      </c>
      <c r="OK27" s="128">
        <v>5479208</v>
      </c>
      <c r="OL27" s="108">
        <v>0</v>
      </c>
      <c r="OM27" s="109">
        <v>40109999</v>
      </c>
      <c r="ON27" s="109">
        <v>54251301</v>
      </c>
      <c r="OO27" s="109">
        <v>62682167</v>
      </c>
      <c r="OP27" s="109">
        <v>70864019</v>
      </c>
      <c r="OQ27" s="109">
        <v>41628939</v>
      </c>
      <c r="OR27" s="110">
        <v>269536425</v>
      </c>
      <c r="OS27" s="130">
        <v>275015633</v>
      </c>
    </row>
    <row r="28" spans="2:409" ht="21" customHeight="1" x14ac:dyDescent="0.2">
      <c r="B28" s="472" t="s">
        <v>23</v>
      </c>
      <c r="C28" s="100">
        <v>3602609</v>
      </c>
      <c r="D28" s="104">
        <v>5986141</v>
      </c>
      <c r="E28" s="103">
        <v>9588750</v>
      </c>
      <c r="F28" s="99">
        <v>0</v>
      </c>
      <c r="G28" s="104">
        <v>52311951</v>
      </c>
      <c r="H28" s="104">
        <v>64019122</v>
      </c>
      <c r="I28" s="104">
        <v>52093336</v>
      </c>
      <c r="J28" s="104">
        <v>54165250</v>
      </c>
      <c r="K28" s="104">
        <v>36073529</v>
      </c>
      <c r="L28" s="160">
        <v>258663188</v>
      </c>
      <c r="M28" s="106">
        <v>268251938</v>
      </c>
      <c r="N28" s="100">
        <v>1133335</v>
      </c>
      <c r="O28" s="104">
        <v>1715965</v>
      </c>
      <c r="P28" s="103">
        <v>2849300</v>
      </c>
      <c r="Q28" s="100">
        <v>0</v>
      </c>
      <c r="R28" s="104">
        <v>13076441</v>
      </c>
      <c r="S28" s="104">
        <v>17088391</v>
      </c>
      <c r="T28" s="104">
        <v>13103700</v>
      </c>
      <c r="U28" s="104">
        <v>15771713</v>
      </c>
      <c r="V28" s="104">
        <v>13836130</v>
      </c>
      <c r="W28" s="103">
        <v>72876375</v>
      </c>
      <c r="X28" s="106">
        <v>75725675</v>
      </c>
      <c r="Y28" s="100">
        <v>0</v>
      </c>
      <c r="Z28" s="104">
        <v>0</v>
      </c>
      <c r="AA28" s="103">
        <v>0</v>
      </c>
      <c r="AB28" s="100">
        <v>0</v>
      </c>
      <c r="AC28" s="104">
        <v>6674779</v>
      </c>
      <c r="AD28" s="104">
        <v>7385323</v>
      </c>
      <c r="AE28" s="104">
        <v>6985377</v>
      </c>
      <c r="AF28" s="104">
        <v>8305847</v>
      </c>
      <c r="AG28" s="104">
        <v>7517908</v>
      </c>
      <c r="AH28" s="103">
        <v>36869234</v>
      </c>
      <c r="AI28" s="106">
        <v>36869234</v>
      </c>
      <c r="AJ28" s="100">
        <v>0</v>
      </c>
      <c r="AK28" s="104">
        <v>10833</v>
      </c>
      <c r="AL28" s="103">
        <v>10833</v>
      </c>
      <c r="AM28" s="100">
        <v>0</v>
      </c>
      <c r="AN28" s="104">
        <v>181591</v>
      </c>
      <c r="AO28" s="104">
        <v>184774</v>
      </c>
      <c r="AP28" s="104">
        <v>411964</v>
      </c>
      <c r="AQ28" s="104">
        <v>813488</v>
      </c>
      <c r="AR28" s="104">
        <v>1583320</v>
      </c>
      <c r="AS28" s="103">
        <v>3175137</v>
      </c>
      <c r="AT28" s="106">
        <v>3185970</v>
      </c>
      <c r="AU28" s="100">
        <v>771791</v>
      </c>
      <c r="AV28" s="104">
        <v>1258108</v>
      </c>
      <c r="AW28" s="103">
        <v>2029899</v>
      </c>
      <c r="AX28" s="100">
        <v>0</v>
      </c>
      <c r="AY28" s="104">
        <v>3309612</v>
      </c>
      <c r="AZ28" s="104">
        <v>6409756</v>
      </c>
      <c r="BA28" s="104">
        <v>3400469</v>
      </c>
      <c r="BB28" s="104">
        <v>3608590</v>
      </c>
      <c r="BC28" s="104">
        <v>2576054</v>
      </c>
      <c r="BD28" s="103">
        <v>19304481</v>
      </c>
      <c r="BE28" s="106">
        <v>21334380</v>
      </c>
      <c r="BF28" s="100">
        <v>170809</v>
      </c>
      <c r="BG28" s="104">
        <v>303033</v>
      </c>
      <c r="BH28" s="102">
        <v>473842</v>
      </c>
      <c r="BI28" s="101">
        <v>0</v>
      </c>
      <c r="BJ28" s="104">
        <v>437702</v>
      </c>
      <c r="BK28" s="104">
        <v>811274</v>
      </c>
      <c r="BL28" s="104">
        <v>340683</v>
      </c>
      <c r="BM28" s="104">
        <v>346489</v>
      </c>
      <c r="BN28" s="104">
        <v>343568</v>
      </c>
      <c r="BO28" s="103">
        <v>2279716</v>
      </c>
      <c r="BP28" s="106">
        <v>2753558</v>
      </c>
      <c r="BQ28" s="100">
        <v>190735</v>
      </c>
      <c r="BR28" s="104">
        <v>143991</v>
      </c>
      <c r="BS28" s="103">
        <v>334726</v>
      </c>
      <c r="BT28" s="100">
        <v>0</v>
      </c>
      <c r="BU28" s="104">
        <v>2472757</v>
      </c>
      <c r="BV28" s="104">
        <v>2297264</v>
      </c>
      <c r="BW28" s="104">
        <v>1965207</v>
      </c>
      <c r="BX28" s="104">
        <v>2697299</v>
      </c>
      <c r="BY28" s="104">
        <v>1815280</v>
      </c>
      <c r="BZ28" s="103">
        <v>11247807</v>
      </c>
      <c r="CA28" s="106">
        <v>11582533</v>
      </c>
      <c r="CB28" s="100">
        <v>51403</v>
      </c>
      <c r="CC28" s="104">
        <v>460102</v>
      </c>
      <c r="CD28" s="103">
        <v>511505</v>
      </c>
      <c r="CE28" s="100">
        <v>0</v>
      </c>
      <c r="CF28" s="104">
        <v>18748116</v>
      </c>
      <c r="CG28" s="104">
        <v>21208795</v>
      </c>
      <c r="CH28" s="104">
        <v>17415413</v>
      </c>
      <c r="CI28" s="104">
        <v>12242135</v>
      </c>
      <c r="CJ28" s="104">
        <v>5191246</v>
      </c>
      <c r="CK28" s="103">
        <v>74805705</v>
      </c>
      <c r="CL28" s="106">
        <v>75317210</v>
      </c>
      <c r="CM28" s="100">
        <v>0</v>
      </c>
      <c r="CN28" s="104">
        <v>0</v>
      </c>
      <c r="CO28" s="103">
        <v>0</v>
      </c>
      <c r="CP28" s="101">
        <v>0</v>
      </c>
      <c r="CQ28" s="104">
        <v>16218349</v>
      </c>
      <c r="CR28" s="104">
        <v>17834629</v>
      </c>
      <c r="CS28" s="104">
        <v>14031726</v>
      </c>
      <c r="CT28" s="104">
        <v>9399591</v>
      </c>
      <c r="CU28" s="104">
        <v>4471519</v>
      </c>
      <c r="CV28" s="103">
        <v>61955814</v>
      </c>
      <c r="CW28" s="106">
        <v>61955814</v>
      </c>
      <c r="CX28" s="100">
        <v>51403</v>
      </c>
      <c r="CY28" s="104">
        <v>460102</v>
      </c>
      <c r="CZ28" s="103">
        <v>511505</v>
      </c>
      <c r="DA28" s="100">
        <v>0</v>
      </c>
      <c r="DB28" s="104">
        <v>2529767</v>
      </c>
      <c r="DC28" s="104">
        <v>3374166</v>
      </c>
      <c r="DD28" s="104">
        <v>3383687</v>
      </c>
      <c r="DE28" s="104">
        <v>2842544</v>
      </c>
      <c r="DF28" s="104">
        <v>719727</v>
      </c>
      <c r="DG28" s="103">
        <v>12849891</v>
      </c>
      <c r="DH28" s="106">
        <v>13361396</v>
      </c>
      <c r="DI28" s="100">
        <v>78968</v>
      </c>
      <c r="DJ28" s="104">
        <v>66179</v>
      </c>
      <c r="DK28" s="102">
        <v>145147</v>
      </c>
      <c r="DL28" s="101">
        <v>0</v>
      </c>
      <c r="DM28" s="104">
        <v>1270616</v>
      </c>
      <c r="DN28" s="104">
        <v>3212068</v>
      </c>
      <c r="DO28" s="104">
        <v>6005207</v>
      </c>
      <c r="DP28" s="104">
        <v>4731638</v>
      </c>
      <c r="DQ28" s="104">
        <v>2644099</v>
      </c>
      <c r="DR28" s="103">
        <v>17863628</v>
      </c>
      <c r="DS28" s="106">
        <v>18008775</v>
      </c>
      <c r="DT28" s="100">
        <v>53655</v>
      </c>
      <c r="DU28" s="104">
        <v>66179</v>
      </c>
      <c r="DV28" s="103">
        <v>119834</v>
      </c>
      <c r="DW28" s="100">
        <v>0</v>
      </c>
      <c r="DX28" s="104">
        <v>1201878</v>
      </c>
      <c r="DY28" s="104">
        <v>3118047</v>
      </c>
      <c r="DZ28" s="104">
        <v>5940906</v>
      </c>
      <c r="EA28" s="104">
        <v>4579895</v>
      </c>
      <c r="EB28" s="104">
        <v>2322955</v>
      </c>
      <c r="EC28" s="103">
        <v>17163681</v>
      </c>
      <c r="ED28" s="106">
        <v>17283515</v>
      </c>
      <c r="EE28" s="100">
        <v>25313</v>
      </c>
      <c r="EF28" s="102">
        <v>0</v>
      </c>
      <c r="EG28" s="103">
        <v>25313</v>
      </c>
      <c r="EH28" s="100">
        <v>0</v>
      </c>
      <c r="EI28" s="104">
        <v>68738</v>
      </c>
      <c r="EJ28" s="104">
        <v>94021</v>
      </c>
      <c r="EK28" s="104">
        <v>64301</v>
      </c>
      <c r="EL28" s="104">
        <v>151743</v>
      </c>
      <c r="EM28" s="104">
        <v>321144</v>
      </c>
      <c r="EN28" s="102">
        <v>699947</v>
      </c>
      <c r="EO28" s="106">
        <v>725260</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187086</v>
      </c>
      <c r="FM28" s="104">
        <v>2272873</v>
      </c>
      <c r="FN28" s="103">
        <v>3459959</v>
      </c>
      <c r="FO28" s="100">
        <v>0</v>
      </c>
      <c r="FP28" s="104">
        <v>2862076</v>
      </c>
      <c r="FQ28" s="104">
        <v>6394186</v>
      </c>
      <c r="FR28" s="104">
        <v>3737375</v>
      </c>
      <c r="FS28" s="104">
        <v>4100107</v>
      </c>
      <c r="FT28" s="104">
        <v>2504667</v>
      </c>
      <c r="FU28" s="103">
        <v>19598411</v>
      </c>
      <c r="FV28" s="106">
        <v>23058370</v>
      </c>
      <c r="FW28" s="105">
        <v>507036</v>
      </c>
      <c r="FX28" s="104">
        <v>1672366</v>
      </c>
      <c r="FY28" s="102">
        <v>2179402</v>
      </c>
      <c r="FZ28" s="101">
        <v>0</v>
      </c>
      <c r="GA28" s="104">
        <v>2371402</v>
      </c>
      <c r="GB28" s="104">
        <v>5383872</v>
      </c>
      <c r="GC28" s="104">
        <v>3345741</v>
      </c>
      <c r="GD28" s="104">
        <v>3778807</v>
      </c>
      <c r="GE28" s="104">
        <v>2238339</v>
      </c>
      <c r="GF28" s="103">
        <v>17118161</v>
      </c>
      <c r="GG28" s="296">
        <v>19297563</v>
      </c>
      <c r="GH28" s="105">
        <v>13050</v>
      </c>
      <c r="GI28" s="104">
        <v>118062</v>
      </c>
      <c r="GJ28" s="102">
        <v>131112</v>
      </c>
      <c r="GK28" s="101">
        <v>0</v>
      </c>
      <c r="GL28" s="104">
        <v>91362</v>
      </c>
      <c r="GM28" s="104">
        <v>232494</v>
      </c>
      <c r="GN28" s="104">
        <v>158534</v>
      </c>
      <c r="GO28" s="104">
        <v>87300</v>
      </c>
      <c r="GP28" s="104">
        <v>23166</v>
      </c>
      <c r="GQ28" s="103">
        <v>592856</v>
      </c>
      <c r="GR28" s="106">
        <v>723968</v>
      </c>
      <c r="GS28" s="100">
        <v>667000</v>
      </c>
      <c r="GT28" s="104">
        <v>482445</v>
      </c>
      <c r="GU28" s="103">
        <v>1149445</v>
      </c>
      <c r="GV28" s="100">
        <v>0</v>
      </c>
      <c r="GW28" s="104">
        <v>399312</v>
      </c>
      <c r="GX28" s="104">
        <v>777820</v>
      </c>
      <c r="GY28" s="104">
        <v>233100</v>
      </c>
      <c r="GZ28" s="104">
        <v>234000</v>
      </c>
      <c r="HA28" s="104">
        <v>243162</v>
      </c>
      <c r="HB28" s="102">
        <v>1887394</v>
      </c>
      <c r="HC28" s="106">
        <v>3036839</v>
      </c>
      <c r="HD28" s="100">
        <v>551751</v>
      </c>
      <c r="HE28" s="104">
        <v>137629</v>
      </c>
      <c r="HF28" s="102">
        <v>689380</v>
      </c>
      <c r="HG28" s="101">
        <v>0</v>
      </c>
      <c r="HH28" s="104">
        <v>8410500</v>
      </c>
      <c r="HI28" s="104">
        <v>8141115</v>
      </c>
      <c r="HJ28" s="104">
        <v>6686319</v>
      </c>
      <c r="HK28" s="104">
        <v>13523880</v>
      </c>
      <c r="HL28" s="104">
        <v>9940656</v>
      </c>
      <c r="HM28" s="103">
        <v>46702470</v>
      </c>
      <c r="HN28" s="99">
        <v>47391850</v>
      </c>
      <c r="HO28" s="105">
        <v>600066</v>
      </c>
      <c r="HP28" s="104">
        <v>1333393</v>
      </c>
      <c r="HQ28" s="103">
        <v>1933459</v>
      </c>
      <c r="HR28" s="100">
        <v>0</v>
      </c>
      <c r="HS28" s="104">
        <v>7944202</v>
      </c>
      <c r="HT28" s="104">
        <v>7974567</v>
      </c>
      <c r="HU28" s="104">
        <v>5145322</v>
      </c>
      <c r="HV28" s="104">
        <v>3795777</v>
      </c>
      <c r="HW28" s="104">
        <v>1956731</v>
      </c>
      <c r="HX28" s="102">
        <v>26816599</v>
      </c>
      <c r="HY28" s="106">
        <v>28750058</v>
      </c>
      <c r="HZ28" s="137">
        <v>0</v>
      </c>
      <c r="IA28" s="122">
        <v>0</v>
      </c>
      <c r="IB28" s="137">
        <v>0</v>
      </c>
      <c r="IC28" s="121">
        <v>0</v>
      </c>
      <c r="ID28" s="122">
        <v>11393257</v>
      </c>
      <c r="IE28" s="123">
        <v>8233244</v>
      </c>
      <c r="IF28" s="124">
        <v>10154699</v>
      </c>
      <c r="IG28" s="122">
        <v>7096416</v>
      </c>
      <c r="IH28" s="124">
        <v>4202026</v>
      </c>
      <c r="II28" s="125">
        <v>41079642</v>
      </c>
      <c r="IJ28" s="137">
        <v>41079642</v>
      </c>
      <c r="IK28" s="219">
        <v>0</v>
      </c>
      <c r="IL28" s="223">
        <v>0</v>
      </c>
      <c r="IM28" s="224">
        <v>0</v>
      </c>
      <c r="IN28" s="127"/>
      <c r="IO28" s="109">
        <v>0</v>
      </c>
      <c r="IP28" s="109">
        <v>0</v>
      </c>
      <c r="IQ28" s="109">
        <v>0</v>
      </c>
      <c r="IR28" s="109">
        <v>0</v>
      </c>
      <c r="IS28" s="109">
        <v>734326</v>
      </c>
      <c r="IT28" s="128">
        <v>734326</v>
      </c>
      <c r="IU28" s="298">
        <v>734326</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2651740</v>
      </c>
      <c r="JL28" s="109">
        <v>2583043</v>
      </c>
      <c r="JM28" s="109">
        <v>2683946</v>
      </c>
      <c r="JN28" s="109">
        <v>2085307</v>
      </c>
      <c r="JO28" s="109">
        <v>992146</v>
      </c>
      <c r="JP28" s="110">
        <v>10996182</v>
      </c>
      <c r="JQ28" s="298">
        <v>10996182</v>
      </c>
      <c r="JR28" s="129">
        <v>0</v>
      </c>
      <c r="JS28" s="109">
        <v>0</v>
      </c>
      <c r="JT28" s="128">
        <v>0</v>
      </c>
      <c r="JU28" s="108">
        <v>0</v>
      </c>
      <c r="JV28" s="109">
        <v>0</v>
      </c>
      <c r="JW28" s="109">
        <v>0</v>
      </c>
      <c r="JX28" s="109">
        <v>343319</v>
      </c>
      <c r="JY28" s="109">
        <v>0</v>
      </c>
      <c r="JZ28" s="109">
        <v>0</v>
      </c>
      <c r="KA28" s="110">
        <v>343319</v>
      </c>
      <c r="KB28" s="298">
        <v>343319</v>
      </c>
      <c r="KC28" s="221">
        <v>0</v>
      </c>
      <c r="KD28" s="217">
        <v>0</v>
      </c>
      <c r="KE28" s="110">
        <v>0</v>
      </c>
      <c r="KF28" s="108">
        <v>0</v>
      </c>
      <c r="KG28" s="109">
        <v>649405</v>
      </c>
      <c r="KH28" s="109">
        <v>1137543</v>
      </c>
      <c r="KI28" s="109">
        <v>787190</v>
      </c>
      <c r="KJ28" s="109">
        <v>282456</v>
      </c>
      <c r="KK28" s="109">
        <v>623762</v>
      </c>
      <c r="KL28" s="110">
        <v>3480356</v>
      </c>
      <c r="KM28" s="130">
        <v>3480356</v>
      </c>
      <c r="KN28" s="219">
        <v>0</v>
      </c>
      <c r="KO28" s="223">
        <v>0</v>
      </c>
      <c r="KP28" s="224">
        <v>0</v>
      </c>
      <c r="KQ28" s="127"/>
      <c r="KR28" s="109">
        <v>8092112</v>
      </c>
      <c r="KS28" s="109">
        <v>4512658</v>
      </c>
      <c r="KT28" s="109">
        <v>6340244</v>
      </c>
      <c r="KU28" s="109">
        <v>4408786</v>
      </c>
      <c r="KV28" s="109">
        <v>1851792</v>
      </c>
      <c r="KW28" s="110">
        <v>25205592</v>
      </c>
      <c r="KX28" s="298">
        <v>25205592</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319867</v>
      </c>
      <c r="MC28" s="109">
        <v>0</v>
      </c>
      <c r="MD28" s="110">
        <v>319867</v>
      </c>
      <c r="ME28" s="111">
        <v>319867</v>
      </c>
      <c r="MF28" s="129">
        <v>0</v>
      </c>
      <c r="MG28" s="109">
        <v>0</v>
      </c>
      <c r="MH28" s="110">
        <v>0</v>
      </c>
      <c r="MI28" s="132"/>
      <c r="MJ28" s="109">
        <v>3464498</v>
      </c>
      <c r="MK28" s="109">
        <v>11238812</v>
      </c>
      <c r="ML28" s="109">
        <v>34865388</v>
      </c>
      <c r="MM28" s="109">
        <v>57624149</v>
      </c>
      <c r="MN28" s="109">
        <v>43527562</v>
      </c>
      <c r="MO28" s="110">
        <v>150720409</v>
      </c>
      <c r="MP28" s="130">
        <v>150720409</v>
      </c>
      <c r="MQ28" s="129">
        <v>0</v>
      </c>
      <c r="MR28" s="109">
        <v>0</v>
      </c>
      <c r="MS28" s="110">
        <v>0</v>
      </c>
      <c r="MT28" s="132"/>
      <c r="MU28" s="109">
        <v>437133</v>
      </c>
      <c r="MV28" s="109">
        <v>2346998</v>
      </c>
      <c r="MW28" s="109">
        <v>22761545</v>
      </c>
      <c r="MX28" s="109">
        <v>37301293</v>
      </c>
      <c r="MY28" s="109">
        <v>27103834</v>
      </c>
      <c r="MZ28" s="110">
        <v>89950803</v>
      </c>
      <c r="NA28" s="130">
        <v>89950803</v>
      </c>
      <c r="NB28" s="129">
        <v>0</v>
      </c>
      <c r="NC28" s="109">
        <v>0</v>
      </c>
      <c r="ND28" s="110">
        <v>0</v>
      </c>
      <c r="NE28" s="132"/>
      <c r="NF28" s="109">
        <v>3027365</v>
      </c>
      <c r="NG28" s="109">
        <v>8891814</v>
      </c>
      <c r="NH28" s="109">
        <v>12103843</v>
      </c>
      <c r="NI28" s="109">
        <v>19082810</v>
      </c>
      <c r="NJ28" s="109">
        <v>12259595</v>
      </c>
      <c r="NK28" s="110">
        <v>55365427</v>
      </c>
      <c r="NL28" s="298">
        <v>55365427</v>
      </c>
      <c r="NM28" s="129">
        <v>0</v>
      </c>
      <c r="NN28" s="109">
        <v>0</v>
      </c>
      <c r="NO28" s="110">
        <v>0</v>
      </c>
      <c r="NP28" s="132"/>
      <c r="NQ28" s="109">
        <v>0</v>
      </c>
      <c r="NR28" s="109">
        <v>0</v>
      </c>
      <c r="NS28" s="109">
        <v>0</v>
      </c>
      <c r="NT28" s="109">
        <v>0</v>
      </c>
      <c r="NU28" s="109">
        <v>700102</v>
      </c>
      <c r="NV28" s="110">
        <v>700102</v>
      </c>
      <c r="NW28" s="111">
        <v>700102</v>
      </c>
      <c r="NX28" s="129">
        <v>0</v>
      </c>
      <c r="NY28" s="109">
        <v>0</v>
      </c>
      <c r="NZ28" s="110">
        <v>0</v>
      </c>
      <c r="OA28" s="132"/>
      <c r="OB28" s="109">
        <v>0</v>
      </c>
      <c r="OC28" s="109">
        <v>0</v>
      </c>
      <c r="OD28" s="109">
        <v>0</v>
      </c>
      <c r="OE28" s="109">
        <v>1240046</v>
      </c>
      <c r="OF28" s="109">
        <v>3464031</v>
      </c>
      <c r="OG28" s="110">
        <v>4704077</v>
      </c>
      <c r="OH28" s="111">
        <v>4704077</v>
      </c>
      <c r="OI28" s="129">
        <v>3602609</v>
      </c>
      <c r="OJ28" s="109">
        <v>5986141</v>
      </c>
      <c r="OK28" s="128">
        <v>9588750</v>
      </c>
      <c r="OL28" s="108">
        <v>0</v>
      </c>
      <c r="OM28" s="109">
        <v>67169706</v>
      </c>
      <c r="ON28" s="109">
        <v>83491178</v>
      </c>
      <c r="OO28" s="109">
        <v>97113423</v>
      </c>
      <c r="OP28" s="109">
        <v>118885815</v>
      </c>
      <c r="OQ28" s="109">
        <v>83803117</v>
      </c>
      <c r="OR28" s="110">
        <v>450463239</v>
      </c>
      <c r="OS28" s="130">
        <v>460051989</v>
      </c>
    </row>
    <row r="29" spans="2:409" ht="21" customHeight="1" x14ac:dyDescent="0.2">
      <c r="B29" s="472" t="s">
        <v>24</v>
      </c>
      <c r="C29" s="100">
        <v>2925802</v>
      </c>
      <c r="D29" s="104">
        <v>3775537</v>
      </c>
      <c r="E29" s="103">
        <v>6701339</v>
      </c>
      <c r="F29" s="99">
        <v>0</v>
      </c>
      <c r="G29" s="104">
        <v>26990248</v>
      </c>
      <c r="H29" s="104">
        <v>27914636</v>
      </c>
      <c r="I29" s="104">
        <v>23810036</v>
      </c>
      <c r="J29" s="104">
        <v>25819513</v>
      </c>
      <c r="K29" s="104">
        <v>20241619</v>
      </c>
      <c r="L29" s="160">
        <v>124776052</v>
      </c>
      <c r="M29" s="106">
        <v>131477391</v>
      </c>
      <c r="N29" s="100">
        <v>810792</v>
      </c>
      <c r="O29" s="104">
        <v>1116686</v>
      </c>
      <c r="P29" s="103">
        <v>1927478</v>
      </c>
      <c r="Q29" s="100">
        <v>0</v>
      </c>
      <c r="R29" s="104">
        <v>6043941</v>
      </c>
      <c r="S29" s="104">
        <v>7752918</v>
      </c>
      <c r="T29" s="104">
        <v>7275174</v>
      </c>
      <c r="U29" s="104">
        <v>8522024</v>
      </c>
      <c r="V29" s="104">
        <v>9592218</v>
      </c>
      <c r="W29" s="103">
        <v>39186275</v>
      </c>
      <c r="X29" s="106">
        <v>41113753</v>
      </c>
      <c r="Y29" s="100">
        <v>0</v>
      </c>
      <c r="Z29" s="104">
        <v>0</v>
      </c>
      <c r="AA29" s="103">
        <v>0</v>
      </c>
      <c r="AB29" s="100">
        <v>0</v>
      </c>
      <c r="AC29" s="104">
        <v>2267540</v>
      </c>
      <c r="AD29" s="104">
        <v>3178869</v>
      </c>
      <c r="AE29" s="104">
        <v>4925309</v>
      </c>
      <c r="AF29" s="104">
        <v>4145868</v>
      </c>
      <c r="AG29" s="104">
        <v>5815514</v>
      </c>
      <c r="AH29" s="103">
        <v>20333100</v>
      </c>
      <c r="AI29" s="106">
        <v>20333100</v>
      </c>
      <c r="AJ29" s="100">
        <v>0</v>
      </c>
      <c r="AK29" s="104">
        <v>0</v>
      </c>
      <c r="AL29" s="103">
        <v>0</v>
      </c>
      <c r="AM29" s="100">
        <v>0</v>
      </c>
      <c r="AN29" s="104">
        <v>0</v>
      </c>
      <c r="AO29" s="104">
        <v>79777</v>
      </c>
      <c r="AP29" s="104">
        <v>108668</v>
      </c>
      <c r="AQ29" s="104">
        <v>794834</v>
      </c>
      <c r="AR29" s="104">
        <v>1423756</v>
      </c>
      <c r="AS29" s="103">
        <v>2407035</v>
      </c>
      <c r="AT29" s="106">
        <v>2407035</v>
      </c>
      <c r="AU29" s="100">
        <v>518821</v>
      </c>
      <c r="AV29" s="104">
        <v>940325</v>
      </c>
      <c r="AW29" s="103">
        <v>1459146</v>
      </c>
      <c r="AX29" s="100">
        <v>0</v>
      </c>
      <c r="AY29" s="104">
        <v>2498218</v>
      </c>
      <c r="AZ29" s="104">
        <v>3179659</v>
      </c>
      <c r="BA29" s="104">
        <v>1181630</v>
      </c>
      <c r="BB29" s="104">
        <v>2280242</v>
      </c>
      <c r="BC29" s="104">
        <v>1300539</v>
      </c>
      <c r="BD29" s="103">
        <v>10440288</v>
      </c>
      <c r="BE29" s="106">
        <v>11899434</v>
      </c>
      <c r="BF29" s="100">
        <v>0</v>
      </c>
      <c r="BG29" s="104">
        <v>23395</v>
      </c>
      <c r="BH29" s="102">
        <v>23395</v>
      </c>
      <c r="BI29" s="101">
        <v>0</v>
      </c>
      <c r="BJ29" s="104">
        <v>153768</v>
      </c>
      <c r="BK29" s="104">
        <v>237169</v>
      </c>
      <c r="BL29" s="104">
        <v>85273</v>
      </c>
      <c r="BM29" s="104">
        <v>126939</v>
      </c>
      <c r="BN29" s="104">
        <v>113084</v>
      </c>
      <c r="BO29" s="103">
        <v>716233</v>
      </c>
      <c r="BP29" s="106">
        <v>739628</v>
      </c>
      <c r="BQ29" s="100">
        <v>291971</v>
      </c>
      <c r="BR29" s="104">
        <v>152966</v>
      </c>
      <c r="BS29" s="103">
        <v>444937</v>
      </c>
      <c r="BT29" s="100">
        <v>0</v>
      </c>
      <c r="BU29" s="104">
        <v>1124415</v>
      </c>
      <c r="BV29" s="104">
        <v>1077444</v>
      </c>
      <c r="BW29" s="104">
        <v>974294</v>
      </c>
      <c r="BX29" s="104">
        <v>1174141</v>
      </c>
      <c r="BY29" s="104">
        <v>939325</v>
      </c>
      <c r="BZ29" s="103">
        <v>5289619</v>
      </c>
      <c r="CA29" s="106">
        <v>5734556</v>
      </c>
      <c r="CB29" s="100">
        <v>267517</v>
      </c>
      <c r="CC29" s="104">
        <v>420815</v>
      </c>
      <c r="CD29" s="103">
        <v>688332</v>
      </c>
      <c r="CE29" s="100">
        <v>0</v>
      </c>
      <c r="CF29" s="104">
        <v>8678468</v>
      </c>
      <c r="CG29" s="104">
        <v>8682548</v>
      </c>
      <c r="CH29" s="104">
        <v>6033630</v>
      </c>
      <c r="CI29" s="104">
        <v>3383073</v>
      </c>
      <c r="CJ29" s="104">
        <v>2054517</v>
      </c>
      <c r="CK29" s="103">
        <v>28832236</v>
      </c>
      <c r="CL29" s="106">
        <v>29520568</v>
      </c>
      <c r="CM29" s="100">
        <v>0</v>
      </c>
      <c r="CN29" s="104">
        <v>0</v>
      </c>
      <c r="CO29" s="103">
        <v>0</v>
      </c>
      <c r="CP29" s="101">
        <v>0</v>
      </c>
      <c r="CQ29" s="104">
        <v>6015676</v>
      </c>
      <c r="CR29" s="104">
        <v>6374680</v>
      </c>
      <c r="CS29" s="104">
        <v>4038457</v>
      </c>
      <c r="CT29" s="104">
        <v>1977355</v>
      </c>
      <c r="CU29" s="104">
        <v>848505</v>
      </c>
      <c r="CV29" s="103">
        <v>19254673</v>
      </c>
      <c r="CW29" s="106">
        <v>19254673</v>
      </c>
      <c r="CX29" s="100">
        <v>267517</v>
      </c>
      <c r="CY29" s="104">
        <v>420815</v>
      </c>
      <c r="CZ29" s="103">
        <v>688332</v>
      </c>
      <c r="DA29" s="100">
        <v>0</v>
      </c>
      <c r="DB29" s="104">
        <v>2662792</v>
      </c>
      <c r="DC29" s="104">
        <v>2307868</v>
      </c>
      <c r="DD29" s="104">
        <v>1995173</v>
      </c>
      <c r="DE29" s="104">
        <v>1405718</v>
      </c>
      <c r="DF29" s="104">
        <v>1206012</v>
      </c>
      <c r="DG29" s="103">
        <v>9577563</v>
      </c>
      <c r="DH29" s="106">
        <v>10265895</v>
      </c>
      <c r="DI29" s="100">
        <v>24627</v>
      </c>
      <c r="DJ29" s="104">
        <v>0</v>
      </c>
      <c r="DK29" s="102">
        <v>24627</v>
      </c>
      <c r="DL29" s="101">
        <v>0</v>
      </c>
      <c r="DM29" s="104">
        <v>990678</v>
      </c>
      <c r="DN29" s="104">
        <v>1167157</v>
      </c>
      <c r="DO29" s="104">
        <v>1804579</v>
      </c>
      <c r="DP29" s="104">
        <v>2198763</v>
      </c>
      <c r="DQ29" s="104">
        <v>1465538</v>
      </c>
      <c r="DR29" s="103">
        <v>7626715</v>
      </c>
      <c r="DS29" s="106">
        <v>7651342</v>
      </c>
      <c r="DT29" s="100">
        <v>24627</v>
      </c>
      <c r="DU29" s="104">
        <v>0</v>
      </c>
      <c r="DV29" s="103">
        <v>24627</v>
      </c>
      <c r="DW29" s="100">
        <v>0</v>
      </c>
      <c r="DX29" s="104">
        <v>683453</v>
      </c>
      <c r="DY29" s="104">
        <v>1167157</v>
      </c>
      <c r="DZ29" s="104">
        <v>1585219</v>
      </c>
      <c r="EA29" s="104">
        <v>2037525</v>
      </c>
      <c r="EB29" s="104">
        <v>1012847</v>
      </c>
      <c r="EC29" s="103">
        <v>6486201</v>
      </c>
      <c r="ED29" s="106">
        <v>6510828</v>
      </c>
      <c r="EE29" s="100">
        <v>0</v>
      </c>
      <c r="EF29" s="102">
        <v>0</v>
      </c>
      <c r="EG29" s="103">
        <v>0</v>
      </c>
      <c r="EH29" s="100">
        <v>0</v>
      </c>
      <c r="EI29" s="104">
        <v>307225</v>
      </c>
      <c r="EJ29" s="104">
        <v>0</v>
      </c>
      <c r="EK29" s="104">
        <v>219360</v>
      </c>
      <c r="EL29" s="104">
        <v>161238</v>
      </c>
      <c r="EM29" s="104">
        <v>452691</v>
      </c>
      <c r="EN29" s="102">
        <v>1140514</v>
      </c>
      <c r="EO29" s="106">
        <v>1140514</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525078</v>
      </c>
      <c r="FM29" s="104">
        <v>677060</v>
      </c>
      <c r="FN29" s="103">
        <v>1202138</v>
      </c>
      <c r="FO29" s="100">
        <v>0</v>
      </c>
      <c r="FP29" s="104">
        <v>1352115</v>
      </c>
      <c r="FQ29" s="104">
        <v>2127733</v>
      </c>
      <c r="FR29" s="104">
        <v>1471775</v>
      </c>
      <c r="FS29" s="104">
        <v>1488561</v>
      </c>
      <c r="FT29" s="104">
        <v>1168008</v>
      </c>
      <c r="FU29" s="103">
        <v>7608192</v>
      </c>
      <c r="FV29" s="106">
        <v>8810330</v>
      </c>
      <c r="FW29" s="105">
        <v>427712</v>
      </c>
      <c r="FX29" s="104">
        <v>458684</v>
      </c>
      <c r="FY29" s="102">
        <v>886396</v>
      </c>
      <c r="FZ29" s="101">
        <v>0</v>
      </c>
      <c r="GA29" s="104">
        <v>939983</v>
      </c>
      <c r="GB29" s="104">
        <v>2059511</v>
      </c>
      <c r="GC29" s="104">
        <v>1445639</v>
      </c>
      <c r="GD29" s="104">
        <v>1387680</v>
      </c>
      <c r="GE29" s="104">
        <v>1168008</v>
      </c>
      <c r="GF29" s="103">
        <v>7000821</v>
      </c>
      <c r="GG29" s="296">
        <v>7887217</v>
      </c>
      <c r="GH29" s="105">
        <v>0</v>
      </c>
      <c r="GI29" s="104">
        <v>41976</v>
      </c>
      <c r="GJ29" s="102">
        <v>41976</v>
      </c>
      <c r="GK29" s="101">
        <v>0</v>
      </c>
      <c r="GL29" s="104">
        <v>115432</v>
      </c>
      <c r="GM29" s="104">
        <v>50622</v>
      </c>
      <c r="GN29" s="104">
        <v>26136</v>
      </c>
      <c r="GO29" s="104">
        <v>100881</v>
      </c>
      <c r="GP29" s="104">
        <v>0</v>
      </c>
      <c r="GQ29" s="103">
        <v>293071</v>
      </c>
      <c r="GR29" s="106">
        <v>335047</v>
      </c>
      <c r="GS29" s="100">
        <v>97366</v>
      </c>
      <c r="GT29" s="104">
        <v>176400</v>
      </c>
      <c r="GU29" s="103">
        <v>273766</v>
      </c>
      <c r="GV29" s="100">
        <v>0</v>
      </c>
      <c r="GW29" s="104">
        <v>296700</v>
      </c>
      <c r="GX29" s="104">
        <v>17600</v>
      </c>
      <c r="GY29" s="104">
        <v>0</v>
      </c>
      <c r="GZ29" s="104">
        <v>0</v>
      </c>
      <c r="HA29" s="104">
        <v>0</v>
      </c>
      <c r="HB29" s="102">
        <v>314300</v>
      </c>
      <c r="HC29" s="106">
        <v>588066</v>
      </c>
      <c r="HD29" s="100">
        <v>748287</v>
      </c>
      <c r="HE29" s="104">
        <v>1016942</v>
      </c>
      <c r="HF29" s="102">
        <v>1765229</v>
      </c>
      <c r="HG29" s="101">
        <v>0</v>
      </c>
      <c r="HH29" s="104">
        <v>6169334</v>
      </c>
      <c r="HI29" s="104">
        <v>5127585</v>
      </c>
      <c r="HJ29" s="104">
        <v>5153159</v>
      </c>
      <c r="HK29" s="104">
        <v>8865295</v>
      </c>
      <c r="HL29" s="104">
        <v>5038393</v>
      </c>
      <c r="HM29" s="103">
        <v>30353766</v>
      </c>
      <c r="HN29" s="99">
        <v>32118995</v>
      </c>
      <c r="HO29" s="105">
        <v>549501</v>
      </c>
      <c r="HP29" s="104">
        <v>544034</v>
      </c>
      <c r="HQ29" s="103">
        <v>1093535</v>
      </c>
      <c r="HR29" s="100">
        <v>0</v>
      </c>
      <c r="HS29" s="104">
        <v>3755712</v>
      </c>
      <c r="HT29" s="104">
        <v>3056695</v>
      </c>
      <c r="HU29" s="104">
        <v>2071719</v>
      </c>
      <c r="HV29" s="104">
        <v>1361797</v>
      </c>
      <c r="HW29" s="104">
        <v>922945</v>
      </c>
      <c r="HX29" s="102">
        <v>11168868</v>
      </c>
      <c r="HY29" s="106">
        <v>12262403</v>
      </c>
      <c r="HZ29" s="118">
        <v>0</v>
      </c>
      <c r="IA29" s="119">
        <v>245950</v>
      </c>
      <c r="IB29" s="120">
        <v>245950</v>
      </c>
      <c r="IC29" s="133">
        <v>0</v>
      </c>
      <c r="ID29" s="119">
        <v>5489128</v>
      </c>
      <c r="IE29" s="134">
        <v>4970827</v>
      </c>
      <c r="IF29" s="120">
        <v>7241316</v>
      </c>
      <c r="IG29" s="119">
        <v>4972487</v>
      </c>
      <c r="IH29" s="120">
        <v>2637442</v>
      </c>
      <c r="II29" s="135">
        <v>25311200</v>
      </c>
      <c r="IJ29" s="126">
        <v>25557150</v>
      </c>
      <c r="IK29" s="219">
        <v>0</v>
      </c>
      <c r="IL29" s="223">
        <v>0</v>
      </c>
      <c r="IM29" s="224">
        <v>0</v>
      </c>
      <c r="IN29" s="127"/>
      <c r="IO29" s="109">
        <v>147283</v>
      </c>
      <c r="IP29" s="109">
        <v>221432</v>
      </c>
      <c r="IQ29" s="109">
        <v>534745</v>
      </c>
      <c r="IR29" s="109">
        <v>812222</v>
      </c>
      <c r="IS29" s="109">
        <v>0</v>
      </c>
      <c r="IT29" s="128">
        <v>1715682</v>
      </c>
      <c r="IU29" s="298">
        <v>1715682</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1637545</v>
      </c>
      <c r="JL29" s="109">
        <v>1376041</v>
      </c>
      <c r="JM29" s="109">
        <v>1535773</v>
      </c>
      <c r="JN29" s="109">
        <v>389222</v>
      </c>
      <c r="JO29" s="109">
        <v>346295</v>
      </c>
      <c r="JP29" s="110">
        <v>5284876</v>
      </c>
      <c r="JQ29" s="298">
        <v>5284876</v>
      </c>
      <c r="JR29" s="129">
        <v>0</v>
      </c>
      <c r="JS29" s="109">
        <v>0</v>
      </c>
      <c r="JT29" s="128">
        <v>0</v>
      </c>
      <c r="JU29" s="108">
        <v>0</v>
      </c>
      <c r="JV29" s="109">
        <v>655310</v>
      </c>
      <c r="JW29" s="109">
        <v>548503</v>
      </c>
      <c r="JX29" s="109">
        <v>710134</v>
      </c>
      <c r="JY29" s="109">
        <v>266589</v>
      </c>
      <c r="JZ29" s="109">
        <v>139254</v>
      </c>
      <c r="KA29" s="110">
        <v>2319790</v>
      </c>
      <c r="KB29" s="298">
        <v>2319790</v>
      </c>
      <c r="KC29" s="221">
        <v>0</v>
      </c>
      <c r="KD29" s="217">
        <v>245950</v>
      </c>
      <c r="KE29" s="110">
        <v>245950</v>
      </c>
      <c r="KF29" s="108">
        <v>0</v>
      </c>
      <c r="KG29" s="109">
        <v>2280520</v>
      </c>
      <c r="KH29" s="109">
        <v>1257597</v>
      </c>
      <c r="KI29" s="109">
        <v>2350474</v>
      </c>
      <c r="KJ29" s="109">
        <v>1085458</v>
      </c>
      <c r="KK29" s="109">
        <v>314582</v>
      </c>
      <c r="KL29" s="110">
        <v>7288631</v>
      </c>
      <c r="KM29" s="130">
        <v>7534581</v>
      </c>
      <c r="KN29" s="219">
        <v>0</v>
      </c>
      <c r="KO29" s="223">
        <v>0</v>
      </c>
      <c r="KP29" s="224">
        <v>0</v>
      </c>
      <c r="KQ29" s="127"/>
      <c r="KR29" s="109">
        <v>768470</v>
      </c>
      <c r="KS29" s="109">
        <v>1567254</v>
      </c>
      <c r="KT29" s="109">
        <v>2110190</v>
      </c>
      <c r="KU29" s="109">
        <v>2418996</v>
      </c>
      <c r="KV29" s="109">
        <v>1837311</v>
      </c>
      <c r="KW29" s="110">
        <v>8702221</v>
      </c>
      <c r="KX29" s="298">
        <v>8702221</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2804193</v>
      </c>
      <c r="MK29" s="109">
        <v>2328008</v>
      </c>
      <c r="ML29" s="109">
        <v>13990514</v>
      </c>
      <c r="MM29" s="109">
        <v>30971562</v>
      </c>
      <c r="MN29" s="109">
        <v>22632657</v>
      </c>
      <c r="MO29" s="110">
        <v>72726934</v>
      </c>
      <c r="MP29" s="130">
        <v>72726934</v>
      </c>
      <c r="MQ29" s="129">
        <v>0</v>
      </c>
      <c r="MR29" s="109">
        <v>0</v>
      </c>
      <c r="MS29" s="110">
        <v>0</v>
      </c>
      <c r="MT29" s="132"/>
      <c r="MU29" s="109">
        <v>0</v>
      </c>
      <c r="MV29" s="109">
        <v>0</v>
      </c>
      <c r="MW29" s="109">
        <v>6924192</v>
      </c>
      <c r="MX29" s="109">
        <v>22398514</v>
      </c>
      <c r="MY29" s="109">
        <v>17514158</v>
      </c>
      <c r="MZ29" s="110">
        <v>46836864</v>
      </c>
      <c r="NA29" s="130">
        <v>46836864</v>
      </c>
      <c r="NB29" s="129">
        <v>0</v>
      </c>
      <c r="NC29" s="109">
        <v>0</v>
      </c>
      <c r="ND29" s="110">
        <v>0</v>
      </c>
      <c r="NE29" s="132"/>
      <c r="NF29" s="109">
        <v>2804193</v>
      </c>
      <c r="NG29" s="109">
        <v>2328008</v>
      </c>
      <c r="NH29" s="109">
        <v>7066322</v>
      </c>
      <c r="NI29" s="109">
        <v>8573048</v>
      </c>
      <c r="NJ29" s="109">
        <v>5118499</v>
      </c>
      <c r="NK29" s="110">
        <v>25890070</v>
      </c>
      <c r="NL29" s="298">
        <v>25890070</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2925802</v>
      </c>
      <c r="OJ29" s="109">
        <v>4021487</v>
      </c>
      <c r="OK29" s="128">
        <v>6947289</v>
      </c>
      <c r="OL29" s="108">
        <v>0</v>
      </c>
      <c r="OM29" s="109">
        <v>35283569</v>
      </c>
      <c r="ON29" s="109">
        <v>35213471</v>
      </c>
      <c r="OO29" s="109">
        <v>45041866</v>
      </c>
      <c r="OP29" s="109">
        <v>61763562</v>
      </c>
      <c r="OQ29" s="109">
        <v>45511718</v>
      </c>
      <c r="OR29" s="110">
        <v>222814186</v>
      </c>
      <c r="OS29" s="130">
        <v>229761475</v>
      </c>
    </row>
    <row r="30" spans="2:409" ht="21" customHeight="1" x14ac:dyDescent="0.2">
      <c r="B30" s="472" t="s">
        <v>25</v>
      </c>
      <c r="C30" s="100">
        <v>2260125</v>
      </c>
      <c r="D30" s="104">
        <v>4504864</v>
      </c>
      <c r="E30" s="103">
        <v>6764989</v>
      </c>
      <c r="F30" s="99">
        <v>0</v>
      </c>
      <c r="G30" s="104">
        <v>29181875</v>
      </c>
      <c r="H30" s="104">
        <v>32032144</v>
      </c>
      <c r="I30" s="104">
        <v>29127810</v>
      </c>
      <c r="J30" s="104">
        <v>28265908</v>
      </c>
      <c r="K30" s="104">
        <v>16783197</v>
      </c>
      <c r="L30" s="160">
        <v>135390934</v>
      </c>
      <c r="M30" s="106">
        <v>142155923</v>
      </c>
      <c r="N30" s="100">
        <v>589058</v>
      </c>
      <c r="O30" s="104">
        <v>1593121</v>
      </c>
      <c r="P30" s="103">
        <v>2182179</v>
      </c>
      <c r="Q30" s="100">
        <v>0</v>
      </c>
      <c r="R30" s="104">
        <v>8097365</v>
      </c>
      <c r="S30" s="104">
        <v>10155327</v>
      </c>
      <c r="T30" s="104">
        <v>9776950</v>
      </c>
      <c r="U30" s="104">
        <v>10170426</v>
      </c>
      <c r="V30" s="104">
        <v>9568402</v>
      </c>
      <c r="W30" s="103">
        <v>47768470</v>
      </c>
      <c r="X30" s="106">
        <v>49950649</v>
      </c>
      <c r="Y30" s="100">
        <v>0</v>
      </c>
      <c r="Z30" s="104">
        <v>0</v>
      </c>
      <c r="AA30" s="103">
        <v>0</v>
      </c>
      <c r="AB30" s="100">
        <v>0</v>
      </c>
      <c r="AC30" s="104">
        <v>3766729</v>
      </c>
      <c r="AD30" s="104">
        <v>4873415</v>
      </c>
      <c r="AE30" s="104">
        <v>5697182</v>
      </c>
      <c r="AF30" s="104">
        <v>6243032</v>
      </c>
      <c r="AG30" s="104">
        <v>5898969</v>
      </c>
      <c r="AH30" s="103">
        <v>26479327</v>
      </c>
      <c r="AI30" s="106">
        <v>26479327</v>
      </c>
      <c r="AJ30" s="100">
        <v>0</v>
      </c>
      <c r="AK30" s="104">
        <v>0</v>
      </c>
      <c r="AL30" s="103">
        <v>0</v>
      </c>
      <c r="AM30" s="100">
        <v>0</v>
      </c>
      <c r="AN30" s="104">
        <v>120519</v>
      </c>
      <c r="AO30" s="104">
        <v>413734</v>
      </c>
      <c r="AP30" s="104">
        <v>786775</v>
      </c>
      <c r="AQ30" s="104">
        <v>1158092</v>
      </c>
      <c r="AR30" s="104">
        <v>1499021</v>
      </c>
      <c r="AS30" s="103">
        <v>3978141</v>
      </c>
      <c r="AT30" s="106">
        <v>3978141</v>
      </c>
      <c r="AU30" s="100">
        <v>429043</v>
      </c>
      <c r="AV30" s="104">
        <v>1300475</v>
      </c>
      <c r="AW30" s="103">
        <v>1729518</v>
      </c>
      <c r="AX30" s="100">
        <v>0</v>
      </c>
      <c r="AY30" s="104">
        <v>3204579</v>
      </c>
      <c r="AZ30" s="104">
        <v>3598792</v>
      </c>
      <c r="BA30" s="104">
        <v>2105803</v>
      </c>
      <c r="BB30" s="104">
        <v>1494381</v>
      </c>
      <c r="BC30" s="104">
        <v>1313987</v>
      </c>
      <c r="BD30" s="103">
        <v>11717542</v>
      </c>
      <c r="BE30" s="106">
        <v>13447060</v>
      </c>
      <c r="BF30" s="100">
        <v>23775</v>
      </c>
      <c r="BG30" s="104">
        <v>154573</v>
      </c>
      <c r="BH30" s="102">
        <v>178348</v>
      </c>
      <c r="BI30" s="101">
        <v>0</v>
      </c>
      <c r="BJ30" s="104">
        <v>109076</v>
      </c>
      <c r="BK30" s="104">
        <v>428073</v>
      </c>
      <c r="BL30" s="104">
        <v>277244</v>
      </c>
      <c r="BM30" s="104">
        <v>179226</v>
      </c>
      <c r="BN30" s="104">
        <v>149088</v>
      </c>
      <c r="BO30" s="103">
        <v>1142707</v>
      </c>
      <c r="BP30" s="106">
        <v>1321055</v>
      </c>
      <c r="BQ30" s="100">
        <v>136240</v>
      </c>
      <c r="BR30" s="104">
        <v>138073</v>
      </c>
      <c r="BS30" s="103">
        <v>274313</v>
      </c>
      <c r="BT30" s="100">
        <v>0</v>
      </c>
      <c r="BU30" s="104">
        <v>896462</v>
      </c>
      <c r="BV30" s="104">
        <v>841313</v>
      </c>
      <c r="BW30" s="104">
        <v>909946</v>
      </c>
      <c r="BX30" s="104">
        <v>1095695</v>
      </c>
      <c r="BY30" s="104">
        <v>707337</v>
      </c>
      <c r="BZ30" s="103">
        <v>4450753</v>
      </c>
      <c r="CA30" s="106">
        <v>4725066</v>
      </c>
      <c r="CB30" s="100">
        <v>342375</v>
      </c>
      <c r="CC30" s="104">
        <v>644161</v>
      </c>
      <c r="CD30" s="103">
        <v>986536</v>
      </c>
      <c r="CE30" s="100">
        <v>0</v>
      </c>
      <c r="CF30" s="104">
        <v>10818304</v>
      </c>
      <c r="CG30" s="104">
        <v>11078692</v>
      </c>
      <c r="CH30" s="104">
        <v>8839089</v>
      </c>
      <c r="CI30" s="104">
        <v>6808717</v>
      </c>
      <c r="CJ30" s="104">
        <v>1435843</v>
      </c>
      <c r="CK30" s="103">
        <v>38980645</v>
      </c>
      <c r="CL30" s="106">
        <v>39967181</v>
      </c>
      <c r="CM30" s="100">
        <v>0</v>
      </c>
      <c r="CN30" s="104">
        <v>0</v>
      </c>
      <c r="CO30" s="103">
        <v>0</v>
      </c>
      <c r="CP30" s="101">
        <v>0</v>
      </c>
      <c r="CQ30" s="104">
        <v>8640029</v>
      </c>
      <c r="CR30" s="104">
        <v>7032991</v>
      </c>
      <c r="CS30" s="104">
        <v>6851992</v>
      </c>
      <c r="CT30" s="104">
        <v>5072405</v>
      </c>
      <c r="CU30" s="104">
        <v>948159</v>
      </c>
      <c r="CV30" s="103">
        <v>28545576</v>
      </c>
      <c r="CW30" s="106">
        <v>28545576</v>
      </c>
      <c r="CX30" s="100">
        <v>342375</v>
      </c>
      <c r="CY30" s="104">
        <v>644161</v>
      </c>
      <c r="CZ30" s="103">
        <v>986536</v>
      </c>
      <c r="DA30" s="100">
        <v>0</v>
      </c>
      <c r="DB30" s="104">
        <v>2178275</v>
      </c>
      <c r="DC30" s="104">
        <v>4045701</v>
      </c>
      <c r="DD30" s="104">
        <v>1987097</v>
      </c>
      <c r="DE30" s="104">
        <v>1736312</v>
      </c>
      <c r="DF30" s="104">
        <v>487684</v>
      </c>
      <c r="DG30" s="103">
        <v>10435069</v>
      </c>
      <c r="DH30" s="106">
        <v>11421605</v>
      </c>
      <c r="DI30" s="100">
        <v>0</v>
      </c>
      <c r="DJ30" s="104">
        <v>0</v>
      </c>
      <c r="DK30" s="102">
        <v>0</v>
      </c>
      <c r="DL30" s="101">
        <v>0</v>
      </c>
      <c r="DM30" s="104">
        <v>1097188</v>
      </c>
      <c r="DN30" s="104">
        <v>1889882</v>
      </c>
      <c r="DO30" s="104">
        <v>2730336</v>
      </c>
      <c r="DP30" s="104">
        <v>2086875</v>
      </c>
      <c r="DQ30" s="104">
        <v>695994</v>
      </c>
      <c r="DR30" s="103">
        <v>8500275</v>
      </c>
      <c r="DS30" s="106">
        <v>8500275</v>
      </c>
      <c r="DT30" s="100">
        <v>0</v>
      </c>
      <c r="DU30" s="104">
        <v>0</v>
      </c>
      <c r="DV30" s="103">
        <v>0</v>
      </c>
      <c r="DW30" s="100">
        <v>0</v>
      </c>
      <c r="DX30" s="104">
        <v>955842</v>
      </c>
      <c r="DY30" s="104">
        <v>1463260</v>
      </c>
      <c r="DZ30" s="104">
        <v>2677670</v>
      </c>
      <c r="EA30" s="104">
        <v>1561073</v>
      </c>
      <c r="EB30" s="104">
        <v>222741</v>
      </c>
      <c r="EC30" s="103">
        <v>6880586</v>
      </c>
      <c r="ED30" s="106">
        <v>6880586</v>
      </c>
      <c r="EE30" s="100">
        <v>0</v>
      </c>
      <c r="EF30" s="102">
        <v>0</v>
      </c>
      <c r="EG30" s="103">
        <v>0</v>
      </c>
      <c r="EH30" s="100">
        <v>0</v>
      </c>
      <c r="EI30" s="104">
        <v>141346</v>
      </c>
      <c r="EJ30" s="104">
        <v>426622</v>
      </c>
      <c r="EK30" s="104">
        <v>52666</v>
      </c>
      <c r="EL30" s="104">
        <v>525802</v>
      </c>
      <c r="EM30" s="104">
        <v>473253</v>
      </c>
      <c r="EN30" s="102">
        <v>1619689</v>
      </c>
      <c r="EO30" s="106">
        <v>1619689</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522614</v>
      </c>
      <c r="FM30" s="104">
        <v>1173971</v>
      </c>
      <c r="FN30" s="103">
        <v>1696585</v>
      </c>
      <c r="FO30" s="100">
        <v>0</v>
      </c>
      <c r="FP30" s="104">
        <v>1282403</v>
      </c>
      <c r="FQ30" s="104">
        <v>3277986</v>
      </c>
      <c r="FR30" s="104">
        <v>2160514</v>
      </c>
      <c r="FS30" s="104">
        <v>2061803</v>
      </c>
      <c r="FT30" s="104">
        <v>1111875</v>
      </c>
      <c r="FU30" s="103">
        <v>9894581</v>
      </c>
      <c r="FV30" s="106">
        <v>11591166</v>
      </c>
      <c r="FW30" s="105">
        <v>402014</v>
      </c>
      <c r="FX30" s="104">
        <v>870671</v>
      </c>
      <c r="FY30" s="102">
        <v>1272685</v>
      </c>
      <c r="FZ30" s="101">
        <v>0</v>
      </c>
      <c r="GA30" s="104">
        <v>978563</v>
      </c>
      <c r="GB30" s="104">
        <v>3179796</v>
      </c>
      <c r="GC30" s="104">
        <v>2070343</v>
      </c>
      <c r="GD30" s="104">
        <v>2061803</v>
      </c>
      <c r="GE30" s="104">
        <v>1028220</v>
      </c>
      <c r="GF30" s="103">
        <v>9318725</v>
      </c>
      <c r="GG30" s="296">
        <v>10591410</v>
      </c>
      <c r="GH30" s="105">
        <v>0</v>
      </c>
      <c r="GI30" s="104">
        <v>16200</v>
      </c>
      <c r="GJ30" s="102">
        <v>16200</v>
      </c>
      <c r="GK30" s="101">
        <v>0</v>
      </c>
      <c r="GL30" s="104">
        <v>116550</v>
      </c>
      <c r="GM30" s="104">
        <v>40590</v>
      </c>
      <c r="GN30" s="104">
        <v>65601</v>
      </c>
      <c r="GO30" s="104">
        <v>0</v>
      </c>
      <c r="GP30" s="104">
        <v>24255</v>
      </c>
      <c r="GQ30" s="103">
        <v>246996</v>
      </c>
      <c r="GR30" s="106">
        <v>263196</v>
      </c>
      <c r="GS30" s="100">
        <v>120600</v>
      </c>
      <c r="GT30" s="104">
        <v>287100</v>
      </c>
      <c r="GU30" s="103">
        <v>407700</v>
      </c>
      <c r="GV30" s="100">
        <v>0</v>
      </c>
      <c r="GW30" s="104">
        <v>187290</v>
      </c>
      <c r="GX30" s="104">
        <v>57600</v>
      </c>
      <c r="GY30" s="104">
        <v>24570</v>
      </c>
      <c r="GZ30" s="104">
        <v>0</v>
      </c>
      <c r="HA30" s="104">
        <v>59400</v>
      </c>
      <c r="HB30" s="102">
        <v>328860</v>
      </c>
      <c r="HC30" s="106">
        <v>736560</v>
      </c>
      <c r="HD30" s="100">
        <v>351278</v>
      </c>
      <c r="HE30" s="104">
        <v>299501</v>
      </c>
      <c r="HF30" s="102">
        <v>650779</v>
      </c>
      <c r="HG30" s="101">
        <v>0</v>
      </c>
      <c r="HH30" s="104">
        <v>3067245</v>
      </c>
      <c r="HI30" s="104">
        <v>1752694</v>
      </c>
      <c r="HJ30" s="104">
        <v>2909778</v>
      </c>
      <c r="HK30" s="104">
        <v>5088134</v>
      </c>
      <c r="HL30" s="104">
        <v>3105140</v>
      </c>
      <c r="HM30" s="103">
        <v>15922991</v>
      </c>
      <c r="HN30" s="99">
        <v>16573770</v>
      </c>
      <c r="HO30" s="105">
        <v>454800</v>
      </c>
      <c r="HP30" s="104">
        <v>794110</v>
      </c>
      <c r="HQ30" s="103">
        <v>1248910</v>
      </c>
      <c r="HR30" s="100">
        <v>0</v>
      </c>
      <c r="HS30" s="104">
        <v>4819370</v>
      </c>
      <c r="HT30" s="104">
        <v>3877563</v>
      </c>
      <c r="HU30" s="104">
        <v>2711143</v>
      </c>
      <c r="HV30" s="104">
        <v>2049953</v>
      </c>
      <c r="HW30" s="104">
        <v>865943</v>
      </c>
      <c r="HX30" s="102">
        <v>14323972</v>
      </c>
      <c r="HY30" s="106">
        <v>15572882</v>
      </c>
      <c r="HZ30" s="137">
        <v>87720</v>
      </c>
      <c r="IA30" s="122">
        <v>0</v>
      </c>
      <c r="IB30" s="137">
        <v>87720</v>
      </c>
      <c r="IC30" s="121">
        <v>0</v>
      </c>
      <c r="ID30" s="122">
        <v>7673592</v>
      </c>
      <c r="IE30" s="123">
        <v>4941977</v>
      </c>
      <c r="IF30" s="124">
        <v>4439626</v>
      </c>
      <c r="IG30" s="122">
        <v>3291618</v>
      </c>
      <c r="IH30" s="124">
        <v>366370</v>
      </c>
      <c r="II30" s="125">
        <v>20713183</v>
      </c>
      <c r="IJ30" s="137">
        <v>20800903</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4801170</v>
      </c>
      <c r="JL30" s="109">
        <v>1966154</v>
      </c>
      <c r="JM30" s="109">
        <v>1418720</v>
      </c>
      <c r="JN30" s="109">
        <v>459770</v>
      </c>
      <c r="JO30" s="109">
        <v>68082</v>
      </c>
      <c r="JP30" s="110">
        <v>8713896</v>
      </c>
      <c r="JQ30" s="298">
        <v>8713896</v>
      </c>
      <c r="JR30" s="129">
        <v>0</v>
      </c>
      <c r="JS30" s="109">
        <v>0</v>
      </c>
      <c r="JT30" s="128">
        <v>0</v>
      </c>
      <c r="JU30" s="108">
        <v>0</v>
      </c>
      <c r="JV30" s="109">
        <v>0</v>
      </c>
      <c r="JW30" s="109">
        <v>0</v>
      </c>
      <c r="JX30" s="109">
        <v>0</v>
      </c>
      <c r="JY30" s="109">
        <v>0</v>
      </c>
      <c r="JZ30" s="109">
        <v>0</v>
      </c>
      <c r="KA30" s="110">
        <v>0</v>
      </c>
      <c r="KB30" s="298">
        <v>0</v>
      </c>
      <c r="KC30" s="221">
        <v>87720</v>
      </c>
      <c r="KD30" s="217">
        <v>0</v>
      </c>
      <c r="KE30" s="110">
        <v>87720</v>
      </c>
      <c r="KF30" s="108">
        <v>0</v>
      </c>
      <c r="KG30" s="109">
        <v>311955</v>
      </c>
      <c r="KH30" s="109">
        <v>1056875</v>
      </c>
      <c r="KI30" s="109">
        <v>495608</v>
      </c>
      <c r="KJ30" s="109">
        <v>820108</v>
      </c>
      <c r="KK30" s="109">
        <v>0</v>
      </c>
      <c r="KL30" s="110">
        <v>2684546</v>
      </c>
      <c r="KM30" s="130">
        <v>2772266</v>
      </c>
      <c r="KN30" s="219">
        <v>0</v>
      </c>
      <c r="KO30" s="223">
        <v>0</v>
      </c>
      <c r="KP30" s="224">
        <v>0</v>
      </c>
      <c r="KQ30" s="127"/>
      <c r="KR30" s="109">
        <v>2560467</v>
      </c>
      <c r="KS30" s="109">
        <v>1918948</v>
      </c>
      <c r="KT30" s="109">
        <v>2525298</v>
      </c>
      <c r="KU30" s="109">
        <v>2011740</v>
      </c>
      <c r="KV30" s="109">
        <v>298288</v>
      </c>
      <c r="KW30" s="110">
        <v>9314741</v>
      </c>
      <c r="KX30" s="298">
        <v>9314741</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3213024</v>
      </c>
      <c r="MK30" s="109">
        <v>6258753</v>
      </c>
      <c r="ML30" s="109">
        <v>21387323</v>
      </c>
      <c r="MM30" s="109">
        <v>36097153</v>
      </c>
      <c r="MN30" s="109">
        <v>25741771</v>
      </c>
      <c r="MO30" s="110">
        <v>92698024</v>
      </c>
      <c r="MP30" s="130">
        <v>92698024</v>
      </c>
      <c r="MQ30" s="129">
        <v>0</v>
      </c>
      <c r="MR30" s="109">
        <v>0</v>
      </c>
      <c r="MS30" s="110">
        <v>0</v>
      </c>
      <c r="MT30" s="132"/>
      <c r="MU30" s="109">
        <v>212569</v>
      </c>
      <c r="MV30" s="109">
        <v>1190475</v>
      </c>
      <c r="MW30" s="109">
        <v>15967661</v>
      </c>
      <c r="MX30" s="109">
        <v>19798408</v>
      </c>
      <c r="MY30" s="109">
        <v>17257133</v>
      </c>
      <c r="MZ30" s="110">
        <v>54426246</v>
      </c>
      <c r="NA30" s="130">
        <v>54426246</v>
      </c>
      <c r="NB30" s="129">
        <v>0</v>
      </c>
      <c r="NC30" s="109">
        <v>0</v>
      </c>
      <c r="ND30" s="110">
        <v>0</v>
      </c>
      <c r="NE30" s="132"/>
      <c r="NF30" s="109">
        <v>3000455</v>
      </c>
      <c r="NG30" s="109">
        <v>5068278</v>
      </c>
      <c r="NH30" s="109">
        <v>5419662</v>
      </c>
      <c r="NI30" s="109">
        <v>16298745</v>
      </c>
      <c r="NJ30" s="109">
        <v>6763861</v>
      </c>
      <c r="NK30" s="110">
        <v>36551001</v>
      </c>
      <c r="NL30" s="298">
        <v>36551001</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1720777</v>
      </c>
      <c r="OG30" s="110">
        <v>1720777</v>
      </c>
      <c r="OH30" s="111">
        <v>1720777</v>
      </c>
      <c r="OI30" s="129">
        <v>2347845</v>
      </c>
      <c r="OJ30" s="109">
        <v>4504864</v>
      </c>
      <c r="OK30" s="128">
        <v>6852709</v>
      </c>
      <c r="OL30" s="108">
        <v>0</v>
      </c>
      <c r="OM30" s="109">
        <v>40068491</v>
      </c>
      <c r="ON30" s="109">
        <v>43232874</v>
      </c>
      <c r="OO30" s="109">
        <v>54954759</v>
      </c>
      <c r="OP30" s="109">
        <v>67654679</v>
      </c>
      <c r="OQ30" s="109">
        <v>42891338</v>
      </c>
      <c r="OR30" s="110">
        <v>248802141</v>
      </c>
      <c r="OS30" s="130">
        <v>255654850</v>
      </c>
    </row>
    <row r="31" spans="2:409" ht="21" customHeight="1" x14ac:dyDescent="0.2">
      <c r="B31" s="472" t="s">
        <v>26</v>
      </c>
      <c r="C31" s="100">
        <v>1901679</v>
      </c>
      <c r="D31" s="104">
        <v>2715192</v>
      </c>
      <c r="E31" s="103">
        <v>4616871</v>
      </c>
      <c r="F31" s="99">
        <v>0</v>
      </c>
      <c r="G31" s="104">
        <v>24556557</v>
      </c>
      <c r="H31" s="104">
        <v>27562584</v>
      </c>
      <c r="I31" s="104">
        <v>27748474</v>
      </c>
      <c r="J31" s="104">
        <v>17695806</v>
      </c>
      <c r="K31" s="104">
        <v>18727687</v>
      </c>
      <c r="L31" s="160">
        <v>116291108</v>
      </c>
      <c r="M31" s="106">
        <v>120907979</v>
      </c>
      <c r="N31" s="100">
        <v>347039</v>
      </c>
      <c r="O31" s="104">
        <v>790477</v>
      </c>
      <c r="P31" s="103">
        <v>1137516</v>
      </c>
      <c r="Q31" s="100">
        <v>0</v>
      </c>
      <c r="R31" s="104">
        <v>6292468</v>
      </c>
      <c r="S31" s="104">
        <v>7679464</v>
      </c>
      <c r="T31" s="104">
        <v>9145853</v>
      </c>
      <c r="U31" s="104">
        <v>7271021</v>
      </c>
      <c r="V31" s="104">
        <v>10240972</v>
      </c>
      <c r="W31" s="103">
        <v>40629778</v>
      </c>
      <c r="X31" s="106">
        <v>41767294</v>
      </c>
      <c r="Y31" s="100">
        <v>0</v>
      </c>
      <c r="Z31" s="104">
        <v>0</v>
      </c>
      <c r="AA31" s="103">
        <v>0</v>
      </c>
      <c r="AB31" s="100">
        <v>0</v>
      </c>
      <c r="AC31" s="104">
        <v>3291189</v>
      </c>
      <c r="AD31" s="104">
        <v>3906144</v>
      </c>
      <c r="AE31" s="104">
        <v>5226938</v>
      </c>
      <c r="AF31" s="104">
        <v>4377220</v>
      </c>
      <c r="AG31" s="104">
        <v>6095165</v>
      </c>
      <c r="AH31" s="103">
        <v>22896656</v>
      </c>
      <c r="AI31" s="106">
        <v>22896656</v>
      </c>
      <c r="AJ31" s="100">
        <v>0</v>
      </c>
      <c r="AK31" s="104">
        <v>0</v>
      </c>
      <c r="AL31" s="103">
        <v>0</v>
      </c>
      <c r="AM31" s="100">
        <v>0</v>
      </c>
      <c r="AN31" s="104">
        <v>0</v>
      </c>
      <c r="AO31" s="104">
        <v>0</v>
      </c>
      <c r="AP31" s="104">
        <v>131526</v>
      </c>
      <c r="AQ31" s="104">
        <v>581398</v>
      </c>
      <c r="AR31" s="104">
        <v>1204640</v>
      </c>
      <c r="AS31" s="103">
        <v>1917564</v>
      </c>
      <c r="AT31" s="106">
        <v>1917564</v>
      </c>
      <c r="AU31" s="100">
        <v>165325</v>
      </c>
      <c r="AV31" s="104">
        <v>633493</v>
      </c>
      <c r="AW31" s="103">
        <v>798818</v>
      </c>
      <c r="AX31" s="100">
        <v>0</v>
      </c>
      <c r="AY31" s="104">
        <v>2287126</v>
      </c>
      <c r="AZ31" s="104">
        <v>2695471</v>
      </c>
      <c r="BA31" s="104">
        <v>2365575</v>
      </c>
      <c r="BB31" s="104">
        <v>1537257</v>
      </c>
      <c r="BC31" s="104">
        <v>2313854</v>
      </c>
      <c r="BD31" s="103">
        <v>11199283</v>
      </c>
      <c r="BE31" s="106">
        <v>11998101</v>
      </c>
      <c r="BF31" s="100">
        <v>35321</v>
      </c>
      <c r="BG31" s="104">
        <v>61108</v>
      </c>
      <c r="BH31" s="102">
        <v>96429</v>
      </c>
      <c r="BI31" s="101">
        <v>0</v>
      </c>
      <c r="BJ31" s="104">
        <v>0</v>
      </c>
      <c r="BK31" s="104">
        <v>186435</v>
      </c>
      <c r="BL31" s="104">
        <v>307846</v>
      </c>
      <c r="BM31" s="104">
        <v>50416</v>
      </c>
      <c r="BN31" s="104">
        <v>125374</v>
      </c>
      <c r="BO31" s="103">
        <v>670071</v>
      </c>
      <c r="BP31" s="106">
        <v>766500</v>
      </c>
      <c r="BQ31" s="100">
        <v>146393</v>
      </c>
      <c r="BR31" s="104">
        <v>95876</v>
      </c>
      <c r="BS31" s="103">
        <v>242269</v>
      </c>
      <c r="BT31" s="100">
        <v>0</v>
      </c>
      <c r="BU31" s="104">
        <v>714153</v>
      </c>
      <c r="BV31" s="104">
        <v>891414</v>
      </c>
      <c r="BW31" s="104">
        <v>1113968</v>
      </c>
      <c r="BX31" s="104">
        <v>724730</v>
      </c>
      <c r="BY31" s="104">
        <v>501939</v>
      </c>
      <c r="BZ31" s="103">
        <v>3946204</v>
      </c>
      <c r="CA31" s="106">
        <v>4188473</v>
      </c>
      <c r="CB31" s="100">
        <v>113829</v>
      </c>
      <c r="CC31" s="104">
        <v>211835</v>
      </c>
      <c r="CD31" s="103">
        <v>325664</v>
      </c>
      <c r="CE31" s="100">
        <v>0</v>
      </c>
      <c r="CF31" s="104">
        <v>7184736</v>
      </c>
      <c r="CG31" s="104">
        <v>8010928</v>
      </c>
      <c r="CH31" s="104">
        <v>5672719</v>
      </c>
      <c r="CI31" s="104">
        <v>3132182</v>
      </c>
      <c r="CJ31" s="104">
        <v>1972979</v>
      </c>
      <c r="CK31" s="103">
        <v>25973544</v>
      </c>
      <c r="CL31" s="106">
        <v>26299208</v>
      </c>
      <c r="CM31" s="100">
        <v>0</v>
      </c>
      <c r="CN31" s="104">
        <v>0</v>
      </c>
      <c r="CO31" s="103">
        <v>0</v>
      </c>
      <c r="CP31" s="101">
        <v>0</v>
      </c>
      <c r="CQ31" s="104">
        <v>6208001</v>
      </c>
      <c r="CR31" s="104">
        <v>6200511</v>
      </c>
      <c r="CS31" s="104">
        <v>4513929</v>
      </c>
      <c r="CT31" s="104">
        <v>2431409</v>
      </c>
      <c r="CU31" s="104">
        <v>1485272</v>
      </c>
      <c r="CV31" s="103">
        <v>20839122</v>
      </c>
      <c r="CW31" s="106">
        <v>20839122</v>
      </c>
      <c r="CX31" s="100">
        <v>113829</v>
      </c>
      <c r="CY31" s="104">
        <v>211835</v>
      </c>
      <c r="CZ31" s="103">
        <v>325664</v>
      </c>
      <c r="DA31" s="100">
        <v>0</v>
      </c>
      <c r="DB31" s="104">
        <v>976735</v>
      </c>
      <c r="DC31" s="104">
        <v>1810417</v>
      </c>
      <c r="DD31" s="104">
        <v>1158790</v>
      </c>
      <c r="DE31" s="104">
        <v>700773</v>
      </c>
      <c r="DF31" s="104">
        <v>487707</v>
      </c>
      <c r="DG31" s="103">
        <v>5134422</v>
      </c>
      <c r="DH31" s="106">
        <v>5460086</v>
      </c>
      <c r="DI31" s="100">
        <v>0</v>
      </c>
      <c r="DJ31" s="104">
        <v>0</v>
      </c>
      <c r="DK31" s="102">
        <v>0</v>
      </c>
      <c r="DL31" s="101">
        <v>0</v>
      </c>
      <c r="DM31" s="104">
        <v>1141828</v>
      </c>
      <c r="DN31" s="104">
        <v>1520997</v>
      </c>
      <c r="DO31" s="104">
        <v>2659965</v>
      </c>
      <c r="DP31" s="104">
        <v>1547771</v>
      </c>
      <c r="DQ31" s="104">
        <v>1372907</v>
      </c>
      <c r="DR31" s="103">
        <v>8243468</v>
      </c>
      <c r="DS31" s="106">
        <v>8243468</v>
      </c>
      <c r="DT31" s="100">
        <v>0</v>
      </c>
      <c r="DU31" s="104">
        <v>0</v>
      </c>
      <c r="DV31" s="103">
        <v>0</v>
      </c>
      <c r="DW31" s="100">
        <v>0</v>
      </c>
      <c r="DX31" s="104">
        <v>957817</v>
      </c>
      <c r="DY31" s="104">
        <v>1351669</v>
      </c>
      <c r="DZ31" s="104">
        <v>2478750</v>
      </c>
      <c r="EA31" s="104">
        <v>1304236</v>
      </c>
      <c r="EB31" s="104">
        <v>1372907</v>
      </c>
      <c r="EC31" s="103">
        <v>7465379</v>
      </c>
      <c r="ED31" s="106">
        <v>7465379</v>
      </c>
      <c r="EE31" s="100">
        <v>0</v>
      </c>
      <c r="EF31" s="102">
        <v>0</v>
      </c>
      <c r="EG31" s="103">
        <v>0</v>
      </c>
      <c r="EH31" s="100">
        <v>0</v>
      </c>
      <c r="EI31" s="104">
        <v>184011</v>
      </c>
      <c r="EJ31" s="104">
        <v>169328</v>
      </c>
      <c r="EK31" s="104">
        <v>181215</v>
      </c>
      <c r="EL31" s="104">
        <v>243535</v>
      </c>
      <c r="EM31" s="104">
        <v>0</v>
      </c>
      <c r="EN31" s="102">
        <v>778089</v>
      </c>
      <c r="EO31" s="106">
        <v>778089</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662526</v>
      </c>
      <c r="FM31" s="104">
        <v>710116</v>
      </c>
      <c r="FN31" s="103">
        <v>1372642</v>
      </c>
      <c r="FO31" s="100">
        <v>0</v>
      </c>
      <c r="FP31" s="104">
        <v>1430749</v>
      </c>
      <c r="FQ31" s="104">
        <v>2829654</v>
      </c>
      <c r="FR31" s="104">
        <v>1741625</v>
      </c>
      <c r="FS31" s="104">
        <v>1637522</v>
      </c>
      <c r="FT31" s="104">
        <v>1609563</v>
      </c>
      <c r="FU31" s="103">
        <v>9249113</v>
      </c>
      <c r="FV31" s="106">
        <v>10621755</v>
      </c>
      <c r="FW31" s="105">
        <v>320976</v>
      </c>
      <c r="FX31" s="104">
        <v>523303</v>
      </c>
      <c r="FY31" s="102">
        <v>844279</v>
      </c>
      <c r="FZ31" s="101">
        <v>0</v>
      </c>
      <c r="GA31" s="104">
        <v>1139571</v>
      </c>
      <c r="GB31" s="104">
        <v>2231334</v>
      </c>
      <c r="GC31" s="104">
        <v>1692175</v>
      </c>
      <c r="GD31" s="104">
        <v>1625642</v>
      </c>
      <c r="GE31" s="104">
        <v>1609563</v>
      </c>
      <c r="GF31" s="103">
        <v>8298285</v>
      </c>
      <c r="GG31" s="296">
        <v>9142564</v>
      </c>
      <c r="GH31" s="105">
        <v>0</v>
      </c>
      <c r="GI31" s="104">
        <v>20988</v>
      </c>
      <c r="GJ31" s="102">
        <v>20988</v>
      </c>
      <c r="GK31" s="101">
        <v>0</v>
      </c>
      <c r="GL31" s="104">
        <v>84268</v>
      </c>
      <c r="GM31" s="104">
        <v>46530</v>
      </c>
      <c r="GN31" s="104">
        <v>49450</v>
      </c>
      <c r="GO31" s="104">
        <v>11880</v>
      </c>
      <c r="GP31" s="104">
        <v>0</v>
      </c>
      <c r="GQ31" s="103">
        <v>192128</v>
      </c>
      <c r="GR31" s="106">
        <v>213116</v>
      </c>
      <c r="GS31" s="100">
        <v>341550</v>
      </c>
      <c r="GT31" s="104">
        <v>165825</v>
      </c>
      <c r="GU31" s="103">
        <v>507375</v>
      </c>
      <c r="GV31" s="100">
        <v>0</v>
      </c>
      <c r="GW31" s="104">
        <v>206910</v>
      </c>
      <c r="GX31" s="104">
        <v>551790</v>
      </c>
      <c r="GY31" s="104">
        <v>0</v>
      </c>
      <c r="GZ31" s="104">
        <v>0</v>
      </c>
      <c r="HA31" s="104">
        <v>0</v>
      </c>
      <c r="HB31" s="102">
        <v>758700</v>
      </c>
      <c r="HC31" s="106">
        <v>1266075</v>
      </c>
      <c r="HD31" s="100">
        <v>466312</v>
      </c>
      <c r="HE31" s="104">
        <v>496963</v>
      </c>
      <c r="HF31" s="102">
        <v>963275</v>
      </c>
      <c r="HG31" s="101">
        <v>0</v>
      </c>
      <c r="HH31" s="104">
        <v>4026864</v>
      </c>
      <c r="HI31" s="104">
        <v>3911754</v>
      </c>
      <c r="HJ31" s="104">
        <v>5687570</v>
      </c>
      <c r="HK31" s="104">
        <v>2541274</v>
      </c>
      <c r="HL31" s="104">
        <v>2263961</v>
      </c>
      <c r="HM31" s="103">
        <v>18431423</v>
      </c>
      <c r="HN31" s="99">
        <v>19394698</v>
      </c>
      <c r="HO31" s="105">
        <v>311973</v>
      </c>
      <c r="HP31" s="104">
        <v>505801</v>
      </c>
      <c r="HQ31" s="103">
        <v>817774</v>
      </c>
      <c r="HR31" s="100">
        <v>0</v>
      </c>
      <c r="HS31" s="104">
        <v>4479912</v>
      </c>
      <c r="HT31" s="104">
        <v>3609787</v>
      </c>
      <c r="HU31" s="104">
        <v>2840742</v>
      </c>
      <c r="HV31" s="104">
        <v>1566036</v>
      </c>
      <c r="HW31" s="104">
        <v>1267305</v>
      </c>
      <c r="HX31" s="102">
        <v>13763782</v>
      </c>
      <c r="HY31" s="106">
        <v>14581556</v>
      </c>
      <c r="HZ31" s="118">
        <v>0</v>
      </c>
      <c r="IA31" s="119">
        <v>91695</v>
      </c>
      <c r="IB31" s="120">
        <v>91695</v>
      </c>
      <c r="IC31" s="133">
        <v>0</v>
      </c>
      <c r="ID31" s="119">
        <v>4625772</v>
      </c>
      <c r="IE31" s="134">
        <v>7913751</v>
      </c>
      <c r="IF31" s="120">
        <v>10196373</v>
      </c>
      <c r="IG31" s="119">
        <v>4211818</v>
      </c>
      <c r="IH31" s="120">
        <v>1667134</v>
      </c>
      <c r="II31" s="135">
        <v>28614848</v>
      </c>
      <c r="IJ31" s="126">
        <v>28706543</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2202990</v>
      </c>
      <c r="JL31" s="109">
        <v>2872360</v>
      </c>
      <c r="JM31" s="109">
        <v>2575011</v>
      </c>
      <c r="JN31" s="109">
        <v>866505</v>
      </c>
      <c r="JO31" s="109">
        <v>607948</v>
      </c>
      <c r="JP31" s="110">
        <v>9124814</v>
      </c>
      <c r="JQ31" s="298">
        <v>9124814</v>
      </c>
      <c r="JR31" s="129">
        <v>0</v>
      </c>
      <c r="JS31" s="109">
        <v>0</v>
      </c>
      <c r="JT31" s="128">
        <v>0</v>
      </c>
      <c r="JU31" s="108">
        <v>0</v>
      </c>
      <c r="JV31" s="109">
        <v>0</v>
      </c>
      <c r="JW31" s="109">
        <v>361615</v>
      </c>
      <c r="JX31" s="109">
        <v>765186</v>
      </c>
      <c r="JY31" s="109">
        <v>345233</v>
      </c>
      <c r="JZ31" s="109">
        <v>183494</v>
      </c>
      <c r="KA31" s="110">
        <v>1655528</v>
      </c>
      <c r="KB31" s="298">
        <v>1655528</v>
      </c>
      <c r="KC31" s="221">
        <v>0</v>
      </c>
      <c r="KD31" s="217">
        <v>91695</v>
      </c>
      <c r="KE31" s="110">
        <v>91695</v>
      </c>
      <c r="KF31" s="108">
        <v>0</v>
      </c>
      <c r="KG31" s="109">
        <v>691905</v>
      </c>
      <c r="KH31" s="109">
        <v>775375</v>
      </c>
      <c r="KI31" s="109">
        <v>1604369</v>
      </c>
      <c r="KJ31" s="109">
        <v>295653</v>
      </c>
      <c r="KK31" s="109">
        <v>574935</v>
      </c>
      <c r="KL31" s="110">
        <v>3942237</v>
      </c>
      <c r="KM31" s="130">
        <v>4033932</v>
      </c>
      <c r="KN31" s="219">
        <v>0</v>
      </c>
      <c r="KO31" s="223">
        <v>0</v>
      </c>
      <c r="KP31" s="224">
        <v>0</v>
      </c>
      <c r="KQ31" s="127"/>
      <c r="KR31" s="109">
        <v>1730877</v>
      </c>
      <c r="KS31" s="109">
        <v>3904401</v>
      </c>
      <c r="KT31" s="109">
        <v>5251807</v>
      </c>
      <c r="KU31" s="109">
        <v>2704427</v>
      </c>
      <c r="KV31" s="109">
        <v>300757</v>
      </c>
      <c r="KW31" s="110">
        <v>13892269</v>
      </c>
      <c r="KX31" s="298">
        <v>13892269</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1825753</v>
      </c>
      <c r="MK31" s="109">
        <v>8590910</v>
      </c>
      <c r="ML31" s="109">
        <v>15633956</v>
      </c>
      <c r="MM31" s="109">
        <v>24499726</v>
      </c>
      <c r="MN31" s="109">
        <v>20488030</v>
      </c>
      <c r="MO31" s="110">
        <v>71038375</v>
      </c>
      <c r="MP31" s="130">
        <v>71038375</v>
      </c>
      <c r="MQ31" s="129">
        <v>0</v>
      </c>
      <c r="MR31" s="109">
        <v>0</v>
      </c>
      <c r="MS31" s="110">
        <v>0</v>
      </c>
      <c r="MT31" s="132"/>
      <c r="MU31" s="109">
        <v>245959</v>
      </c>
      <c r="MV31" s="109">
        <v>1477771</v>
      </c>
      <c r="MW31" s="109">
        <v>9426952</v>
      </c>
      <c r="MX31" s="109">
        <v>18892747</v>
      </c>
      <c r="MY31" s="109">
        <v>14647923</v>
      </c>
      <c r="MZ31" s="110">
        <v>44691352</v>
      </c>
      <c r="NA31" s="130">
        <v>44691352</v>
      </c>
      <c r="NB31" s="129">
        <v>0</v>
      </c>
      <c r="NC31" s="109">
        <v>0</v>
      </c>
      <c r="ND31" s="110">
        <v>0</v>
      </c>
      <c r="NE31" s="132"/>
      <c r="NF31" s="109">
        <v>1579794</v>
      </c>
      <c r="NG31" s="109">
        <v>7113139</v>
      </c>
      <c r="NH31" s="109">
        <v>5846058</v>
      </c>
      <c r="NI31" s="109">
        <v>5606979</v>
      </c>
      <c r="NJ31" s="109">
        <v>4952641</v>
      </c>
      <c r="NK31" s="110">
        <v>25098611</v>
      </c>
      <c r="NL31" s="298">
        <v>25098611</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360946</v>
      </c>
      <c r="OE31" s="109">
        <v>0</v>
      </c>
      <c r="OF31" s="109">
        <v>887466</v>
      </c>
      <c r="OG31" s="110">
        <v>1248412</v>
      </c>
      <c r="OH31" s="111">
        <v>1248412</v>
      </c>
      <c r="OI31" s="129">
        <v>1901679</v>
      </c>
      <c r="OJ31" s="109">
        <v>2806887</v>
      </c>
      <c r="OK31" s="128">
        <v>4708566</v>
      </c>
      <c r="OL31" s="108">
        <v>0</v>
      </c>
      <c r="OM31" s="109">
        <v>31008082</v>
      </c>
      <c r="ON31" s="109">
        <v>44067245</v>
      </c>
      <c r="OO31" s="109">
        <v>53578803</v>
      </c>
      <c r="OP31" s="109">
        <v>46407350</v>
      </c>
      <c r="OQ31" s="109">
        <v>40882851</v>
      </c>
      <c r="OR31" s="110">
        <v>215944331</v>
      </c>
      <c r="OS31" s="130">
        <v>220652897</v>
      </c>
    </row>
    <row r="32" spans="2:409" ht="21" customHeight="1" x14ac:dyDescent="0.2">
      <c r="B32" s="472" t="s">
        <v>27</v>
      </c>
      <c r="C32" s="100">
        <v>2586433</v>
      </c>
      <c r="D32" s="104">
        <v>5920803</v>
      </c>
      <c r="E32" s="103">
        <v>8507236</v>
      </c>
      <c r="F32" s="99">
        <v>0</v>
      </c>
      <c r="G32" s="104">
        <v>24492072</v>
      </c>
      <c r="H32" s="104">
        <v>24436307</v>
      </c>
      <c r="I32" s="104">
        <v>20339095</v>
      </c>
      <c r="J32" s="104">
        <v>23369134</v>
      </c>
      <c r="K32" s="104">
        <v>16507300</v>
      </c>
      <c r="L32" s="160">
        <v>109143908</v>
      </c>
      <c r="M32" s="106">
        <v>117651144</v>
      </c>
      <c r="N32" s="100">
        <v>625364</v>
      </c>
      <c r="O32" s="104">
        <v>1470935</v>
      </c>
      <c r="P32" s="103">
        <v>2096299</v>
      </c>
      <c r="Q32" s="100">
        <v>0</v>
      </c>
      <c r="R32" s="104">
        <v>4804885</v>
      </c>
      <c r="S32" s="104">
        <v>5632836</v>
      </c>
      <c r="T32" s="104">
        <v>6264907</v>
      </c>
      <c r="U32" s="104">
        <v>5412716</v>
      </c>
      <c r="V32" s="104">
        <v>8492281</v>
      </c>
      <c r="W32" s="103">
        <v>30607625</v>
      </c>
      <c r="X32" s="106">
        <v>32703924</v>
      </c>
      <c r="Y32" s="100">
        <v>0</v>
      </c>
      <c r="Z32" s="104">
        <v>0</v>
      </c>
      <c r="AA32" s="103">
        <v>0</v>
      </c>
      <c r="AB32" s="100">
        <v>0</v>
      </c>
      <c r="AC32" s="104">
        <v>2443080</v>
      </c>
      <c r="AD32" s="104">
        <v>2567256</v>
      </c>
      <c r="AE32" s="104">
        <v>3657808</v>
      </c>
      <c r="AF32" s="104">
        <v>2481347</v>
      </c>
      <c r="AG32" s="104">
        <v>4279821</v>
      </c>
      <c r="AH32" s="103">
        <v>15429312</v>
      </c>
      <c r="AI32" s="106">
        <v>15429312</v>
      </c>
      <c r="AJ32" s="100">
        <v>0</v>
      </c>
      <c r="AK32" s="104">
        <v>0</v>
      </c>
      <c r="AL32" s="103">
        <v>0</v>
      </c>
      <c r="AM32" s="100">
        <v>0</v>
      </c>
      <c r="AN32" s="104">
        <v>51876</v>
      </c>
      <c r="AO32" s="104">
        <v>429596</v>
      </c>
      <c r="AP32" s="104">
        <v>208565</v>
      </c>
      <c r="AQ32" s="104">
        <v>599437</v>
      </c>
      <c r="AR32" s="104">
        <v>1269870</v>
      </c>
      <c r="AS32" s="103">
        <v>2559344</v>
      </c>
      <c r="AT32" s="106">
        <v>2559344</v>
      </c>
      <c r="AU32" s="100">
        <v>491671</v>
      </c>
      <c r="AV32" s="104">
        <v>1225945</v>
      </c>
      <c r="AW32" s="103">
        <v>1717616</v>
      </c>
      <c r="AX32" s="100">
        <v>0</v>
      </c>
      <c r="AY32" s="104">
        <v>1386612</v>
      </c>
      <c r="AZ32" s="104">
        <v>1680082</v>
      </c>
      <c r="BA32" s="104">
        <v>1420296</v>
      </c>
      <c r="BB32" s="104">
        <v>1358317</v>
      </c>
      <c r="BC32" s="104">
        <v>2314885</v>
      </c>
      <c r="BD32" s="103">
        <v>8160192</v>
      </c>
      <c r="BE32" s="106">
        <v>9877808</v>
      </c>
      <c r="BF32" s="100">
        <v>34919</v>
      </c>
      <c r="BG32" s="104">
        <v>72190</v>
      </c>
      <c r="BH32" s="102">
        <v>107109</v>
      </c>
      <c r="BI32" s="101">
        <v>0</v>
      </c>
      <c r="BJ32" s="104">
        <v>35550</v>
      </c>
      <c r="BK32" s="104">
        <v>75051</v>
      </c>
      <c r="BL32" s="104">
        <v>64483</v>
      </c>
      <c r="BM32" s="104">
        <v>0</v>
      </c>
      <c r="BN32" s="104">
        <v>23089</v>
      </c>
      <c r="BO32" s="103">
        <v>198173</v>
      </c>
      <c r="BP32" s="106">
        <v>305282</v>
      </c>
      <c r="BQ32" s="100">
        <v>98774</v>
      </c>
      <c r="BR32" s="104">
        <v>172800</v>
      </c>
      <c r="BS32" s="103">
        <v>271574</v>
      </c>
      <c r="BT32" s="100">
        <v>0</v>
      </c>
      <c r="BU32" s="104">
        <v>887767</v>
      </c>
      <c r="BV32" s="104">
        <v>880851</v>
      </c>
      <c r="BW32" s="104">
        <v>913755</v>
      </c>
      <c r="BX32" s="104">
        <v>973615</v>
      </c>
      <c r="BY32" s="104">
        <v>604616</v>
      </c>
      <c r="BZ32" s="103">
        <v>4260604</v>
      </c>
      <c r="CA32" s="106">
        <v>4532178</v>
      </c>
      <c r="CB32" s="100">
        <v>188518</v>
      </c>
      <c r="CC32" s="104">
        <v>1074499</v>
      </c>
      <c r="CD32" s="103">
        <v>1263017</v>
      </c>
      <c r="CE32" s="100">
        <v>0</v>
      </c>
      <c r="CF32" s="104">
        <v>8034798</v>
      </c>
      <c r="CG32" s="104">
        <v>6799838</v>
      </c>
      <c r="CH32" s="104">
        <v>3307222</v>
      </c>
      <c r="CI32" s="104">
        <v>5527298</v>
      </c>
      <c r="CJ32" s="104">
        <v>1947972</v>
      </c>
      <c r="CK32" s="103">
        <v>25617128</v>
      </c>
      <c r="CL32" s="106">
        <v>26880145</v>
      </c>
      <c r="CM32" s="100">
        <v>0</v>
      </c>
      <c r="CN32" s="104">
        <v>0</v>
      </c>
      <c r="CO32" s="103">
        <v>0</v>
      </c>
      <c r="CP32" s="101">
        <v>0</v>
      </c>
      <c r="CQ32" s="104">
        <v>6905046</v>
      </c>
      <c r="CR32" s="104">
        <v>5093744</v>
      </c>
      <c r="CS32" s="104">
        <v>2270252</v>
      </c>
      <c r="CT32" s="104">
        <v>4954083</v>
      </c>
      <c r="CU32" s="104">
        <v>1461790</v>
      </c>
      <c r="CV32" s="103">
        <v>20684915</v>
      </c>
      <c r="CW32" s="106">
        <v>20684915</v>
      </c>
      <c r="CX32" s="100">
        <v>188518</v>
      </c>
      <c r="CY32" s="104">
        <v>1074499</v>
      </c>
      <c r="CZ32" s="103">
        <v>1263017</v>
      </c>
      <c r="DA32" s="100">
        <v>0</v>
      </c>
      <c r="DB32" s="104">
        <v>1129752</v>
      </c>
      <c r="DC32" s="104">
        <v>1706094</v>
      </c>
      <c r="DD32" s="104">
        <v>1036970</v>
      </c>
      <c r="DE32" s="104">
        <v>573215</v>
      </c>
      <c r="DF32" s="104">
        <v>486182</v>
      </c>
      <c r="DG32" s="103">
        <v>4932213</v>
      </c>
      <c r="DH32" s="106">
        <v>6195230</v>
      </c>
      <c r="DI32" s="100">
        <v>0</v>
      </c>
      <c r="DJ32" s="104">
        <v>103850</v>
      </c>
      <c r="DK32" s="102">
        <v>103850</v>
      </c>
      <c r="DL32" s="101">
        <v>0</v>
      </c>
      <c r="DM32" s="104">
        <v>495547</v>
      </c>
      <c r="DN32" s="104">
        <v>920202</v>
      </c>
      <c r="DO32" s="104">
        <v>1035736</v>
      </c>
      <c r="DP32" s="104">
        <v>715196</v>
      </c>
      <c r="DQ32" s="104">
        <v>908237</v>
      </c>
      <c r="DR32" s="103">
        <v>4074918</v>
      </c>
      <c r="DS32" s="106">
        <v>4178768</v>
      </c>
      <c r="DT32" s="100">
        <v>0</v>
      </c>
      <c r="DU32" s="104">
        <v>103850</v>
      </c>
      <c r="DV32" s="103">
        <v>103850</v>
      </c>
      <c r="DW32" s="100">
        <v>0</v>
      </c>
      <c r="DX32" s="104">
        <v>425545</v>
      </c>
      <c r="DY32" s="104">
        <v>850164</v>
      </c>
      <c r="DZ32" s="104">
        <v>951928</v>
      </c>
      <c r="EA32" s="104">
        <v>656523</v>
      </c>
      <c r="EB32" s="104">
        <v>908237</v>
      </c>
      <c r="EC32" s="103">
        <v>3792397</v>
      </c>
      <c r="ED32" s="106">
        <v>3896247</v>
      </c>
      <c r="EE32" s="100">
        <v>0</v>
      </c>
      <c r="EF32" s="102">
        <v>0</v>
      </c>
      <c r="EG32" s="103">
        <v>0</v>
      </c>
      <c r="EH32" s="100">
        <v>0</v>
      </c>
      <c r="EI32" s="104">
        <v>70002</v>
      </c>
      <c r="EJ32" s="104">
        <v>70038</v>
      </c>
      <c r="EK32" s="104">
        <v>83808</v>
      </c>
      <c r="EL32" s="104">
        <v>58673</v>
      </c>
      <c r="EM32" s="104">
        <v>0</v>
      </c>
      <c r="EN32" s="102">
        <v>282521</v>
      </c>
      <c r="EO32" s="106">
        <v>282521</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643280</v>
      </c>
      <c r="FM32" s="104">
        <v>1177938</v>
      </c>
      <c r="FN32" s="103">
        <v>1821218</v>
      </c>
      <c r="FO32" s="100">
        <v>0</v>
      </c>
      <c r="FP32" s="104">
        <v>698975</v>
      </c>
      <c r="FQ32" s="104">
        <v>2233606</v>
      </c>
      <c r="FR32" s="104">
        <v>1458983</v>
      </c>
      <c r="FS32" s="104">
        <v>1261922</v>
      </c>
      <c r="FT32" s="104">
        <v>1134245</v>
      </c>
      <c r="FU32" s="103">
        <v>6787731</v>
      </c>
      <c r="FV32" s="106">
        <v>8608949</v>
      </c>
      <c r="FW32" s="105">
        <v>411485</v>
      </c>
      <c r="FX32" s="104">
        <v>1103688</v>
      </c>
      <c r="FY32" s="102">
        <v>1515173</v>
      </c>
      <c r="FZ32" s="101">
        <v>0</v>
      </c>
      <c r="GA32" s="104">
        <v>579996</v>
      </c>
      <c r="GB32" s="104">
        <v>1787258</v>
      </c>
      <c r="GC32" s="104">
        <v>1413364</v>
      </c>
      <c r="GD32" s="104">
        <v>1064366</v>
      </c>
      <c r="GE32" s="104">
        <v>1134245</v>
      </c>
      <c r="GF32" s="103">
        <v>5979229</v>
      </c>
      <c r="GG32" s="296">
        <v>7494402</v>
      </c>
      <c r="GH32" s="105">
        <v>58500</v>
      </c>
      <c r="GI32" s="104">
        <v>0</v>
      </c>
      <c r="GJ32" s="102">
        <v>58500</v>
      </c>
      <c r="GK32" s="101">
        <v>0</v>
      </c>
      <c r="GL32" s="104">
        <v>24948</v>
      </c>
      <c r="GM32" s="104">
        <v>51678</v>
      </c>
      <c r="GN32" s="104">
        <v>45619</v>
      </c>
      <c r="GO32" s="104">
        <v>17556</v>
      </c>
      <c r="GP32" s="104">
        <v>0</v>
      </c>
      <c r="GQ32" s="103">
        <v>139801</v>
      </c>
      <c r="GR32" s="106">
        <v>198301</v>
      </c>
      <c r="GS32" s="100">
        <v>173295</v>
      </c>
      <c r="GT32" s="104">
        <v>74250</v>
      </c>
      <c r="GU32" s="103">
        <v>247545</v>
      </c>
      <c r="GV32" s="100">
        <v>0</v>
      </c>
      <c r="GW32" s="104">
        <v>94031</v>
      </c>
      <c r="GX32" s="104">
        <v>394670</v>
      </c>
      <c r="GY32" s="104">
        <v>0</v>
      </c>
      <c r="GZ32" s="104">
        <v>180000</v>
      </c>
      <c r="HA32" s="104">
        <v>0</v>
      </c>
      <c r="HB32" s="102">
        <v>668701</v>
      </c>
      <c r="HC32" s="106">
        <v>916246</v>
      </c>
      <c r="HD32" s="100">
        <v>599963</v>
      </c>
      <c r="HE32" s="104">
        <v>1251090</v>
      </c>
      <c r="HF32" s="102">
        <v>1851053</v>
      </c>
      <c r="HG32" s="101">
        <v>0</v>
      </c>
      <c r="HH32" s="104">
        <v>7085354</v>
      </c>
      <c r="HI32" s="104">
        <v>6472967</v>
      </c>
      <c r="HJ32" s="104">
        <v>6563765</v>
      </c>
      <c r="HK32" s="104">
        <v>9376566</v>
      </c>
      <c r="HL32" s="104">
        <v>3168271</v>
      </c>
      <c r="HM32" s="103">
        <v>32666923</v>
      </c>
      <c r="HN32" s="99">
        <v>34517976</v>
      </c>
      <c r="HO32" s="105">
        <v>529308</v>
      </c>
      <c r="HP32" s="104">
        <v>842491</v>
      </c>
      <c r="HQ32" s="103">
        <v>1371799</v>
      </c>
      <c r="HR32" s="100">
        <v>0</v>
      </c>
      <c r="HS32" s="104">
        <v>3372513</v>
      </c>
      <c r="HT32" s="104">
        <v>2376858</v>
      </c>
      <c r="HU32" s="104">
        <v>1708482</v>
      </c>
      <c r="HV32" s="104">
        <v>1075436</v>
      </c>
      <c r="HW32" s="104">
        <v>856294</v>
      </c>
      <c r="HX32" s="102">
        <v>9389583</v>
      </c>
      <c r="HY32" s="106">
        <v>10761382</v>
      </c>
      <c r="HZ32" s="137">
        <v>0</v>
      </c>
      <c r="IA32" s="122">
        <v>0</v>
      </c>
      <c r="IB32" s="137">
        <v>0</v>
      </c>
      <c r="IC32" s="121">
        <v>0</v>
      </c>
      <c r="ID32" s="122">
        <v>5006852</v>
      </c>
      <c r="IE32" s="123">
        <v>2869627</v>
      </c>
      <c r="IF32" s="124">
        <v>5889766</v>
      </c>
      <c r="IG32" s="122">
        <v>5785775</v>
      </c>
      <c r="IH32" s="124">
        <v>3923645</v>
      </c>
      <c r="II32" s="125">
        <v>23475665</v>
      </c>
      <c r="IJ32" s="137">
        <v>23475665</v>
      </c>
      <c r="IK32" s="219">
        <v>0</v>
      </c>
      <c r="IL32" s="223">
        <v>0</v>
      </c>
      <c r="IM32" s="224">
        <v>0</v>
      </c>
      <c r="IN32" s="127"/>
      <c r="IO32" s="109">
        <v>0</v>
      </c>
      <c r="IP32" s="109">
        <v>0</v>
      </c>
      <c r="IQ32" s="109">
        <v>175496</v>
      </c>
      <c r="IR32" s="109">
        <v>0</v>
      </c>
      <c r="IS32" s="109">
        <v>0</v>
      </c>
      <c r="IT32" s="128">
        <v>175496</v>
      </c>
      <c r="IU32" s="298">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1671293</v>
      </c>
      <c r="JL32" s="109">
        <v>1002059</v>
      </c>
      <c r="JM32" s="109">
        <v>569052</v>
      </c>
      <c r="JN32" s="109">
        <v>145161</v>
      </c>
      <c r="JO32" s="109">
        <v>0</v>
      </c>
      <c r="JP32" s="110">
        <v>3387565</v>
      </c>
      <c r="JQ32" s="298">
        <v>3387565</v>
      </c>
      <c r="JR32" s="129">
        <v>0</v>
      </c>
      <c r="JS32" s="109">
        <v>0</v>
      </c>
      <c r="JT32" s="128">
        <v>0</v>
      </c>
      <c r="JU32" s="108">
        <v>0</v>
      </c>
      <c r="JV32" s="109">
        <v>285606</v>
      </c>
      <c r="JW32" s="109">
        <v>47096</v>
      </c>
      <c r="JX32" s="109">
        <v>41174</v>
      </c>
      <c r="JY32" s="109">
        <v>250016</v>
      </c>
      <c r="JZ32" s="109">
        <v>334908</v>
      </c>
      <c r="KA32" s="110">
        <v>958800</v>
      </c>
      <c r="KB32" s="298">
        <v>958800</v>
      </c>
      <c r="KC32" s="221">
        <v>0</v>
      </c>
      <c r="KD32" s="217">
        <v>0</v>
      </c>
      <c r="KE32" s="110">
        <v>0</v>
      </c>
      <c r="KF32" s="108">
        <v>0</v>
      </c>
      <c r="KG32" s="109">
        <v>892729</v>
      </c>
      <c r="KH32" s="109">
        <v>591564</v>
      </c>
      <c r="KI32" s="109">
        <v>1340092</v>
      </c>
      <c r="KJ32" s="109">
        <v>490750</v>
      </c>
      <c r="KK32" s="109">
        <v>0</v>
      </c>
      <c r="KL32" s="110">
        <v>3315135</v>
      </c>
      <c r="KM32" s="130">
        <v>3315135</v>
      </c>
      <c r="KN32" s="219">
        <v>0</v>
      </c>
      <c r="KO32" s="223">
        <v>0</v>
      </c>
      <c r="KP32" s="224">
        <v>0</v>
      </c>
      <c r="KQ32" s="127"/>
      <c r="KR32" s="109">
        <v>2157224</v>
      </c>
      <c r="KS32" s="109">
        <v>1228908</v>
      </c>
      <c r="KT32" s="109">
        <v>1981721</v>
      </c>
      <c r="KU32" s="109">
        <v>1449645</v>
      </c>
      <c r="KV32" s="109">
        <v>1762484</v>
      </c>
      <c r="KW32" s="110">
        <v>8579982</v>
      </c>
      <c r="KX32" s="298">
        <v>8579982</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1782231</v>
      </c>
      <c r="LQ32" s="109">
        <v>3133343</v>
      </c>
      <c r="LR32" s="109">
        <v>1826253</v>
      </c>
      <c r="LS32" s="110">
        <v>6741827</v>
      </c>
      <c r="LT32" s="298">
        <v>6741827</v>
      </c>
      <c r="LU32" s="129">
        <v>0</v>
      </c>
      <c r="LV32" s="109">
        <v>0</v>
      </c>
      <c r="LW32" s="110">
        <v>0</v>
      </c>
      <c r="LX32" s="132"/>
      <c r="LY32" s="109">
        <v>0</v>
      </c>
      <c r="LZ32" s="109">
        <v>0</v>
      </c>
      <c r="MA32" s="109">
        <v>0</v>
      </c>
      <c r="MB32" s="109">
        <v>316860</v>
      </c>
      <c r="MC32" s="109">
        <v>0</v>
      </c>
      <c r="MD32" s="110">
        <v>316860</v>
      </c>
      <c r="ME32" s="111">
        <v>316860</v>
      </c>
      <c r="MF32" s="129">
        <v>0</v>
      </c>
      <c r="MG32" s="109">
        <v>0</v>
      </c>
      <c r="MH32" s="110">
        <v>0</v>
      </c>
      <c r="MI32" s="132"/>
      <c r="MJ32" s="109">
        <v>3222423</v>
      </c>
      <c r="MK32" s="109">
        <v>4595994</v>
      </c>
      <c r="ML32" s="109">
        <v>13016218</v>
      </c>
      <c r="MM32" s="109">
        <v>22997464</v>
      </c>
      <c r="MN32" s="109">
        <v>17685050</v>
      </c>
      <c r="MO32" s="110">
        <v>61517149</v>
      </c>
      <c r="MP32" s="130">
        <v>61517149</v>
      </c>
      <c r="MQ32" s="129">
        <v>0</v>
      </c>
      <c r="MR32" s="109">
        <v>0</v>
      </c>
      <c r="MS32" s="110">
        <v>0</v>
      </c>
      <c r="MT32" s="132"/>
      <c r="MU32" s="109">
        <v>694610</v>
      </c>
      <c r="MV32" s="109">
        <v>466936</v>
      </c>
      <c r="MW32" s="109">
        <v>7741958</v>
      </c>
      <c r="MX32" s="109">
        <v>16592825</v>
      </c>
      <c r="MY32" s="109">
        <v>11916955</v>
      </c>
      <c r="MZ32" s="110">
        <v>37413284</v>
      </c>
      <c r="NA32" s="130">
        <v>37413284</v>
      </c>
      <c r="NB32" s="129">
        <v>0</v>
      </c>
      <c r="NC32" s="109">
        <v>0</v>
      </c>
      <c r="ND32" s="110">
        <v>0</v>
      </c>
      <c r="NE32" s="132"/>
      <c r="NF32" s="109">
        <v>2527813</v>
      </c>
      <c r="NG32" s="109">
        <v>4129058</v>
      </c>
      <c r="NH32" s="109">
        <v>5274260</v>
      </c>
      <c r="NI32" s="109">
        <v>4835793</v>
      </c>
      <c r="NJ32" s="109">
        <v>5318841</v>
      </c>
      <c r="NK32" s="110">
        <v>22085765</v>
      </c>
      <c r="NL32" s="298">
        <v>22085765</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1568846</v>
      </c>
      <c r="OF32" s="109">
        <v>449254</v>
      </c>
      <c r="OG32" s="110">
        <v>2018100</v>
      </c>
      <c r="OH32" s="111">
        <v>2018100</v>
      </c>
      <c r="OI32" s="129">
        <v>2586433</v>
      </c>
      <c r="OJ32" s="109">
        <v>5920803</v>
      </c>
      <c r="OK32" s="128">
        <v>8507236</v>
      </c>
      <c r="OL32" s="108">
        <v>0</v>
      </c>
      <c r="OM32" s="109">
        <v>32721347</v>
      </c>
      <c r="ON32" s="109">
        <v>31901928</v>
      </c>
      <c r="OO32" s="109">
        <v>39245079</v>
      </c>
      <c r="OP32" s="109">
        <v>52152373</v>
      </c>
      <c r="OQ32" s="109">
        <v>38115995</v>
      </c>
      <c r="OR32" s="110">
        <v>194136722</v>
      </c>
      <c r="OS32" s="130">
        <v>202643958</v>
      </c>
    </row>
    <row r="33" spans="2:409" ht="21" customHeight="1" x14ac:dyDescent="0.2">
      <c r="B33" s="472" t="s">
        <v>28</v>
      </c>
      <c r="C33" s="100">
        <v>275636</v>
      </c>
      <c r="D33" s="104">
        <v>629019</v>
      </c>
      <c r="E33" s="103">
        <v>904655</v>
      </c>
      <c r="F33" s="99">
        <v>0</v>
      </c>
      <c r="G33" s="104">
        <v>5334824</v>
      </c>
      <c r="H33" s="104">
        <v>9401624</v>
      </c>
      <c r="I33" s="104">
        <v>7912505</v>
      </c>
      <c r="J33" s="104">
        <v>6445977</v>
      </c>
      <c r="K33" s="104">
        <v>4081570</v>
      </c>
      <c r="L33" s="160">
        <v>33176500</v>
      </c>
      <c r="M33" s="106">
        <v>34081155</v>
      </c>
      <c r="N33" s="100">
        <v>33570</v>
      </c>
      <c r="O33" s="104">
        <v>148725</v>
      </c>
      <c r="P33" s="103">
        <v>182295</v>
      </c>
      <c r="Q33" s="100">
        <v>0</v>
      </c>
      <c r="R33" s="104">
        <v>827282</v>
      </c>
      <c r="S33" s="104">
        <v>2076078</v>
      </c>
      <c r="T33" s="104">
        <v>1517062</v>
      </c>
      <c r="U33" s="104">
        <v>1770159</v>
      </c>
      <c r="V33" s="104">
        <v>1837758</v>
      </c>
      <c r="W33" s="103">
        <v>8028339</v>
      </c>
      <c r="X33" s="106">
        <v>8210634</v>
      </c>
      <c r="Y33" s="100">
        <v>0</v>
      </c>
      <c r="Z33" s="104">
        <v>0</v>
      </c>
      <c r="AA33" s="103">
        <v>0</v>
      </c>
      <c r="AB33" s="100">
        <v>0</v>
      </c>
      <c r="AC33" s="104">
        <v>314366</v>
      </c>
      <c r="AD33" s="104">
        <v>1065015</v>
      </c>
      <c r="AE33" s="104">
        <v>803233</v>
      </c>
      <c r="AF33" s="104">
        <v>716089</v>
      </c>
      <c r="AG33" s="104">
        <v>1030153</v>
      </c>
      <c r="AH33" s="103">
        <v>3928856</v>
      </c>
      <c r="AI33" s="106">
        <v>3928856</v>
      </c>
      <c r="AJ33" s="100">
        <v>0</v>
      </c>
      <c r="AK33" s="104">
        <v>0</v>
      </c>
      <c r="AL33" s="103">
        <v>0</v>
      </c>
      <c r="AM33" s="100">
        <v>0</v>
      </c>
      <c r="AN33" s="104">
        <v>0</v>
      </c>
      <c r="AO33" s="104">
        <v>106869</v>
      </c>
      <c r="AP33" s="104">
        <v>87855</v>
      </c>
      <c r="AQ33" s="104">
        <v>215216</v>
      </c>
      <c r="AR33" s="104">
        <v>192047</v>
      </c>
      <c r="AS33" s="103">
        <v>601987</v>
      </c>
      <c r="AT33" s="106">
        <v>601987</v>
      </c>
      <c r="AU33" s="100">
        <v>21582</v>
      </c>
      <c r="AV33" s="104">
        <v>143361</v>
      </c>
      <c r="AW33" s="103">
        <v>164943</v>
      </c>
      <c r="AX33" s="100">
        <v>0</v>
      </c>
      <c r="AY33" s="104">
        <v>306166</v>
      </c>
      <c r="AZ33" s="104">
        <v>553465</v>
      </c>
      <c r="BA33" s="104">
        <v>399798</v>
      </c>
      <c r="BB33" s="104">
        <v>621831</v>
      </c>
      <c r="BC33" s="104">
        <v>419991</v>
      </c>
      <c r="BD33" s="103">
        <v>2301251</v>
      </c>
      <c r="BE33" s="106">
        <v>2466194</v>
      </c>
      <c r="BF33" s="100">
        <v>0</v>
      </c>
      <c r="BG33" s="104">
        <v>0</v>
      </c>
      <c r="BH33" s="102">
        <v>0</v>
      </c>
      <c r="BI33" s="101">
        <v>0</v>
      </c>
      <c r="BJ33" s="104">
        <v>40311</v>
      </c>
      <c r="BK33" s="104">
        <v>79991</v>
      </c>
      <c r="BL33" s="104">
        <v>0</v>
      </c>
      <c r="BM33" s="104">
        <v>26663</v>
      </c>
      <c r="BN33" s="104">
        <v>40311</v>
      </c>
      <c r="BO33" s="103">
        <v>187276</v>
      </c>
      <c r="BP33" s="106">
        <v>187276</v>
      </c>
      <c r="BQ33" s="100">
        <v>11988</v>
      </c>
      <c r="BR33" s="104">
        <v>5364</v>
      </c>
      <c r="BS33" s="103">
        <v>17352</v>
      </c>
      <c r="BT33" s="100">
        <v>0</v>
      </c>
      <c r="BU33" s="104">
        <v>166439</v>
      </c>
      <c r="BV33" s="104">
        <v>270738</v>
      </c>
      <c r="BW33" s="104">
        <v>226176</v>
      </c>
      <c r="BX33" s="104">
        <v>190360</v>
      </c>
      <c r="BY33" s="104">
        <v>155256</v>
      </c>
      <c r="BZ33" s="103">
        <v>1008969</v>
      </c>
      <c r="CA33" s="106">
        <v>1026321</v>
      </c>
      <c r="CB33" s="100">
        <v>24896</v>
      </c>
      <c r="CC33" s="104">
        <v>134980</v>
      </c>
      <c r="CD33" s="103">
        <v>159876</v>
      </c>
      <c r="CE33" s="100">
        <v>0</v>
      </c>
      <c r="CF33" s="104">
        <v>2082707</v>
      </c>
      <c r="CG33" s="104">
        <v>3402290</v>
      </c>
      <c r="CH33" s="104">
        <v>3152546</v>
      </c>
      <c r="CI33" s="104">
        <v>2100151</v>
      </c>
      <c r="CJ33" s="104">
        <v>1385923</v>
      </c>
      <c r="CK33" s="103">
        <v>12123617</v>
      </c>
      <c r="CL33" s="106">
        <v>12283493</v>
      </c>
      <c r="CM33" s="100">
        <v>0</v>
      </c>
      <c r="CN33" s="104">
        <v>0</v>
      </c>
      <c r="CO33" s="103">
        <v>0</v>
      </c>
      <c r="CP33" s="101">
        <v>0</v>
      </c>
      <c r="CQ33" s="104">
        <v>1796234</v>
      </c>
      <c r="CR33" s="104">
        <v>2454735</v>
      </c>
      <c r="CS33" s="104">
        <v>2255824</v>
      </c>
      <c r="CT33" s="104">
        <v>1550074</v>
      </c>
      <c r="CU33" s="104">
        <v>924429</v>
      </c>
      <c r="CV33" s="103">
        <v>8981296</v>
      </c>
      <c r="CW33" s="106">
        <v>8981296</v>
      </c>
      <c r="CX33" s="100">
        <v>24896</v>
      </c>
      <c r="CY33" s="104">
        <v>134980</v>
      </c>
      <c r="CZ33" s="103">
        <v>159876</v>
      </c>
      <c r="DA33" s="100">
        <v>0</v>
      </c>
      <c r="DB33" s="104">
        <v>286473</v>
      </c>
      <c r="DC33" s="104">
        <v>947555</v>
      </c>
      <c r="DD33" s="104">
        <v>896722</v>
      </c>
      <c r="DE33" s="104">
        <v>550077</v>
      </c>
      <c r="DF33" s="104">
        <v>461494</v>
      </c>
      <c r="DG33" s="103">
        <v>3142321</v>
      </c>
      <c r="DH33" s="106">
        <v>3302197</v>
      </c>
      <c r="DI33" s="100">
        <v>0</v>
      </c>
      <c r="DJ33" s="104">
        <v>29982</v>
      </c>
      <c r="DK33" s="102">
        <v>29982</v>
      </c>
      <c r="DL33" s="101">
        <v>0</v>
      </c>
      <c r="DM33" s="104">
        <v>56079</v>
      </c>
      <c r="DN33" s="104">
        <v>433741</v>
      </c>
      <c r="DO33" s="104">
        <v>830724</v>
      </c>
      <c r="DP33" s="104">
        <v>498561</v>
      </c>
      <c r="DQ33" s="104">
        <v>119551</v>
      </c>
      <c r="DR33" s="103">
        <v>1938656</v>
      </c>
      <c r="DS33" s="106">
        <v>1968638</v>
      </c>
      <c r="DT33" s="100">
        <v>0</v>
      </c>
      <c r="DU33" s="104">
        <v>29982</v>
      </c>
      <c r="DV33" s="103">
        <v>29982</v>
      </c>
      <c r="DW33" s="100">
        <v>0</v>
      </c>
      <c r="DX33" s="104">
        <v>0</v>
      </c>
      <c r="DY33" s="104">
        <v>352303</v>
      </c>
      <c r="DZ33" s="104">
        <v>659656</v>
      </c>
      <c r="EA33" s="104">
        <v>388662</v>
      </c>
      <c r="EB33" s="104">
        <v>119551</v>
      </c>
      <c r="EC33" s="103">
        <v>1520172</v>
      </c>
      <c r="ED33" s="106">
        <v>1550154</v>
      </c>
      <c r="EE33" s="100">
        <v>0</v>
      </c>
      <c r="EF33" s="102">
        <v>0</v>
      </c>
      <c r="EG33" s="103">
        <v>0</v>
      </c>
      <c r="EH33" s="100">
        <v>0</v>
      </c>
      <c r="EI33" s="104">
        <v>56079</v>
      </c>
      <c r="EJ33" s="104">
        <v>81438</v>
      </c>
      <c r="EK33" s="104">
        <v>171068</v>
      </c>
      <c r="EL33" s="104">
        <v>109899</v>
      </c>
      <c r="EM33" s="104">
        <v>0</v>
      </c>
      <c r="EN33" s="102">
        <v>418484</v>
      </c>
      <c r="EO33" s="106">
        <v>418484</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177750</v>
      </c>
      <c r="FM33" s="104">
        <v>218732</v>
      </c>
      <c r="FN33" s="103">
        <v>396482</v>
      </c>
      <c r="FO33" s="100">
        <v>0</v>
      </c>
      <c r="FP33" s="104">
        <v>503683</v>
      </c>
      <c r="FQ33" s="104">
        <v>978728</v>
      </c>
      <c r="FR33" s="104">
        <v>587223</v>
      </c>
      <c r="FS33" s="104">
        <v>477074</v>
      </c>
      <c r="FT33" s="104">
        <v>267300</v>
      </c>
      <c r="FU33" s="103">
        <v>2814008</v>
      </c>
      <c r="FV33" s="106">
        <v>3210490</v>
      </c>
      <c r="FW33" s="105">
        <v>27000</v>
      </c>
      <c r="FX33" s="104">
        <v>131612</v>
      </c>
      <c r="FY33" s="102">
        <v>158612</v>
      </c>
      <c r="FZ33" s="101">
        <v>0</v>
      </c>
      <c r="GA33" s="104">
        <v>318776</v>
      </c>
      <c r="GB33" s="104">
        <v>782528</v>
      </c>
      <c r="GC33" s="104">
        <v>587223</v>
      </c>
      <c r="GD33" s="104">
        <v>477074</v>
      </c>
      <c r="GE33" s="104">
        <v>267300</v>
      </c>
      <c r="GF33" s="103">
        <v>2432901</v>
      </c>
      <c r="GG33" s="296">
        <v>2591513</v>
      </c>
      <c r="GH33" s="105">
        <v>0</v>
      </c>
      <c r="GI33" s="104">
        <v>0</v>
      </c>
      <c r="GJ33" s="102">
        <v>0</v>
      </c>
      <c r="GK33" s="101">
        <v>0</v>
      </c>
      <c r="GL33" s="104">
        <v>26507</v>
      </c>
      <c r="GM33" s="104">
        <v>16200</v>
      </c>
      <c r="GN33" s="104">
        <v>0</v>
      </c>
      <c r="GO33" s="104">
        <v>0</v>
      </c>
      <c r="GP33" s="104">
        <v>0</v>
      </c>
      <c r="GQ33" s="103">
        <v>42707</v>
      </c>
      <c r="GR33" s="106">
        <v>42707</v>
      </c>
      <c r="GS33" s="100">
        <v>150750</v>
      </c>
      <c r="GT33" s="104">
        <v>87120</v>
      </c>
      <c r="GU33" s="103">
        <v>237870</v>
      </c>
      <c r="GV33" s="100">
        <v>0</v>
      </c>
      <c r="GW33" s="104">
        <v>158400</v>
      </c>
      <c r="GX33" s="104">
        <v>180000</v>
      </c>
      <c r="GY33" s="104">
        <v>0</v>
      </c>
      <c r="GZ33" s="104">
        <v>0</v>
      </c>
      <c r="HA33" s="104">
        <v>0</v>
      </c>
      <c r="HB33" s="102">
        <v>338400</v>
      </c>
      <c r="HC33" s="106">
        <v>576270</v>
      </c>
      <c r="HD33" s="100">
        <v>0</v>
      </c>
      <c r="HE33" s="104">
        <v>0</v>
      </c>
      <c r="HF33" s="102">
        <v>0</v>
      </c>
      <c r="HG33" s="101">
        <v>0</v>
      </c>
      <c r="HH33" s="104">
        <v>810410</v>
      </c>
      <c r="HI33" s="104">
        <v>1403760</v>
      </c>
      <c r="HJ33" s="104">
        <v>995691</v>
      </c>
      <c r="HK33" s="104">
        <v>1152642</v>
      </c>
      <c r="HL33" s="104">
        <v>256140</v>
      </c>
      <c r="HM33" s="103">
        <v>4618643</v>
      </c>
      <c r="HN33" s="99">
        <v>4618643</v>
      </c>
      <c r="HO33" s="105">
        <v>39420</v>
      </c>
      <c r="HP33" s="104">
        <v>96600</v>
      </c>
      <c r="HQ33" s="103">
        <v>136020</v>
      </c>
      <c r="HR33" s="100">
        <v>0</v>
      </c>
      <c r="HS33" s="104">
        <v>1054663</v>
      </c>
      <c r="HT33" s="104">
        <v>1107027</v>
      </c>
      <c r="HU33" s="104">
        <v>829259</v>
      </c>
      <c r="HV33" s="104">
        <v>447390</v>
      </c>
      <c r="HW33" s="104">
        <v>214898</v>
      </c>
      <c r="HX33" s="102">
        <v>3653237</v>
      </c>
      <c r="HY33" s="106">
        <v>3789257</v>
      </c>
      <c r="HZ33" s="118">
        <v>0</v>
      </c>
      <c r="IA33" s="119">
        <v>0</v>
      </c>
      <c r="IB33" s="120">
        <v>0</v>
      </c>
      <c r="IC33" s="133">
        <v>0</v>
      </c>
      <c r="ID33" s="119">
        <v>1005529</v>
      </c>
      <c r="IE33" s="134">
        <v>1673905</v>
      </c>
      <c r="IF33" s="120">
        <v>1134551</v>
      </c>
      <c r="IG33" s="119">
        <v>1644408</v>
      </c>
      <c r="IH33" s="120">
        <v>873544</v>
      </c>
      <c r="II33" s="135">
        <v>6331937</v>
      </c>
      <c r="IJ33" s="126">
        <v>6331937</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631426</v>
      </c>
      <c r="JL33" s="109">
        <v>544313</v>
      </c>
      <c r="JM33" s="109">
        <v>242786</v>
      </c>
      <c r="JN33" s="109">
        <v>165411</v>
      </c>
      <c r="JO33" s="109">
        <v>26091</v>
      </c>
      <c r="JP33" s="110">
        <v>1610027</v>
      </c>
      <c r="JQ33" s="298">
        <v>1610027</v>
      </c>
      <c r="JR33" s="129">
        <v>0</v>
      </c>
      <c r="JS33" s="109">
        <v>0</v>
      </c>
      <c r="JT33" s="128">
        <v>0</v>
      </c>
      <c r="JU33" s="108">
        <v>0</v>
      </c>
      <c r="JV33" s="109">
        <v>109845</v>
      </c>
      <c r="JW33" s="109">
        <v>96885</v>
      </c>
      <c r="JX33" s="109">
        <v>54855</v>
      </c>
      <c r="JY33" s="109">
        <v>324477</v>
      </c>
      <c r="JZ33" s="109">
        <v>0</v>
      </c>
      <c r="KA33" s="110">
        <v>586062</v>
      </c>
      <c r="KB33" s="298">
        <v>586062</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264258</v>
      </c>
      <c r="KS33" s="109">
        <v>1032707</v>
      </c>
      <c r="KT33" s="109">
        <v>566874</v>
      </c>
      <c r="KU33" s="109">
        <v>1154520</v>
      </c>
      <c r="KV33" s="109">
        <v>847453</v>
      </c>
      <c r="KW33" s="110">
        <v>3865812</v>
      </c>
      <c r="KX33" s="298">
        <v>3865812</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270036</v>
      </c>
      <c r="LQ33" s="109">
        <v>0</v>
      </c>
      <c r="LR33" s="109">
        <v>0</v>
      </c>
      <c r="LS33" s="110">
        <v>270036</v>
      </c>
      <c r="LT33" s="298">
        <v>270036</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1063711</v>
      </c>
      <c r="MK33" s="109">
        <v>2309516</v>
      </c>
      <c r="ML33" s="109">
        <v>6757443</v>
      </c>
      <c r="MM33" s="109">
        <v>5702752</v>
      </c>
      <c r="MN33" s="109">
        <v>6488131</v>
      </c>
      <c r="MO33" s="110">
        <v>22321553</v>
      </c>
      <c r="MP33" s="130">
        <v>22321553</v>
      </c>
      <c r="MQ33" s="129">
        <v>0</v>
      </c>
      <c r="MR33" s="109">
        <v>0</v>
      </c>
      <c r="MS33" s="110">
        <v>0</v>
      </c>
      <c r="MT33" s="132"/>
      <c r="MU33" s="109">
        <v>0</v>
      </c>
      <c r="MV33" s="109">
        <v>472298</v>
      </c>
      <c r="MW33" s="109">
        <v>4085507</v>
      </c>
      <c r="MX33" s="109">
        <v>3679323</v>
      </c>
      <c r="MY33" s="109">
        <v>5192033</v>
      </c>
      <c r="MZ33" s="110">
        <v>13429161</v>
      </c>
      <c r="NA33" s="130">
        <v>13429161</v>
      </c>
      <c r="NB33" s="129">
        <v>0</v>
      </c>
      <c r="NC33" s="109">
        <v>0</v>
      </c>
      <c r="ND33" s="110">
        <v>0</v>
      </c>
      <c r="NE33" s="132"/>
      <c r="NF33" s="109">
        <v>1063711</v>
      </c>
      <c r="NG33" s="109">
        <v>1837218</v>
      </c>
      <c r="NH33" s="109">
        <v>2671936</v>
      </c>
      <c r="NI33" s="109">
        <v>2023429</v>
      </c>
      <c r="NJ33" s="109">
        <v>1296098</v>
      </c>
      <c r="NK33" s="110">
        <v>8892392</v>
      </c>
      <c r="NL33" s="298">
        <v>8892392</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275636</v>
      </c>
      <c r="OJ33" s="109">
        <v>629019</v>
      </c>
      <c r="OK33" s="128">
        <v>904655</v>
      </c>
      <c r="OL33" s="108">
        <v>0</v>
      </c>
      <c r="OM33" s="109">
        <v>7404064</v>
      </c>
      <c r="ON33" s="109">
        <v>13385045</v>
      </c>
      <c r="OO33" s="109">
        <v>15804499</v>
      </c>
      <c r="OP33" s="109">
        <v>13793137</v>
      </c>
      <c r="OQ33" s="109">
        <v>11443245</v>
      </c>
      <c r="OR33" s="110">
        <v>61829990</v>
      </c>
      <c r="OS33" s="130">
        <v>62734645</v>
      </c>
    </row>
    <row r="34" spans="2:409" ht="21" customHeight="1" x14ac:dyDescent="0.2">
      <c r="B34" s="472" t="s">
        <v>29</v>
      </c>
      <c r="C34" s="100">
        <v>384137</v>
      </c>
      <c r="D34" s="104">
        <v>840634</v>
      </c>
      <c r="E34" s="103">
        <v>1224771</v>
      </c>
      <c r="F34" s="99">
        <v>0</v>
      </c>
      <c r="G34" s="104">
        <v>8269300</v>
      </c>
      <c r="H34" s="104">
        <v>9842004</v>
      </c>
      <c r="I34" s="104">
        <v>10507423</v>
      </c>
      <c r="J34" s="104">
        <v>6801599</v>
      </c>
      <c r="K34" s="104">
        <v>6386580</v>
      </c>
      <c r="L34" s="160">
        <v>41806906</v>
      </c>
      <c r="M34" s="106">
        <v>43031677</v>
      </c>
      <c r="N34" s="100">
        <v>33138</v>
      </c>
      <c r="O34" s="104">
        <v>215350</v>
      </c>
      <c r="P34" s="103">
        <v>248488</v>
      </c>
      <c r="Q34" s="100">
        <v>0</v>
      </c>
      <c r="R34" s="104">
        <v>2489049</v>
      </c>
      <c r="S34" s="104">
        <v>2475259</v>
      </c>
      <c r="T34" s="104">
        <v>2476358</v>
      </c>
      <c r="U34" s="104">
        <v>2563563</v>
      </c>
      <c r="V34" s="104">
        <v>2787441</v>
      </c>
      <c r="W34" s="103">
        <v>12791670</v>
      </c>
      <c r="X34" s="106">
        <v>13040158</v>
      </c>
      <c r="Y34" s="100">
        <v>0</v>
      </c>
      <c r="Z34" s="104">
        <v>0</v>
      </c>
      <c r="AA34" s="103">
        <v>0</v>
      </c>
      <c r="AB34" s="100">
        <v>0</v>
      </c>
      <c r="AC34" s="104">
        <v>1187601</v>
      </c>
      <c r="AD34" s="104">
        <v>1264547</v>
      </c>
      <c r="AE34" s="104">
        <v>1289439</v>
      </c>
      <c r="AF34" s="104">
        <v>1641834</v>
      </c>
      <c r="AG34" s="104">
        <v>1598089</v>
      </c>
      <c r="AH34" s="103">
        <v>6981510</v>
      </c>
      <c r="AI34" s="106">
        <v>6981510</v>
      </c>
      <c r="AJ34" s="100">
        <v>0</v>
      </c>
      <c r="AK34" s="104">
        <v>0</v>
      </c>
      <c r="AL34" s="103">
        <v>0</v>
      </c>
      <c r="AM34" s="100">
        <v>0</v>
      </c>
      <c r="AN34" s="104">
        <v>0</v>
      </c>
      <c r="AO34" s="104">
        <v>27549</v>
      </c>
      <c r="AP34" s="104">
        <v>38430</v>
      </c>
      <c r="AQ34" s="104">
        <v>186669</v>
      </c>
      <c r="AR34" s="104">
        <v>583739</v>
      </c>
      <c r="AS34" s="103">
        <v>836387</v>
      </c>
      <c r="AT34" s="106">
        <v>836387</v>
      </c>
      <c r="AU34" s="100">
        <v>23832</v>
      </c>
      <c r="AV34" s="104">
        <v>157129</v>
      </c>
      <c r="AW34" s="103">
        <v>180961</v>
      </c>
      <c r="AX34" s="100">
        <v>0</v>
      </c>
      <c r="AY34" s="104">
        <v>987092</v>
      </c>
      <c r="AZ34" s="104">
        <v>767765</v>
      </c>
      <c r="BA34" s="104">
        <v>728149</v>
      </c>
      <c r="BB34" s="104">
        <v>388661</v>
      </c>
      <c r="BC34" s="104">
        <v>478175</v>
      </c>
      <c r="BD34" s="103">
        <v>3349842</v>
      </c>
      <c r="BE34" s="106">
        <v>3530803</v>
      </c>
      <c r="BF34" s="100">
        <v>0</v>
      </c>
      <c r="BG34" s="104">
        <v>41580</v>
      </c>
      <c r="BH34" s="102">
        <v>41580</v>
      </c>
      <c r="BI34" s="101">
        <v>0</v>
      </c>
      <c r="BJ34" s="104">
        <v>63096</v>
      </c>
      <c r="BK34" s="104">
        <v>30592</v>
      </c>
      <c r="BL34" s="104">
        <v>137637</v>
      </c>
      <c r="BM34" s="104">
        <v>78272</v>
      </c>
      <c r="BN34" s="104">
        <v>0</v>
      </c>
      <c r="BO34" s="103">
        <v>309597</v>
      </c>
      <c r="BP34" s="106">
        <v>351177</v>
      </c>
      <c r="BQ34" s="100">
        <v>9306</v>
      </c>
      <c r="BR34" s="104">
        <v>16641</v>
      </c>
      <c r="BS34" s="103">
        <v>25947</v>
      </c>
      <c r="BT34" s="100">
        <v>0</v>
      </c>
      <c r="BU34" s="104">
        <v>251260</v>
      </c>
      <c r="BV34" s="104">
        <v>384806</v>
      </c>
      <c r="BW34" s="104">
        <v>282703</v>
      </c>
      <c r="BX34" s="104">
        <v>268127</v>
      </c>
      <c r="BY34" s="104">
        <v>127438</v>
      </c>
      <c r="BZ34" s="103">
        <v>1314334</v>
      </c>
      <c r="CA34" s="106">
        <v>1340281</v>
      </c>
      <c r="CB34" s="100">
        <v>80162</v>
      </c>
      <c r="CC34" s="104">
        <v>194715</v>
      </c>
      <c r="CD34" s="103">
        <v>274877</v>
      </c>
      <c r="CE34" s="100">
        <v>0</v>
      </c>
      <c r="CF34" s="104">
        <v>2768471</v>
      </c>
      <c r="CG34" s="104">
        <v>3616245</v>
      </c>
      <c r="CH34" s="104">
        <v>3525754</v>
      </c>
      <c r="CI34" s="104">
        <v>1383135</v>
      </c>
      <c r="CJ34" s="104">
        <v>711600</v>
      </c>
      <c r="CK34" s="103">
        <v>12005205</v>
      </c>
      <c r="CL34" s="106">
        <v>12280082</v>
      </c>
      <c r="CM34" s="100">
        <v>0</v>
      </c>
      <c r="CN34" s="104">
        <v>0</v>
      </c>
      <c r="CO34" s="103">
        <v>0</v>
      </c>
      <c r="CP34" s="101">
        <v>0</v>
      </c>
      <c r="CQ34" s="104">
        <v>1902786</v>
      </c>
      <c r="CR34" s="104">
        <v>3022347</v>
      </c>
      <c r="CS34" s="104">
        <v>2601821</v>
      </c>
      <c r="CT34" s="104">
        <v>1383135</v>
      </c>
      <c r="CU34" s="104">
        <v>711600</v>
      </c>
      <c r="CV34" s="103">
        <v>9621689</v>
      </c>
      <c r="CW34" s="106">
        <v>9621689</v>
      </c>
      <c r="CX34" s="100">
        <v>80162</v>
      </c>
      <c r="CY34" s="104">
        <v>194715</v>
      </c>
      <c r="CZ34" s="103">
        <v>274877</v>
      </c>
      <c r="DA34" s="100">
        <v>0</v>
      </c>
      <c r="DB34" s="104">
        <v>865685</v>
      </c>
      <c r="DC34" s="104">
        <v>593898</v>
      </c>
      <c r="DD34" s="104">
        <v>923933</v>
      </c>
      <c r="DE34" s="104">
        <v>0</v>
      </c>
      <c r="DF34" s="104">
        <v>0</v>
      </c>
      <c r="DG34" s="103">
        <v>2383516</v>
      </c>
      <c r="DH34" s="106">
        <v>2658393</v>
      </c>
      <c r="DI34" s="100">
        <v>0</v>
      </c>
      <c r="DJ34" s="104">
        <v>0</v>
      </c>
      <c r="DK34" s="102">
        <v>0</v>
      </c>
      <c r="DL34" s="101">
        <v>0</v>
      </c>
      <c r="DM34" s="104">
        <v>248361</v>
      </c>
      <c r="DN34" s="104">
        <v>651596</v>
      </c>
      <c r="DO34" s="104">
        <v>1394960</v>
      </c>
      <c r="DP34" s="104">
        <v>331330</v>
      </c>
      <c r="DQ34" s="104">
        <v>654983</v>
      </c>
      <c r="DR34" s="103">
        <v>3281230</v>
      </c>
      <c r="DS34" s="106">
        <v>3281230</v>
      </c>
      <c r="DT34" s="100">
        <v>0</v>
      </c>
      <c r="DU34" s="104">
        <v>0</v>
      </c>
      <c r="DV34" s="103">
        <v>0</v>
      </c>
      <c r="DW34" s="100">
        <v>0</v>
      </c>
      <c r="DX34" s="104">
        <v>214313</v>
      </c>
      <c r="DY34" s="104">
        <v>625498</v>
      </c>
      <c r="DZ34" s="104">
        <v>1360265</v>
      </c>
      <c r="EA34" s="104">
        <v>331330</v>
      </c>
      <c r="EB34" s="104">
        <v>560708</v>
      </c>
      <c r="EC34" s="103">
        <v>3092114</v>
      </c>
      <c r="ED34" s="106">
        <v>3092114</v>
      </c>
      <c r="EE34" s="100">
        <v>0</v>
      </c>
      <c r="EF34" s="102">
        <v>0</v>
      </c>
      <c r="EG34" s="103">
        <v>0</v>
      </c>
      <c r="EH34" s="100">
        <v>0</v>
      </c>
      <c r="EI34" s="104">
        <v>34048</v>
      </c>
      <c r="EJ34" s="104">
        <v>26098</v>
      </c>
      <c r="EK34" s="104">
        <v>34695</v>
      </c>
      <c r="EL34" s="104">
        <v>0</v>
      </c>
      <c r="EM34" s="104">
        <v>94275</v>
      </c>
      <c r="EN34" s="102">
        <v>189116</v>
      </c>
      <c r="EO34" s="106">
        <v>189116</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150590</v>
      </c>
      <c r="FM34" s="104">
        <v>250749</v>
      </c>
      <c r="FN34" s="103">
        <v>401339</v>
      </c>
      <c r="FO34" s="100">
        <v>0</v>
      </c>
      <c r="FP34" s="104">
        <v>416400</v>
      </c>
      <c r="FQ34" s="104">
        <v>803421</v>
      </c>
      <c r="FR34" s="104">
        <v>1070657</v>
      </c>
      <c r="FS34" s="104">
        <v>523985</v>
      </c>
      <c r="FT34" s="104">
        <v>563984</v>
      </c>
      <c r="FU34" s="103">
        <v>3378447</v>
      </c>
      <c r="FV34" s="106">
        <v>3779786</v>
      </c>
      <c r="FW34" s="105">
        <v>130790</v>
      </c>
      <c r="FX34" s="104">
        <v>231426</v>
      </c>
      <c r="FY34" s="102">
        <v>362216</v>
      </c>
      <c r="FZ34" s="101">
        <v>0</v>
      </c>
      <c r="GA34" s="104">
        <v>416400</v>
      </c>
      <c r="GB34" s="104">
        <v>749070</v>
      </c>
      <c r="GC34" s="104">
        <v>910657</v>
      </c>
      <c r="GD34" s="104">
        <v>492800</v>
      </c>
      <c r="GE34" s="104">
        <v>563984</v>
      </c>
      <c r="GF34" s="103">
        <v>3132911</v>
      </c>
      <c r="GG34" s="296">
        <v>3495127</v>
      </c>
      <c r="GH34" s="105">
        <v>0</v>
      </c>
      <c r="GI34" s="104">
        <v>19323</v>
      </c>
      <c r="GJ34" s="102">
        <v>19323</v>
      </c>
      <c r="GK34" s="101">
        <v>0</v>
      </c>
      <c r="GL34" s="104">
        <v>0</v>
      </c>
      <c r="GM34" s="104">
        <v>54351</v>
      </c>
      <c r="GN34" s="104">
        <v>0</v>
      </c>
      <c r="GO34" s="104">
        <v>31185</v>
      </c>
      <c r="GP34" s="104">
        <v>0</v>
      </c>
      <c r="GQ34" s="103">
        <v>85536</v>
      </c>
      <c r="GR34" s="106">
        <v>104859</v>
      </c>
      <c r="GS34" s="100">
        <v>19800</v>
      </c>
      <c r="GT34" s="104">
        <v>0</v>
      </c>
      <c r="GU34" s="103">
        <v>19800</v>
      </c>
      <c r="GV34" s="100">
        <v>0</v>
      </c>
      <c r="GW34" s="104">
        <v>0</v>
      </c>
      <c r="GX34" s="104">
        <v>0</v>
      </c>
      <c r="GY34" s="104">
        <v>160000</v>
      </c>
      <c r="GZ34" s="104">
        <v>0</v>
      </c>
      <c r="HA34" s="104">
        <v>0</v>
      </c>
      <c r="HB34" s="102">
        <v>160000</v>
      </c>
      <c r="HC34" s="106">
        <v>179800</v>
      </c>
      <c r="HD34" s="100">
        <v>0</v>
      </c>
      <c r="HE34" s="104">
        <v>0</v>
      </c>
      <c r="HF34" s="102">
        <v>0</v>
      </c>
      <c r="HG34" s="101">
        <v>0</v>
      </c>
      <c r="HH34" s="104">
        <v>1163960</v>
      </c>
      <c r="HI34" s="104">
        <v>1164898</v>
      </c>
      <c r="HJ34" s="104">
        <v>916930</v>
      </c>
      <c r="HK34" s="104">
        <v>1517250</v>
      </c>
      <c r="HL34" s="104">
        <v>1351000</v>
      </c>
      <c r="HM34" s="103">
        <v>6114038</v>
      </c>
      <c r="HN34" s="99">
        <v>6114038</v>
      </c>
      <c r="HO34" s="105">
        <v>120247</v>
      </c>
      <c r="HP34" s="104">
        <v>179820</v>
      </c>
      <c r="HQ34" s="103">
        <v>300067</v>
      </c>
      <c r="HR34" s="100">
        <v>0</v>
      </c>
      <c r="HS34" s="104">
        <v>1183059</v>
      </c>
      <c r="HT34" s="104">
        <v>1130585</v>
      </c>
      <c r="HU34" s="104">
        <v>1122764</v>
      </c>
      <c r="HV34" s="104">
        <v>482336</v>
      </c>
      <c r="HW34" s="104">
        <v>317572</v>
      </c>
      <c r="HX34" s="102">
        <v>4236316</v>
      </c>
      <c r="HY34" s="106">
        <v>4536383</v>
      </c>
      <c r="HZ34" s="137">
        <v>0</v>
      </c>
      <c r="IA34" s="122">
        <v>264168</v>
      </c>
      <c r="IB34" s="137">
        <v>264168</v>
      </c>
      <c r="IC34" s="121">
        <v>0</v>
      </c>
      <c r="ID34" s="122">
        <v>3352744</v>
      </c>
      <c r="IE34" s="123">
        <v>3672551</v>
      </c>
      <c r="IF34" s="124">
        <v>6641343</v>
      </c>
      <c r="IG34" s="122">
        <v>4345305</v>
      </c>
      <c r="IH34" s="124">
        <v>2411406</v>
      </c>
      <c r="II34" s="125">
        <v>20423349</v>
      </c>
      <c r="IJ34" s="137">
        <v>20687517</v>
      </c>
      <c r="IK34" s="219">
        <v>0</v>
      </c>
      <c r="IL34" s="223">
        <v>0</v>
      </c>
      <c r="IM34" s="224">
        <v>0</v>
      </c>
      <c r="IN34" s="127"/>
      <c r="IO34" s="109">
        <v>112887</v>
      </c>
      <c r="IP34" s="109">
        <v>0</v>
      </c>
      <c r="IQ34" s="109">
        <v>0</v>
      </c>
      <c r="IR34" s="109">
        <v>0</v>
      </c>
      <c r="IS34" s="109">
        <v>0</v>
      </c>
      <c r="IT34" s="128">
        <v>112887</v>
      </c>
      <c r="IU34" s="298">
        <v>112887</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1166759</v>
      </c>
      <c r="JL34" s="109">
        <v>1276911</v>
      </c>
      <c r="JM34" s="109">
        <v>576765</v>
      </c>
      <c r="JN34" s="109">
        <v>291834</v>
      </c>
      <c r="JO34" s="109">
        <v>0</v>
      </c>
      <c r="JP34" s="110">
        <v>3312269</v>
      </c>
      <c r="JQ34" s="298">
        <v>3312269</v>
      </c>
      <c r="JR34" s="129">
        <v>0</v>
      </c>
      <c r="JS34" s="109">
        <v>0</v>
      </c>
      <c r="JT34" s="128">
        <v>0</v>
      </c>
      <c r="JU34" s="108">
        <v>0</v>
      </c>
      <c r="JV34" s="109">
        <v>0</v>
      </c>
      <c r="JW34" s="109">
        <v>0</v>
      </c>
      <c r="JX34" s="109">
        <v>79407</v>
      </c>
      <c r="JY34" s="109">
        <v>28719</v>
      </c>
      <c r="JZ34" s="109">
        <v>0</v>
      </c>
      <c r="KA34" s="110">
        <v>108126</v>
      </c>
      <c r="KB34" s="298">
        <v>108126</v>
      </c>
      <c r="KC34" s="221">
        <v>0</v>
      </c>
      <c r="KD34" s="217">
        <v>264168</v>
      </c>
      <c r="KE34" s="110">
        <v>264168</v>
      </c>
      <c r="KF34" s="108">
        <v>0</v>
      </c>
      <c r="KG34" s="109">
        <v>1062542</v>
      </c>
      <c r="KH34" s="109">
        <v>550262</v>
      </c>
      <c r="KI34" s="109">
        <v>1387188</v>
      </c>
      <c r="KJ34" s="109">
        <v>1158327</v>
      </c>
      <c r="KK34" s="109">
        <v>321453</v>
      </c>
      <c r="KL34" s="110">
        <v>4479772</v>
      </c>
      <c r="KM34" s="130">
        <v>4743940</v>
      </c>
      <c r="KN34" s="219">
        <v>0</v>
      </c>
      <c r="KO34" s="223">
        <v>0</v>
      </c>
      <c r="KP34" s="224">
        <v>0</v>
      </c>
      <c r="KQ34" s="127"/>
      <c r="KR34" s="109">
        <v>1010556</v>
      </c>
      <c r="KS34" s="109">
        <v>1845378</v>
      </c>
      <c r="KT34" s="109">
        <v>1897623</v>
      </c>
      <c r="KU34" s="109">
        <v>840330</v>
      </c>
      <c r="KV34" s="109">
        <v>564696</v>
      </c>
      <c r="KW34" s="110">
        <v>6158583</v>
      </c>
      <c r="KX34" s="298">
        <v>6158583</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2700360</v>
      </c>
      <c r="LQ34" s="109">
        <v>2026095</v>
      </c>
      <c r="LR34" s="109">
        <v>1525257</v>
      </c>
      <c r="LS34" s="110">
        <v>6251712</v>
      </c>
      <c r="LT34" s="298">
        <v>6251712</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493987</v>
      </c>
      <c r="MK34" s="109">
        <v>3677382</v>
      </c>
      <c r="ML34" s="109">
        <v>6707697</v>
      </c>
      <c r="MM34" s="109">
        <v>12111516</v>
      </c>
      <c r="MN34" s="109">
        <v>7219477</v>
      </c>
      <c r="MO34" s="110">
        <v>30210059</v>
      </c>
      <c r="MP34" s="130">
        <v>30210059</v>
      </c>
      <c r="MQ34" s="129">
        <v>0</v>
      </c>
      <c r="MR34" s="109">
        <v>0</v>
      </c>
      <c r="MS34" s="110">
        <v>0</v>
      </c>
      <c r="MT34" s="132"/>
      <c r="MU34" s="109">
        <v>0</v>
      </c>
      <c r="MV34" s="109">
        <v>431979</v>
      </c>
      <c r="MW34" s="109">
        <v>2988144</v>
      </c>
      <c r="MX34" s="109">
        <v>7588502</v>
      </c>
      <c r="MY34" s="109">
        <v>4994595</v>
      </c>
      <c r="MZ34" s="110">
        <v>16003220</v>
      </c>
      <c r="NA34" s="130">
        <v>16003220</v>
      </c>
      <c r="NB34" s="129">
        <v>0</v>
      </c>
      <c r="NC34" s="109">
        <v>0</v>
      </c>
      <c r="ND34" s="110">
        <v>0</v>
      </c>
      <c r="NE34" s="132"/>
      <c r="NF34" s="109">
        <v>493987</v>
      </c>
      <c r="NG34" s="109">
        <v>3245403</v>
      </c>
      <c r="NH34" s="109">
        <v>3719553</v>
      </c>
      <c r="NI34" s="109">
        <v>4523014</v>
      </c>
      <c r="NJ34" s="109">
        <v>2224882</v>
      </c>
      <c r="NK34" s="110">
        <v>14206839</v>
      </c>
      <c r="NL34" s="298">
        <v>14206839</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384137</v>
      </c>
      <c r="OJ34" s="109">
        <v>1104802</v>
      </c>
      <c r="OK34" s="128">
        <v>1488939</v>
      </c>
      <c r="OL34" s="108">
        <v>0</v>
      </c>
      <c r="OM34" s="109">
        <v>12116031</v>
      </c>
      <c r="ON34" s="109">
        <v>17191937</v>
      </c>
      <c r="OO34" s="109">
        <v>23856463</v>
      </c>
      <c r="OP34" s="109">
        <v>23258420</v>
      </c>
      <c r="OQ34" s="109">
        <v>16017463</v>
      </c>
      <c r="OR34" s="110">
        <v>92440314</v>
      </c>
      <c r="OS34" s="130">
        <v>93929253</v>
      </c>
    </row>
    <row r="35" spans="2:409" ht="21" customHeight="1" x14ac:dyDescent="0.2">
      <c r="B35" s="472" t="s">
        <v>30</v>
      </c>
      <c r="C35" s="100">
        <v>765475</v>
      </c>
      <c r="D35" s="104">
        <v>747060</v>
      </c>
      <c r="E35" s="161">
        <v>1512535</v>
      </c>
      <c r="F35" s="162">
        <v>0</v>
      </c>
      <c r="G35" s="163">
        <v>7400164</v>
      </c>
      <c r="H35" s="163">
        <v>6723683</v>
      </c>
      <c r="I35" s="163">
        <v>9595736</v>
      </c>
      <c r="J35" s="163">
        <v>8270267</v>
      </c>
      <c r="K35" s="163">
        <v>2453830</v>
      </c>
      <c r="L35" s="164">
        <v>34443680</v>
      </c>
      <c r="M35" s="106">
        <v>35956215</v>
      </c>
      <c r="N35" s="100">
        <v>198849</v>
      </c>
      <c r="O35" s="104">
        <v>210472</v>
      </c>
      <c r="P35" s="103">
        <v>409321</v>
      </c>
      <c r="Q35" s="100">
        <v>0</v>
      </c>
      <c r="R35" s="104">
        <v>2265058</v>
      </c>
      <c r="S35" s="104">
        <v>1703509</v>
      </c>
      <c r="T35" s="104">
        <v>3424723</v>
      </c>
      <c r="U35" s="104">
        <v>4344312</v>
      </c>
      <c r="V35" s="104">
        <v>1348114</v>
      </c>
      <c r="W35" s="103">
        <v>13085716</v>
      </c>
      <c r="X35" s="106">
        <v>13495037</v>
      </c>
      <c r="Y35" s="100">
        <v>0</v>
      </c>
      <c r="Z35" s="104">
        <v>0</v>
      </c>
      <c r="AA35" s="103">
        <v>0</v>
      </c>
      <c r="AB35" s="100">
        <v>0</v>
      </c>
      <c r="AC35" s="104">
        <v>1046546</v>
      </c>
      <c r="AD35" s="104">
        <v>763607</v>
      </c>
      <c r="AE35" s="104">
        <v>2003549</v>
      </c>
      <c r="AF35" s="104">
        <v>2566410</v>
      </c>
      <c r="AG35" s="104">
        <v>914849</v>
      </c>
      <c r="AH35" s="103">
        <v>7294961</v>
      </c>
      <c r="AI35" s="106">
        <v>7294961</v>
      </c>
      <c r="AJ35" s="100">
        <v>0</v>
      </c>
      <c r="AK35" s="104">
        <v>0</v>
      </c>
      <c r="AL35" s="103">
        <v>0</v>
      </c>
      <c r="AM35" s="100">
        <v>0</v>
      </c>
      <c r="AN35" s="104">
        <v>81064</v>
      </c>
      <c r="AO35" s="104">
        <v>0</v>
      </c>
      <c r="AP35" s="104">
        <v>193851</v>
      </c>
      <c r="AQ35" s="104">
        <v>519502</v>
      </c>
      <c r="AR35" s="104">
        <v>198180</v>
      </c>
      <c r="AS35" s="103">
        <v>992597</v>
      </c>
      <c r="AT35" s="106">
        <v>992597</v>
      </c>
      <c r="AU35" s="100">
        <v>149592</v>
      </c>
      <c r="AV35" s="104">
        <v>205819</v>
      </c>
      <c r="AW35" s="103">
        <v>355411</v>
      </c>
      <c r="AX35" s="100">
        <v>0</v>
      </c>
      <c r="AY35" s="104">
        <v>822189</v>
      </c>
      <c r="AZ35" s="104">
        <v>673907</v>
      </c>
      <c r="BA35" s="104">
        <v>851800</v>
      </c>
      <c r="BB35" s="104">
        <v>847772</v>
      </c>
      <c r="BC35" s="104">
        <v>126374</v>
      </c>
      <c r="BD35" s="103">
        <v>3322042</v>
      </c>
      <c r="BE35" s="106">
        <v>3677453</v>
      </c>
      <c r="BF35" s="100">
        <v>33804</v>
      </c>
      <c r="BG35" s="104">
        <v>0</v>
      </c>
      <c r="BH35" s="102">
        <v>33804</v>
      </c>
      <c r="BI35" s="101">
        <v>0</v>
      </c>
      <c r="BJ35" s="104">
        <v>77436</v>
      </c>
      <c r="BK35" s="104">
        <v>43020</v>
      </c>
      <c r="BL35" s="104">
        <v>77436</v>
      </c>
      <c r="BM35" s="104">
        <v>77436</v>
      </c>
      <c r="BN35" s="104">
        <v>0</v>
      </c>
      <c r="BO35" s="103">
        <v>275328</v>
      </c>
      <c r="BP35" s="106">
        <v>309132</v>
      </c>
      <c r="BQ35" s="100">
        <v>15453</v>
      </c>
      <c r="BR35" s="104">
        <v>4653</v>
      </c>
      <c r="BS35" s="103">
        <v>20106</v>
      </c>
      <c r="BT35" s="100">
        <v>0</v>
      </c>
      <c r="BU35" s="104">
        <v>237823</v>
      </c>
      <c r="BV35" s="104">
        <v>222975</v>
      </c>
      <c r="BW35" s="104">
        <v>298087</v>
      </c>
      <c r="BX35" s="104">
        <v>333192</v>
      </c>
      <c r="BY35" s="104">
        <v>108711</v>
      </c>
      <c r="BZ35" s="103">
        <v>1200788</v>
      </c>
      <c r="CA35" s="106">
        <v>1220894</v>
      </c>
      <c r="CB35" s="100">
        <v>124398</v>
      </c>
      <c r="CC35" s="104">
        <v>261097</v>
      </c>
      <c r="CD35" s="103">
        <v>385495</v>
      </c>
      <c r="CE35" s="100">
        <v>0</v>
      </c>
      <c r="CF35" s="104">
        <v>2273625</v>
      </c>
      <c r="CG35" s="104">
        <v>1765394</v>
      </c>
      <c r="CH35" s="104">
        <v>1820178</v>
      </c>
      <c r="CI35" s="104">
        <v>1655429</v>
      </c>
      <c r="CJ35" s="104">
        <v>153373</v>
      </c>
      <c r="CK35" s="103">
        <v>7667999</v>
      </c>
      <c r="CL35" s="106">
        <v>8053494</v>
      </c>
      <c r="CM35" s="100">
        <v>0</v>
      </c>
      <c r="CN35" s="104">
        <v>0</v>
      </c>
      <c r="CO35" s="103">
        <v>0</v>
      </c>
      <c r="CP35" s="101">
        <v>0</v>
      </c>
      <c r="CQ35" s="104">
        <v>1937769</v>
      </c>
      <c r="CR35" s="104">
        <v>1379317</v>
      </c>
      <c r="CS35" s="104">
        <v>1408809</v>
      </c>
      <c r="CT35" s="104">
        <v>1369039</v>
      </c>
      <c r="CU35" s="104">
        <v>153373</v>
      </c>
      <c r="CV35" s="103">
        <v>6248307</v>
      </c>
      <c r="CW35" s="106">
        <v>6248307</v>
      </c>
      <c r="CX35" s="100">
        <v>124398</v>
      </c>
      <c r="CY35" s="104">
        <v>261097</v>
      </c>
      <c r="CZ35" s="103">
        <v>385495</v>
      </c>
      <c r="DA35" s="100">
        <v>0</v>
      </c>
      <c r="DB35" s="104">
        <v>335856</v>
      </c>
      <c r="DC35" s="104">
        <v>386077</v>
      </c>
      <c r="DD35" s="104">
        <v>411369</v>
      </c>
      <c r="DE35" s="104">
        <v>286390</v>
      </c>
      <c r="DF35" s="104">
        <v>0</v>
      </c>
      <c r="DG35" s="103">
        <v>1419692</v>
      </c>
      <c r="DH35" s="106">
        <v>1805187</v>
      </c>
      <c r="DI35" s="100">
        <v>0</v>
      </c>
      <c r="DJ35" s="104">
        <v>17181</v>
      </c>
      <c r="DK35" s="102">
        <v>17181</v>
      </c>
      <c r="DL35" s="101">
        <v>0</v>
      </c>
      <c r="DM35" s="104">
        <v>316953</v>
      </c>
      <c r="DN35" s="104">
        <v>850917</v>
      </c>
      <c r="DO35" s="104">
        <v>1399540</v>
      </c>
      <c r="DP35" s="104">
        <v>655588</v>
      </c>
      <c r="DQ35" s="104">
        <v>91854</v>
      </c>
      <c r="DR35" s="103">
        <v>3314852</v>
      </c>
      <c r="DS35" s="106">
        <v>3332033</v>
      </c>
      <c r="DT35" s="100">
        <v>0</v>
      </c>
      <c r="DU35" s="104">
        <v>17181</v>
      </c>
      <c r="DV35" s="103">
        <v>17181</v>
      </c>
      <c r="DW35" s="100">
        <v>0</v>
      </c>
      <c r="DX35" s="104">
        <v>280020</v>
      </c>
      <c r="DY35" s="104">
        <v>500249</v>
      </c>
      <c r="DZ35" s="104">
        <v>848570</v>
      </c>
      <c r="EA35" s="104">
        <v>655588</v>
      </c>
      <c r="EB35" s="104">
        <v>40419</v>
      </c>
      <c r="EC35" s="103">
        <v>2324846</v>
      </c>
      <c r="ED35" s="106">
        <v>2342027</v>
      </c>
      <c r="EE35" s="100">
        <v>0</v>
      </c>
      <c r="EF35" s="102">
        <v>0</v>
      </c>
      <c r="EG35" s="103">
        <v>0</v>
      </c>
      <c r="EH35" s="100">
        <v>0</v>
      </c>
      <c r="EI35" s="104">
        <v>36933</v>
      </c>
      <c r="EJ35" s="104">
        <v>350668</v>
      </c>
      <c r="EK35" s="104">
        <v>550970</v>
      </c>
      <c r="EL35" s="104">
        <v>0</v>
      </c>
      <c r="EM35" s="104">
        <v>51435</v>
      </c>
      <c r="EN35" s="102">
        <v>990006</v>
      </c>
      <c r="EO35" s="106">
        <v>990006</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173020</v>
      </c>
      <c r="FM35" s="104">
        <v>137050</v>
      </c>
      <c r="FN35" s="103">
        <v>310070</v>
      </c>
      <c r="FO35" s="100">
        <v>0</v>
      </c>
      <c r="FP35" s="104">
        <v>458457</v>
      </c>
      <c r="FQ35" s="104">
        <v>558673</v>
      </c>
      <c r="FR35" s="104">
        <v>850272</v>
      </c>
      <c r="FS35" s="104">
        <v>578742</v>
      </c>
      <c r="FT35" s="104">
        <v>169496</v>
      </c>
      <c r="FU35" s="103">
        <v>2615640</v>
      </c>
      <c r="FV35" s="106">
        <v>2925710</v>
      </c>
      <c r="FW35" s="105">
        <v>173020</v>
      </c>
      <c r="FX35" s="104">
        <v>137050</v>
      </c>
      <c r="FY35" s="102">
        <v>310070</v>
      </c>
      <c r="FZ35" s="101">
        <v>0</v>
      </c>
      <c r="GA35" s="104">
        <v>410937</v>
      </c>
      <c r="GB35" s="104">
        <v>558673</v>
      </c>
      <c r="GC35" s="104">
        <v>850272</v>
      </c>
      <c r="GD35" s="104">
        <v>578742</v>
      </c>
      <c r="GE35" s="104">
        <v>169496</v>
      </c>
      <c r="GF35" s="103">
        <v>2568120</v>
      </c>
      <c r="GG35" s="296">
        <v>2878190</v>
      </c>
      <c r="GH35" s="105">
        <v>0</v>
      </c>
      <c r="GI35" s="104">
        <v>0</v>
      </c>
      <c r="GJ35" s="102">
        <v>0</v>
      </c>
      <c r="GK35" s="101">
        <v>0</v>
      </c>
      <c r="GL35" s="104">
        <v>47520</v>
      </c>
      <c r="GM35" s="104">
        <v>0</v>
      </c>
      <c r="GN35" s="104">
        <v>0</v>
      </c>
      <c r="GO35" s="104">
        <v>0</v>
      </c>
      <c r="GP35" s="104">
        <v>0</v>
      </c>
      <c r="GQ35" s="103">
        <v>47520</v>
      </c>
      <c r="GR35" s="106">
        <v>47520</v>
      </c>
      <c r="GS35" s="100">
        <v>0</v>
      </c>
      <c r="GT35" s="104">
        <v>0</v>
      </c>
      <c r="GU35" s="103">
        <v>0</v>
      </c>
      <c r="GV35" s="100">
        <v>0</v>
      </c>
      <c r="GW35" s="104">
        <v>0</v>
      </c>
      <c r="GX35" s="104">
        <v>0</v>
      </c>
      <c r="GY35" s="104">
        <v>0</v>
      </c>
      <c r="GZ35" s="104">
        <v>0</v>
      </c>
      <c r="HA35" s="104">
        <v>0</v>
      </c>
      <c r="HB35" s="102">
        <v>0</v>
      </c>
      <c r="HC35" s="106">
        <v>0</v>
      </c>
      <c r="HD35" s="100">
        <v>58968</v>
      </c>
      <c r="HE35" s="104">
        <v>0</v>
      </c>
      <c r="HF35" s="102">
        <v>58968</v>
      </c>
      <c r="HG35" s="101">
        <v>0</v>
      </c>
      <c r="HH35" s="104">
        <v>1006125</v>
      </c>
      <c r="HI35" s="104">
        <v>1074183</v>
      </c>
      <c r="HJ35" s="104">
        <v>1221272</v>
      </c>
      <c r="HK35" s="104">
        <v>453942</v>
      </c>
      <c r="HL35" s="104">
        <v>525730</v>
      </c>
      <c r="HM35" s="103">
        <v>4281252</v>
      </c>
      <c r="HN35" s="99">
        <v>4340220</v>
      </c>
      <c r="HO35" s="105">
        <v>210240</v>
      </c>
      <c r="HP35" s="104">
        <v>121260</v>
      </c>
      <c r="HQ35" s="103">
        <v>331500</v>
      </c>
      <c r="HR35" s="100">
        <v>0</v>
      </c>
      <c r="HS35" s="104">
        <v>1079946</v>
      </c>
      <c r="HT35" s="104">
        <v>771007</v>
      </c>
      <c r="HU35" s="104">
        <v>879751</v>
      </c>
      <c r="HV35" s="104">
        <v>582254</v>
      </c>
      <c r="HW35" s="104">
        <v>165263</v>
      </c>
      <c r="HX35" s="102">
        <v>3478221</v>
      </c>
      <c r="HY35" s="106">
        <v>3809721</v>
      </c>
      <c r="HZ35" s="118">
        <v>26763</v>
      </c>
      <c r="IA35" s="119">
        <v>0</v>
      </c>
      <c r="IB35" s="120">
        <v>26763</v>
      </c>
      <c r="IC35" s="133">
        <v>0</v>
      </c>
      <c r="ID35" s="119">
        <v>2764412</v>
      </c>
      <c r="IE35" s="134">
        <v>2117015</v>
      </c>
      <c r="IF35" s="120">
        <v>2176056</v>
      </c>
      <c r="IG35" s="119">
        <v>2581970</v>
      </c>
      <c r="IH35" s="120">
        <v>285444</v>
      </c>
      <c r="II35" s="135">
        <v>9924897</v>
      </c>
      <c r="IJ35" s="126">
        <v>9951660</v>
      </c>
      <c r="IK35" s="219">
        <v>0</v>
      </c>
      <c r="IL35" s="223">
        <v>0</v>
      </c>
      <c r="IM35" s="224">
        <v>0</v>
      </c>
      <c r="IN35" s="127"/>
      <c r="IO35" s="109">
        <v>0</v>
      </c>
      <c r="IP35" s="109">
        <v>294318</v>
      </c>
      <c r="IQ35" s="109">
        <v>179199</v>
      </c>
      <c r="IR35" s="109">
        <v>0</v>
      </c>
      <c r="IS35" s="109">
        <v>0</v>
      </c>
      <c r="IT35" s="128">
        <v>473517</v>
      </c>
      <c r="IU35" s="298">
        <v>473517</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1331828</v>
      </c>
      <c r="JL35" s="109">
        <v>480964</v>
      </c>
      <c r="JM35" s="109">
        <v>1045575</v>
      </c>
      <c r="JN35" s="109">
        <v>431937</v>
      </c>
      <c r="JO35" s="109">
        <v>0</v>
      </c>
      <c r="JP35" s="110">
        <v>3290304</v>
      </c>
      <c r="JQ35" s="298">
        <v>3290304</v>
      </c>
      <c r="JR35" s="129">
        <v>26763</v>
      </c>
      <c r="JS35" s="109">
        <v>0</v>
      </c>
      <c r="JT35" s="128">
        <v>26763</v>
      </c>
      <c r="JU35" s="108">
        <v>0</v>
      </c>
      <c r="JV35" s="109">
        <v>186741</v>
      </c>
      <c r="JW35" s="109">
        <v>264928</v>
      </c>
      <c r="JX35" s="109">
        <v>172071</v>
      </c>
      <c r="JY35" s="109">
        <v>0</v>
      </c>
      <c r="JZ35" s="109">
        <v>0</v>
      </c>
      <c r="KA35" s="110">
        <v>623740</v>
      </c>
      <c r="KB35" s="298">
        <v>650503</v>
      </c>
      <c r="KC35" s="221">
        <v>0</v>
      </c>
      <c r="KD35" s="217">
        <v>0</v>
      </c>
      <c r="KE35" s="110">
        <v>0</v>
      </c>
      <c r="KF35" s="108">
        <v>0</v>
      </c>
      <c r="KG35" s="109">
        <v>0</v>
      </c>
      <c r="KH35" s="109">
        <v>0</v>
      </c>
      <c r="KI35" s="109">
        <v>0</v>
      </c>
      <c r="KJ35" s="109">
        <v>295704</v>
      </c>
      <c r="KK35" s="109">
        <v>0</v>
      </c>
      <c r="KL35" s="110">
        <v>295704</v>
      </c>
      <c r="KM35" s="130">
        <v>295704</v>
      </c>
      <c r="KN35" s="219">
        <v>0</v>
      </c>
      <c r="KO35" s="223">
        <v>0</v>
      </c>
      <c r="KP35" s="224">
        <v>0</v>
      </c>
      <c r="KQ35" s="127"/>
      <c r="KR35" s="109">
        <v>1245843</v>
      </c>
      <c r="KS35" s="109">
        <v>1076805</v>
      </c>
      <c r="KT35" s="109">
        <v>779211</v>
      </c>
      <c r="KU35" s="109">
        <v>1854329</v>
      </c>
      <c r="KV35" s="109">
        <v>285444</v>
      </c>
      <c r="KW35" s="110">
        <v>5241632</v>
      </c>
      <c r="KX35" s="298">
        <v>5241632</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2841137</v>
      </c>
      <c r="MK35" s="109">
        <v>852132</v>
      </c>
      <c r="ML35" s="109">
        <v>9805879</v>
      </c>
      <c r="MM35" s="109">
        <v>13451481</v>
      </c>
      <c r="MN35" s="109">
        <v>6823862</v>
      </c>
      <c r="MO35" s="110">
        <v>33774491</v>
      </c>
      <c r="MP35" s="130">
        <v>33774491</v>
      </c>
      <c r="MQ35" s="129">
        <v>0</v>
      </c>
      <c r="MR35" s="109">
        <v>0</v>
      </c>
      <c r="MS35" s="110">
        <v>0</v>
      </c>
      <c r="MT35" s="132"/>
      <c r="MU35" s="109">
        <v>40635</v>
      </c>
      <c r="MV35" s="109">
        <v>138815</v>
      </c>
      <c r="MW35" s="109">
        <v>5697527</v>
      </c>
      <c r="MX35" s="109">
        <v>8677316</v>
      </c>
      <c r="MY35" s="109">
        <v>4492091</v>
      </c>
      <c r="MZ35" s="110">
        <v>19046384</v>
      </c>
      <c r="NA35" s="130">
        <v>19046384</v>
      </c>
      <c r="NB35" s="129">
        <v>0</v>
      </c>
      <c r="NC35" s="109">
        <v>0</v>
      </c>
      <c r="ND35" s="110">
        <v>0</v>
      </c>
      <c r="NE35" s="132"/>
      <c r="NF35" s="109">
        <v>2800502</v>
      </c>
      <c r="NG35" s="109">
        <v>713317</v>
      </c>
      <c r="NH35" s="109">
        <v>4108352</v>
      </c>
      <c r="NI35" s="109">
        <v>4346978</v>
      </c>
      <c r="NJ35" s="109">
        <v>2050405</v>
      </c>
      <c r="NK35" s="110">
        <v>14019554</v>
      </c>
      <c r="NL35" s="298">
        <v>14019554</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427187</v>
      </c>
      <c r="OF35" s="109">
        <v>281366</v>
      </c>
      <c r="OG35" s="110">
        <v>708553</v>
      </c>
      <c r="OH35" s="111">
        <v>708553</v>
      </c>
      <c r="OI35" s="129">
        <v>792238</v>
      </c>
      <c r="OJ35" s="109">
        <v>747060</v>
      </c>
      <c r="OK35" s="128">
        <v>1539298</v>
      </c>
      <c r="OL35" s="108">
        <v>0</v>
      </c>
      <c r="OM35" s="109">
        <v>13005713</v>
      </c>
      <c r="ON35" s="109">
        <v>9692830</v>
      </c>
      <c r="OO35" s="109">
        <v>21577671</v>
      </c>
      <c r="OP35" s="109">
        <v>24303718</v>
      </c>
      <c r="OQ35" s="109">
        <v>9563136</v>
      </c>
      <c r="OR35" s="110">
        <v>78143068</v>
      </c>
      <c r="OS35" s="130">
        <v>79682366</v>
      </c>
    </row>
    <row r="36" spans="2:409" ht="21" customHeight="1" x14ac:dyDescent="0.2">
      <c r="B36" s="472" t="s">
        <v>31</v>
      </c>
      <c r="C36" s="100">
        <v>374620</v>
      </c>
      <c r="D36" s="104">
        <v>1256517</v>
      </c>
      <c r="E36" s="103">
        <v>1631137</v>
      </c>
      <c r="F36" s="99">
        <v>0</v>
      </c>
      <c r="G36" s="104">
        <v>6681029</v>
      </c>
      <c r="H36" s="104">
        <v>8154355</v>
      </c>
      <c r="I36" s="104">
        <v>10355923</v>
      </c>
      <c r="J36" s="104">
        <v>5772327</v>
      </c>
      <c r="K36" s="104">
        <v>2940955</v>
      </c>
      <c r="L36" s="160">
        <v>33904589</v>
      </c>
      <c r="M36" s="106">
        <v>35535726</v>
      </c>
      <c r="N36" s="100">
        <v>168304</v>
      </c>
      <c r="O36" s="104">
        <v>234234</v>
      </c>
      <c r="P36" s="103">
        <v>402538</v>
      </c>
      <c r="Q36" s="100">
        <v>0</v>
      </c>
      <c r="R36" s="104">
        <v>1375615</v>
      </c>
      <c r="S36" s="104">
        <v>1328429</v>
      </c>
      <c r="T36" s="104">
        <v>2222935</v>
      </c>
      <c r="U36" s="104">
        <v>1910939</v>
      </c>
      <c r="V36" s="104">
        <v>1408823</v>
      </c>
      <c r="W36" s="103">
        <v>8246741</v>
      </c>
      <c r="X36" s="106">
        <v>8649279</v>
      </c>
      <c r="Y36" s="100">
        <v>0</v>
      </c>
      <c r="Z36" s="104">
        <v>0</v>
      </c>
      <c r="AA36" s="103">
        <v>0</v>
      </c>
      <c r="AB36" s="100">
        <v>0</v>
      </c>
      <c r="AC36" s="104">
        <v>404445</v>
      </c>
      <c r="AD36" s="104">
        <v>440993</v>
      </c>
      <c r="AE36" s="104">
        <v>1081258</v>
      </c>
      <c r="AF36" s="104">
        <v>458558</v>
      </c>
      <c r="AG36" s="104">
        <v>625347</v>
      </c>
      <c r="AH36" s="103">
        <v>3010601</v>
      </c>
      <c r="AI36" s="106">
        <v>3010601</v>
      </c>
      <c r="AJ36" s="100">
        <v>0</v>
      </c>
      <c r="AK36" s="104">
        <v>0</v>
      </c>
      <c r="AL36" s="103">
        <v>0</v>
      </c>
      <c r="AM36" s="100">
        <v>0</v>
      </c>
      <c r="AN36" s="104">
        <v>51174</v>
      </c>
      <c r="AO36" s="104">
        <v>56856</v>
      </c>
      <c r="AP36" s="104">
        <v>283389</v>
      </c>
      <c r="AQ36" s="104">
        <v>544111</v>
      </c>
      <c r="AR36" s="104">
        <v>311816</v>
      </c>
      <c r="AS36" s="103">
        <v>1247346</v>
      </c>
      <c r="AT36" s="106">
        <v>1247346</v>
      </c>
      <c r="AU36" s="100">
        <v>152176</v>
      </c>
      <c r="AV36" s="104">
        <v>183798</v>
      </c>
      <c r="AW36" s="103">
        <v>335974</v>
      </c>
      <c r="AX36" s="100">
        <v>0</v>
      </c>
      <c r="AY36" s="104">
        <v>699001</v>
      </c>
      <c r="AZ36" s="104">
        <v>501847</v>
      </c>
      <c r="BA36" s="104">
        <v>636249</v>
      </c>
      <c r="BB36" s="104">
        <v>688601</v>
      </c>
      <c r="BC36" s="104">
        <v>397424</v>
      </c>
      <c r="BD36" s="103">
        <v>2923122</v>
      </c>
      <c r="BE36" s="106">
        <v>3259096</v>
      </c>
      <c r="BF36" s="100">
        <v>0</v>
      </c>
      <c r="BG36" s="104">
        <v>50436</v>
      </c>
      <c r="BH36" s="102">
        <v>50436</v>
      </c>
      <c r="BI36" s="101">
        <v>0</v>
      </c>
      <c r="BJ36" s="104">
        <v>77436</v>
      </c>
      <c r="BK36" s="104">
        <v>77436</v>
      </c>
      <c r="BL36" s="104">
        <v>61133</v>
      </c>
      <c r="BM36" s="104">
        <v>94644</v>
      </c>
      <c r="BN36" s="104">
        <v>0</v>
      </c>
      <c r="BO36" s="103">
        <v>310649</v>
      </c>
      <c r="BP36" s="106">
        <v>361085</v>
      </c>
      <c r="BQ36" s="100">
        <v>16128</v>
      </c>
      <c r="BR36" s="104">
        <v>0</v>
      </c>
      <c r="BS36" s="103">
        <v>16128</v>
      </c>
      <c r="BT36" s="100">
        <v>0</v>
      </c>
      <c r="BU36" s="104">
        <v>143559</v>
      </c>
      <c r="BV36" s="104">
        <v>251297</v>
      </c>
      <c r="BW36" s="104">
        <v>160906</v>
      </c>
      <c r="BX36" s="104">
        <v>125025</v>
      </c>
      <c r="BY36" s="104">
        <v>74236</v>
      </c>
      <c r="BZ36" s="103">
        <v>755023</v>
      </c>
      <c r="CA36" s="106">
        <v>771151</v>
      </c>
      <c r="CB36" s="100">
        <v>0</v>
      </c>
      <c r="CC36" s="104">
        <v>76752</v>
      </c>
      <c r="CD36" s="103">
        <v>76752</v>
      </c>
      <c r="CE36" s="100">
        <v>0</v>
      </c>
      <c r="CF36" s="104">
        <v>2298930</v>
      </c>
      <c r="CG36" s="104">
        <v>2965932</v>
      </c>
      <c r="CH36" s="104">
        <v>2494382</v>
      </c>
      <c r="CI36" s="104">
        <v>1337736</v>
      </c>
      <c r="CJ36" s="104">
        <v>837371</v>
      </c>
      <c r="CK36" s="103">
        <v>9934351</v>
      </c>
      <c r="CL36" s="106">
        <v>10011103</v>
      </c>
      <c r="CM36" s="100">
        <v>0</v>
      </c>
      <c r="CN36" s="104">
        <v>0</v>
      </c>
      <c r="CO36" s="103">
        <v>0</v>
      </c>
      <c r="CP36" s="101">
        <v>0</v>
      </c>
      <c r="CQ36" s="104">
        <v>2003573</v>
      </c>
      <c r="CR36" s="104">
        <v>2518000</v>
      </c>
      <c r="CS36" s="104">
        <v>1996761</v>
      </c>
      <c r="CT36" s="104">
        <v>1046637</v>
      </c>
      <c r="CU36" s="104">
        <v>729955</v>
      </c>
      <c r="CV36" s="103">
        <v>8294926</v>
      </c>
      <c r="CW36" s="106">
        <v>8294926</v>
      </c>
      <c r="CX36" s="100">
        <v>0</v>
      </c>
      <c r="CY36" s="104">
        <v>76752</v>
      </c>
      <c r="CZ36" s="103">
        <v>76752</v>
      </c>
      <c r="DA36" s="100">
        <v>0</v>
      </c>
      <c r="DB36" s="104">
        <v>295357</v>
      </c>
      <c r="DC36" s="104">
        <v>447932</v>
      </c>
      <c r="DD36" s="104">
        <v>497621</v>
      </c>
      <c r="DE36" s="104">
        <v>291099</v>
      </c>
      <c r="DF36" s="104">
        <v>107416</v>
      </c>
      <c r="DG36" s="103">
        <v>1639425</v>
      </c>
      <c r="DH36" s="106">
        <v>1716177</v>
      </c>
      <c r="DI36" s="100">
        <v>0</v>
      </c>
      <c r="DJ36" s="104">
        <v>0</v>
      </c>
      <c r="DK36" s="102">
        <v>0</v>
      </c>
      <c r="DL36" s="101">
        <v>0</v>
      </c>
      <c r="DM36" s="104">
        <v>197110</v>
      </c>
      <c r="DN36" s="104">
        <v>344146</v>
      </c>
      <c r="DO36" s="104">
        <v>2856685</v>
      </c>
      <c r="DP36" s="104">
        <v>698294</v>
      </c>
      <c r="DQ36" s="104">
        <v>148852</v>
      </c>
      <c r="DR36" s="103">
        <v>4245087</v>
      </c>
      <c r="DS36" s="106">
        <v>4245087</v>
      </c>
      <c r="DT36" s="100">
        <v>0</v>
      </c>
      <c r="DU36" s="104">
        <v>0</v>
      </c>
      <c r="DV36" s="103">
        <v>0</v>
      </c>
      <c r="DW36" s="100">
        <v>0</v>
      </c>
      <c r="DX36" s="104">
        <v>197110</v>
      </c>
      <c r="DY36" s="104">
        <v>344146</v>
      </c>
      <c r="DZ36" s="104">
        <v>2856685</v>
      </c>
      <c r="EA36" s="104">
        <v>698294</v>
      </c>
      <c r="EB36" s="104">
        <v>92224</v>
      </c>
      <c r="EC36" s="103">
        <v>4188459</v>
      </c>
      <c r="ED36" s="106">
        <v>4188459</v>
      </c>
      <c r="EE36" s="100">
        <v>0</v>
      </c>
      <c r="EF36" s="102">
        <v>0</v>
      </c>
      <c r="EG36" s="103">
        <v>0</v>
      </c>
      <c r="EH36" s="100">
        <v>0</v>
      </c>
      <c r="EI36" s="104">
        <v>0</v>
      </c>
      <c r="EJ36" s="104">
        <v>0</v>
      </c>
      <c r="EK36" s="104">
        <v>0</v>
      </c>
      <c r="EL36" s="104">
        <v>0</v>
      </c>
      <c r="EM36" s="104">
        <v>56628</v>
      </c>
      <c r="EN36" s="102">
        <v>56628</v>
      </c>
      <c r="EO36" s="106">
        <v>56628</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91000</v>
      </c>
      <c r="FM36" s="104">
        <v>579400</v>
      </c>
      <c r="FN36" s="103">
        <v>670400</v>
      </c>
      <c r="FO36" s="100">
        <v>0</v>
      </c>
      <c r="FP36" s="104">
        <v>455652</v>
      </c>
      <c r="FQ36" s="104">
        <v>631707</v>
      </c>
      <c r="FR36" s="104">
        <v>635296</v>
      </c>
      <c r="FS36" s="104">
        <v>573678</v>
      </c>
      <c r="FT36" s="104">
        <v>327727</v>
      </c>
      <c r="FU36" s="103">
        <v>2624060</v>
      </c>
      <c r="FV36" s="106">
        <v>3294460</v>
      </c>
      <c r="FW36" s="105">
        <v>91000</v>
      </c>
      <c r="FX36" s="104">
        <v>353050</v>
      </c>
      <c r="FY36" s="102">
        <v>444050</v>
      </c>
      <c r="FZ36" s="101">
        <v>0</v>
      </c>
      <c r="GA36" s="104">
        <v>392832</v>
      </c>
      <c r="GB36" s="104">
        <v>631707</v>
      </c>
      <c r="GC36" s="104">
        <v>610348</v>
      </c>
      <c r="GD36" s="104">
        <v>573678</v>
      </c>
      <c r="GE36" s="104">
        <v>327727</v>
      </c>
      <c r="GF36" s="103">
        <v>2536292</v>
      </c>
      <c r="GG36" s="296">
        <v>2980342</v>
      </c>
      <c r="GH36" s="105">
        <v>0</v>
      </c>
      <c r="GI36" s="104">
        <v>0</v>
      </c>
      <c r="GJ36" s="102">
        <v>0</v>
      </c>
      <c r="GK36" s="101">
        <v>0</v>
      </c>
      <c r="GL36" s="104">
        <v>62820</v>
      </c>
      <c r="GM36" s="104">
        <v>0</v>
      </c>
      <c r="GN36" s="104">
        <v>24948</v>
      </c>
      <c r="GO36" s="104">
        <v>0</v>
      </c>
      <c r="GP36" s="104">
        <v>0</v>
      </c>
      <c r="GQ36" s="103">
        <v>87768</v>
      </c>
      <c r="GR36" s="106">
        <v>87768</v>
      </c>
      <c r="GS36" s="100">
        <v>0</v>
      </c>
      <c r="GT36" s="104">
        <v>226350</v>
      </c>
      <c r="GU36" s="103">
        <v>226350</v>
      </c>
      <c r="GV36" s="100">
        <v>0</v>
      </c>
      <c r="GW36" s="104">
        <v>0</v>
      </c>
      <c r="GX36" s="104">
        <v>0</v>
      </c>
      <c r="GY36" s="104">
        <v>0</v>
      </c>
      <c r="GZ36" s="104">
        <v>0</v>
      </c>
      <c r="HA36" s="104">
        <v>0</v>
      </c>
      <c r="HB36" s="102">
        <v>0</v>
      </c>
      <c r="HC36" s="106">
        <v>226350</v>
      </c>
      <c r="HD36" s="100">
        <v>8012</v>
      </c>
      <c r="HE36" s="104">
        <v>99279</v>
      </c>
      <c r="HF36" s="102">
        <v>107291</v>
      </c>
      <c r="HG36" s="101">
        <v>0</v>
      </c>
      <c r="HH36" s="104">
        <v>969325</v>
      </c>
      <c r="HI36" s="104">
        <v>1792292</v>
      </c>
      <c r="HJ36" s="104">
        <v>1276547</v>
      </c>
      <c r="HK36" s="104">
        <v>728048</v>
      </c>
      <c r="HL36" s="104">
        <v>0</v>
      </c>
      <c r="HM36" s="103">
        <v>4766212</v>
      </c>
      <c r="HN36" s="99">
        <v>4873503</v>
      </c>
      <c r="HO36" s="105">
        <v>107304</v>
      </c>
      <c r="HP36" s="104">
        <v>266852</v>
      </c>
      <c r="HQ36" s="103">
        <v>374156</v>
      </c>
      <c r="HR36" s="100">
        <v>0</v>
      </c>
      <c r="HS36" s="104">
        <v>1384397</v>
      </c>
      <c r="HT36" s="104">
        <v>1091849</v>
      </c>
      <c r="HU36" s="104">
        <v>870078</v>
      </c>
      <c r="HV36" s="104">
        <v>523632</v>
      </c>
      <c r="HW36" s="104">
        <v>218182</v>
      </c>
      <c r="HX36" s="102">
        <v>4088138</v>
      </c>
      <c r="HY36" s="106">
        <v>4462294</v>
      </c>
      <c r="HZ36" s="137">
        <v>0</v>
      </c>
      <c r="IA36" s="122">
        <v>89552</v>
      </c>
      <c r="IB36" s="137">
        <v>89552</v>
      </c>
      <c r="IC36" s="121">
        <v>0</v>
      </c>
      <c r="ID36" s="122">
        <v>3996290</v>
      </c>
      <c r="IE36" s="123">
        <v>4216004</v>
      </c>
      <c r="IF36" s="124">
        <v>5266185</v>
      </c>
      <c r="IG36" s="122">
        <v>4900658</v>
      </c>
      <c r="IH36" s="124">
        <v>1910612</v>
      </c>
      <c r="II36" s="125">
        <v>20289749</v>
      </c>
      <c r="IJ36" s="137">
        <v>20379301</v>
      </c>
      <c r="IK36" s="219">
        <v>0</v>
      </c>
      <c r="IL36" s="223">
        <v>0</v>
      </c>
      <c r="IM36" s="224">
        <v>0</v>
      </c>
      <c r="IN36" s="127"/>
      <c r="IO36" s="109">
        <v>0</v>
      </c>
      <c r="IP36" s="109">
        <v>199936</v>
      </c>
      <c r="IQ36" s="109">
        <v>0</v>
      </c>
      <c r="IR36" s="109">
        <v>0</v>
      </c>
      <c r="IS36" s="109">
        <v>0</v>
      </c>
      <c r="IT36" s="128">
        <v>199936</v>
      </c>
      <c r="IU36" s="298">
        <v>199936</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1073430</v>
      </c>
      <c r="JL36" s="109">
        <v>578312</v>
      </c>
      <c r="JM36" s="109">
        <v>516005</v>
      </c>
      <c r="JN36" s="109">
        <v>388603</v>
      </c>
      <c r="JO36" s="109">
        <v>0</v>
      </c>
      <c r="JP36" s="110">
        <v>2556350</v>
      </c>
      <c r="JQ36" s="298">
        <v>2556350</v>
      </c>
      <c r="JR36" s="129">
        <v>0</v>
      </c>
      <c r="JS36" s="109">
        <v>0</v>
      </c>
      <c r="JT36" s="128">
        <v>0</v>
      </c>
      <c r="JU36" s="108">
        <v>0</v>
      </c>
      <c r="JV36" s="109">
        <v>0</v>
      </c>
      <c r="JW36" s="109">
        <v>0</v>
      </c>
      <c r="JX36" s="109">
        <v>0</v>
      </c>
      <c r="JY36" s="109">
        <v>194972</v>
      </c>
      <c r="JZ36" s="109">
        <v>216324</v>
      </c>
      <c r="KA36" s="110">
        <v>411296</v>
      </c>
      <c r="KB36" s="298">
        <v>411296</v>
      </c>
      <c r="KC36" s="221">
        <v>0</v>
      </c>
      <c r="KD36" s="217">
        <v>89552</v>
      </c>
      <c r="KE36" s="110">
        <v>89552</v>
      </c>
      <c r="KF36" s="108">
        <v>0</v>
      </c>
      <c r="KG36" s="109">
        <v>1016928</v>
      </c>
      <c r="KH36" s="109">
        <v>957948</v>
      </c>
      <c r="KI36" s="109">
        <v>1358841</v>
      </c>
      <c r="KJ36" s="109">
        <v>1495348</v>
      </c>
      <c r="KK36" s="109">
        <v>250105</v>
      </c>
      <c r="KL36" s="110">
        <v>5079170</v>
      </c>
      <c r="KM36" s="130">
        <v>5168722</v>
      </c>
      <c r="KN36" s="219">
        <v>0</v>
      </c>
      <c r="KO36" s="223">
        <v>0</v>
      </c>
      <c r="KP36" s="224">
        <v>0</v>
      </c>
      <c r="KQ36" s="127"/>
      <c r="KR36" s="109">
        <v>1905932</v>
      </c>
      <c r="KS36" s="109">
        <v>2393480</v>
      </c>
      <c r="KT36" s="109">
        <v>3391339</v>
      </c>
      <c r="KU36" s="109">
        <v>2821735</v>
      </c>
      <c r="KV36" s="109">
        <v>1444183</v>
      </c>
      <c r="KW36" s="110">
        <v>11956669</v>
      </c>
      <c r="KX36" s="298">
        <v>11956669</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86328</v>
      </c>
      <c r="LP36" s="109">
        <v>0</v>
      </c>
      <c r="LQ36" s="109">
        <v>0</v>
      </c>
      <c r="LR36" s="109">
        <v>0</v>
      </c>
      <c r="LS36" s="110">
        <v>86328</v>
      </c>
      <c r="LT36" s="298">
        <v>86328</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708275</v>
      </c>
      <c r="MK36" s="109">
        <v>3710672</v>
      </c>
      <c r="ML36" s="109">
        <v>10932965</v>
      </c>
      <c r="MM36" s="109">
        <v>12118911</v>
      </c>
      <c r="MN36" s="109">
        <v>9297420</v>
      </c>
      <c r="MO36" s="110">
        <v>36768243</v>
      </c>
      <c r="MP36" s="130">
        <v>36768243</v>
      </c>
      <c r="MQ36" s="129">
        <v>0</v>
      </c>
      <c r="MR36" s="109">
        <v>0</v>
      </c>
      <c r="MS36" s="110">
        <v>0</v>
      </c>
      <c r="MT36" s="132"/>
      <c r="MU36" s="109">
        <v>231615</v>
      </c>
      <c r="MV36" s="109">
        <v>452136</v>
      </c>
      <c r="MW36" s="109">
        <v>8328203</v>
      </c>
      <c r="MX36" s="109">
        <v>8238055</v>
      </c>
      <c r="MY36" s="109">
        <v>7288079</v>
      </c>
      <c r="MZ36" s="110">
        <v>24538088</v>
      </c>
      <c r="NA36" s="130">
        <v>24538088</v>
      </c>
      <c r="NB36" s="129">
        <v>0</v>
      </c>
      <c r="NC36" s="109">
        <v>0</v>
      </c>
      <c r="ND36" s="110">
        <v>0</v>
      </c>
      <c r="NE36" s="132"/>
      <c r="NF36" s="109">
        <v>476660</v>
      </c>
      <c r="NG36" s="109">
        <v>2959662</v>
      </c>
      <c r="NH36" s="109">
        <v>2604762</v>
      </c>
      <c r="NI36" s="109">
        <v>3121169</v>
      </c>
      <c r="NJ36" s="109">
        <v>1623709</v>
      </c>
      <c r="NK36" s="110">
        <v>10785962</v>
      </c>
      <c r="NL36" s="298">
        <v>10785962</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298874</v>
      </c>
      <c r="OD36" s="109">
        <v>0</v>
      </c>
      <c r="OE36" s="109">
        <v>759687</v>
      </c>
      <c r="OF36" s="109">
        <v>385632</v>
      </c>
      <c r="OG36" s="110">
        <v>1444193</v>
      </c>
      <c r="OH36" s="111">
        <v>1444193</v>
      </c>
      <c r="OI36" s="129">
        <v>374620</v>
      </c>
      <c r="OJ36" s="109">
        <v>1346069</v>
      </c>
      <c r="OK36" s="128">
        <v>1720689</v>
      </c>
      <c r="OL36" s="108">
        <v>0</v>
      </c>
      <c r="OM36" s="109">
        <v>11385594</v>
      </c>
      <c r="ON36" s="109">
        <v>16081031</v>
      </c>
      <c r="OO36" s="109">
        <v>26555073</v>
      </c>
      <c r="OP36" s="109">
        <v>22791896</v>
      </c>
      <c r="OQ36" s="109">
        <v>14148987</v>
      </c>
      <c r="OR36" s="110">
        <v>90962581</v>
      </c>
      <c r="OS36" s="130">
        <v>92683270</v>
      </c>
    </row>
    <row r="37" spans="2:409" ht="21" customHeight="1" x14ac:dyDescent="0.2">
      <c r="B37" s="472" t="s">
        <v>32</v>
      </c>
      <c r="C37" s="100">
        <v>504508</v>
      </c>
      <c r="D37" s="104">
        <v>1270980</v>
      </c>
      <c r="E37" s="161">
        <v>1775488</v>
      </c>
      <c r="F37" s="162">
        <v>0</v>
      </c>
      <c r="G37" s="163">
        <v>10230907</v>
      </c>
      <c r="H37" s="163">
        <v>11394920</v>
      </c>
      <c r="I37" s="163">
        <v>9441103</v>
      </c>
      <c r="J37" s="163">
        <v>9134591</v>
      </c>
      <c r="K37" s="163">
        <v>6526436</v>
      </c>
      <c r="L37" s="164">
        <v>46727957</v>
      </c>
      <c r="M37" s="106">
        <v>48503445</v>
      </c>
      <c r="N37" s="100">
        <v>77013</v>
      </c>
      <c r="O37" s="104">
        <v>253963</v>
      </c>
      <c r="P37" s="103">
        <v>330976</v>
      </c>
      <c r="Q37" s="100">
        <v>0</v>
      </c>
      <c r="R37" s="104">
        <v>2639353</v>
      </c>
      <c r="S37" s="104">
        <v>2321988</v>
      </c>
      <c r="T37" s="104">
        <v>2793397</v>
      </c>
      <c r="U37" s="104">
        <v>2482623</v>
      </c>
      <c r="V37" s="104">
        <v>3629967</v>
      </c>
      <c r="W37" s="103">
        <v>13867328</v>
      </c>
      <c r="X37" s="106">
        <v>14198304</v>
      </c>
      <c r="Y37" s="100">
        <v>0</v>
      </c>
      <c r="Z37" s="104">
        <v>0</v>
      </c>
      <c r="AA37" s="103">
        <v>0</v>
      </c>
      <c r="AB37" s="100">
        <v>0</v>
      </c>
      <c r="AC37" s="104">
        <v>1026707</v>
      </c>
      <c r="AD37" s="104">
        <v>937755</v>
      </c>
      <c r="AE37" s="104">
        <v>1814821</v>
      </c>
      <c r="AF37" s="104">
        <v>1062743</v>
      </c>
      <c r="AG37" s="104">
        <v>2365531</v>
      </c>
      <c r="AH37" s="103">
        <v>7207557</v>
      </c>
      <c r="AI37" s="106">
        <v>7207557</v>
      </c>
      <c r="AJ37" s="100">
        <v>0</v>
      </c>
      <c r="AK37" s="104">
        <v>0</v>
      </c>
      <c r="AL37" s="103">
        <v>0</v>
      </c>
      <c r="AM37" s="100">
        <v>0</v>
      </c>
      <c r="AN37" s="104">
        <v>0</v>
      </c>
      <c r="AO37" s="104">
        <v>0</v>
      </c>
      <c r="AP37" s="104">
        <v>38914</v>
      </c>
      <c r="AQ37" s="104">
        <v>303966</v>
      </c>
      <c r="AR37" s="104">
        <v>503555</v>
      </c>
      <c r="AS37" s="103">
        <v>846435</v>
      </c>
      <c r="AT37" s="106">
        <v>846435</v>
      </c>
      <c r="AU37" s="100">
        <v>37332</v>
      </c>
      <c r="AV37" s="104">
        <v>233101</v>
      </c>
      <c r="AW37" s="103">
        <v>270433</v>
      </c>
      <c r="AX37" s="100">
        <v>0</v>
      </c>
      <c r="AY37" s="104">
        <v>1237363</v>
      </c>
      <c r="AZ37" s="104">
        <v>1107607</v>
      </c>
      <c r="BA37" s="104">
        <v>649451</v>
      </c>
      <c r="BB37" s="104">
        <v>649067</v>
      </c>
      <c r="BC37" s="104">
        <v>383263</v>
      </c>
      <c r="BD37" s="103">
        <v>4026751</v>
      </c>
      <c r="BE37" s="106">
        <v>4297184</v>
      </c>
      <c r="BF37" s="100">
        <v>0</v>
      </c>
      <c r="BG37" s="104">
        <v>16902</v>
      </c>
      <c r="BH37" s="102">
        <v>16902</v>
      </c>
      <c r="BI37" s="101">
        <v>0</v>
      </c>
      <c r="BJ37" s="104">
        <v>193329</v>
      </c>
      <c r="BK37" s="104">
        <v>50668</v>
      </c>
      <c r="BL37" s="104">
        <v>0</v>
      </c>
      <c r="BM37" s="104">
        <v>63096</v>
      </c>
      <c r="BN37" s="104">
        <v>81171</v>
      </c>
      <c r="BO37" s="103">
        <v>388264</v>
      </c>
      <c r="BP37" s="106">
        <v>405166</v>
      </c>
      <c r="BQ37" s="100">
        <v>39681</v>
      </c>
      <c r="BR37" s="104">
        <v>3960</v>
      </c>
      <c r="BS37" s="103">
        <v>43641</v>
      </c>
      <c r="BT37" s="100">
        <v>0</v>
      </c>
      <c r="BU37" s="104">
        <v>181954</v>
      </c>
      <c r="BV37" s="104">
        <v>225958</v>
      </c>
      <c r="BW37" s="104">
        <v>290211</v>
      </c>
      <c r="BX37" s="104">
        <v>403751</v>
      </c>
      <c r="BY37" s="104">
        <v>296447</v>
      </c>
      <c r="BZ37" s="103">
        <v>1398321</v>
      </c>
      <c r="CA37" s="106">
        <v>1441962</v>
      </c>
      <c r="CB37" s="100">
        <v>0</v>
      </c>
      <c r="CC37" s="104">
        <v>228231</v>
      </c>
      <c r="CD37" s="103">
        <v>228231</v>
      </c>
      <c r="CE37" s="100">
        <v>0</v>
      </c>
      <c r="CF37" s="104">
        <v>3649489</v>
      </c>
      <c r="CG37" s="104">
        <v>4210658</v>
      </c>
      <c r="CH37" s="104">
        <v>2464388</v>
      </c>
      <c r="CI37" s="104">
        <v>2120899</v>
      </c>
      <c r="CJ37" s="104">
        <v>602410</v>
      </c>
      <c r="CK37" s="103">
        <v>13047844</v>
      </c>
      <c r="CL37" s="106">
        <v>13276075</v>
      </c>
      <c r="CM37" s="100">
        <v>0</v>
      </c>
      <c r="CN37" s="104">
        <v>0</v>
      </c>
      <c r="CO37" s="103">
        <v>0</v>
      </c>
      <c r="CP37" s="101">
        <v>0</v>
      </c>
      <c r="CQ37" s="104">
        <v>2962377</v>
      </c>
      <c r="CR37" s="104">
        <v>3268234</v>
      </c>
      <c r="CS37" s="104">
        <v>2009578</v>
      </c>
      <c r="CT37" s="104">
        <v>1747933</v>
      </c>
      <c r="CU37" s="104">
        <v>310966</v>
      </c>
      <c r="CV37" s="103">
        <v>10299088</v>
      </c>
      <c r="CW37" s="106">
        <v>10299088</v>
      </c>
      <c r="CX37" s="100">
        <v>0</v>
      </c>
      <c r="CY37" s="104">
        <v>228231</v>
      </c>
      <c r="CZ37" s="103">
        <v>228231</v>
      </c>
      <c r="DA37" s="100">
        <v>0</v>
      </c>
      <c r="DB37" s="104">
        <v>687112</v>
      </c>
      <c r="DC37" s="104">
        <v>942424</v>
      </c>
      <c r="DD37" s="104">
        <v>454810</v>
      </c>
      <c r="DE37" s="104">
        <v>372966</v>
      </c>
      <c r="DF37" s="104">
        <v>291444</v>
      </c>
      <c r="DG37" s="103">
        <v>2748756</v>
      </c>
      <c r="DH37" s="106">
        <v>2976987</v>
      </c>
      <c r="DI37" s="100">
        <v>37504</v>
      </c>
      <c r="DJ37" s="104">
        <v>12620</v>
      </c>
      <c r="DK37" s="102">
        <v>50124</v>
      </c>
      <c r="DL37" s="101">
        <v>0</v>
      </c>
      <c r="DM37" s="104">
        <v>164794</v>
      </c>
      <c r="DN37" s="104">
        <v>705839</v>
      </c>
      <c r="DO37" s="104">
        <v>801635</v>
      </c>
      <c r="DP37" s="104">
        <v>724517</v>
      </c>
      <c r="DQ37" s="104">
        <v>403106</v>
      </c>
      <c r="DR37" s="103">
        <v>2799891</v>
      </c>
      <c r="DS37" s="106">
        <v>2850015</v>
      </c>
      <c r="DT37" s="100">
        <v>37504</v>
      </c>
      <c r="DU37" s="104">
        <v>12620</v>
      </c>
      <c r="DV37" s="103">
        <v>50124</v>
      </c>
      <c r="DW37" s="100">
        <v>0</v>
      </c>
      <c r="DX37" s="104">
        <v>145642</v>
      </c>
      <c r="DY37" s="104">
        <v>477559</v>
      </c>
      <c r="DZ37" s="104">
        <v>727670</v>
      </c>
      <c r="EA37" s="104">
        <v>628705</v>
      </c>
      <c r="EB37" s="104">
        <v>374119</v>
      </c>
      <c r="EC37" s="103">
        <v>2353695</v>
      </c>
      <c r="ED37" s="106">
        <v>2403819</v>
      </c>
      <c r="EE37" s="100">
        <v>0</v>
      </c>
      <c r="EF37" s="102">
        <v>0</v>
      </c>
      <c r="EG37" s="103">
        <v>0</v>
      </c>
      <c r="EH37" s="100">
        <v>0</v>
      </c>
      <c r="EI37" s="104">
        <v>19152</v>
      </c>
      <c r="EJ37" s="104">
        <v>228280</v>
      </c>
      <c r="EK37" s="104">
        <v>73965</v>
      </c>
      <c r="EL37" s="104">
        <v>95812</v>
      </c>
      <c r="EM37" s="104">
        <v>28987</v>
      </c>
      <c r="EN37" s="102">
        <v>446196</v>
      </c>
      <c r="EO37" s="106">
        <v>446196</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117250</v>
      </c>
      <c r="FM37" s="104">
        <v>370056</v>
      </c>
      <c r="FN37" s="103">
        <v>487306</v>
      </c>
      <c r="FO37" s="100">
        <v>0</v>
      </c>
      <c r="FP37" s="104">
        <v>822243</v>
      </c>
      <c r="FQ37" s="104">
        <v>1326825</v>
      </c>
      <c r="FR37" s="104">
        <v>910449</v>
      </c>
      <c r="FS37" s="104">
        <v>740599</v>
      </c>
      <c r="FT37" s="104">
        <v>324636</v>
      </c>
      <c r="FU37" s="103">
        <v>4124752</v>
      </c>
      <c r="FV37" s="106">
        <v>4612058</v>
      </c>
      <c r="FW37" s="105">
        <v>117250</v>
      </c>
      <c r="FX37" s="104">
        <v>300360</v>
      </c>
      <c r="FY37" s="102">
        <v>417610</v>
      </c>
      <c r="FZ37" s="101">
        <v>0</v>
      </c>
      <c r="GA37" s="104">
        <v>611730</v>
      </c>
      <c r="GB37" s="104">
        <v>1032368</v>
      </c>
      <c r="GC37" s="104">
        <v>814320</v>
      </c>
      <c r="GD37" s="104">
        <v>598658</v>
      </c>
      <c r="GE37" s="104">
        <v>324636</v>
      </c>
      <c r="GF37" s="103">
        <v>3381712</v>
      </c>
      <c r="GG37" s="296">
        <v>3799322</v>
      </c>
      <c r="GH37" s="105">
        <v>0</v>
      </c>
      <c r="GI37" s="104">
        <v>69696</v>
      </c>
      <c r="GJ37" s="102">
        <v>69696</v>
      </c>
      <c r="GK37" s="101">
        <v>0</v>
      </c>
      <c r="GL37" s="104">
        <v>44193</v>
      </c>
      <c r="GM37" s="104">
        <v>71856</v>
      </c>
      <c r="GN37" s="104">
        <v>96129</v>
      </c>
      <c r="GO37" s="104">
        <v>53435</v>
      </c>
      <c r="GP37" s="104">
        <v>0</v>
      </c>
      <c r="GQ37" s="103">
        <v>265613</v>
      </c>
      <c r="GR37" s="106">
        <v>335309</v>
      </c>
      <c r="GS37" s="100">
        <v>0</v>
      </c>
      <c r="GT37" s="104">
        <v>0</v>
      </c>
      <c r="GU37" s="103">
        <v>0</v>
      </c>
      <c r="GV37" s="100">
        <v>0</v>
      </c>
      <c r="GW37" s="104">
        <v>166320</v>
      </c>
      <c r="GX37" s="104">
        <v>222601</v>
      </c>
      <c r="GY37" s="104">
        <v>0</v>
      </c>
      <c r="GZ37" s="104">
        <v>88506</v>
      </c>
      <c r="HA37" s="104">
        <v>0</v>
      </c>
      <c r="HB37" s="102">
        <v>477427</v>
      </c>
      <c r="HC37" s="106">
        <v>477427</v>
      </c>
      <c r="HD37" s="100">
        <v>185141</v>
      </c>
      <c r="HE37" s="104">
        <v>200250</v>
      </c>
      <c r="HF37" s="102">
        <v>385391</v>
      </c>
      <c r="HG37" s="101">
        <v>0</v>
      </c>
      <c r="HH37" s="104">
        <v>1177270</v>
      </c>
      <c r="HI37" s="104">
        <v>1294987</v>
      </c>
      <c r="HJ37" s="104">
        <v>1466705</v>
      </c>
      <c r="HK37" s="104">
        <v>2515241</v>
      </c>
      <c r="HL37" s="104">
        <v>1242998</v>
      </c>
      <c r="HM37" s="103">
        <v>7697201</v>
      </c>
      <c r="HN37" s="99">
        <v>8082592</v>
      </c>
      <c r="HO37" s="105">
        <v>87600</v>
      </c>
      <c r="HP37" s="104">
        <v>205860</v>
      </c>
      <c r="HQ37" s="103">
        <v>293460</v>
      </c>
      <c r="HR37" s="100">
        <v>0</v>
      </c>
      <c r="HS37" s="104">
        <v>1777758</v>
      </c>
      <c r="HT37" s="104">
        <v>1534623</v>
      </c>
      <c r="HU37" s="104">
        <v>1004529</v>
      </c>
      <c r="HV37" s="104">
        <v>550712</v>
      </c>
      <c r="HW37" s="104">
        <v>323319</v>
      </c>
      <c r="HX37" s="102">
        <v>5190941</v>
      </c>
      <c r="HY37" s="106">
        <v>5484401</v>
      </c>
      <c r="HZ37" s="118">
        <v>0</v>
      </c>
      <c r="IA37" s="119">
        <v>255771</v>
      </c>
      <c r="IB37" s="120">
        <v>255771</v>
      </c>
      <c r="IC37" s="133">
        <v>0</v>
      </c>
      <c r="ID37" s="119">
        <v>4052303</v>
      </c>
      <c r="IE37" s="134">
        <v>3786584</v>
      </c>
      <c r="IF37" s="120">
        <v>5607719</v>
      </c>
      <c r="IG37" s="119">
        <v>4968173</v>
      </c>
      <c r="IH37" s="120">
        <v>3573434</v>
      </c>
      <c r="II37" s="135">
        <v>21988213</v>
      </c>
      <c r="IJ37" s="126">
        <v>22243984</v>
      </c>
      <c r="IK37" s="219">
        <v>0</v>
      </c>
      <c r="IL37" s="223">
        <v>0</v>
      </c>
      <c r="IM37" s="224">
        <v>0</v>
      </c>
      <c r="IN37" s="127"/>
      <c r="IO37" s="109">
        <v>140913</v>
      </c>
      <c r="IP37" s="109">
        <v>62153</v>
      </c>
      <c r="IQ37" s="109">
        <v>0</v>
      </c>
      <c r="IR37" s="109">
        <v>0</v>
      </c>
      <c r="IS37" s="109">
        <v>0</v>
      </c>
      <c r="IT37" s="128">
        <v>203066</v>
      </c>
      <c r="IU37" s="298">
        <v>203066</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2008614</v>
      </c>
      <c r="JL37" s="109">
        <v>1918455</v>
      </c>
      <c r="JM37" s="109">
        <v>1077634</v>
      </c>
      <c r="JN37" s="109">
        <v>341147</v>
      </c>
      <c r="JO37" s="109">
        <v>178916</v>
      </c>
      <c r="JP37" s="110">
        <v>5524766</v>
      </c>
      <c r="JQ37" s="298">
        <v>5524766</v>
      </c>
      <c r="JR37" s="129">
        <v>0</v>
      </c>
      <c r="JS37" s="109">
        <v>0</v>
      </c>
      <c r="JT37" s="128">
        <v>0</v>
      </c>
      <c r="JU37" s="108">
        <v>0</v>
      </c>
      <c r="JV37" s="109">
        <v>374587</v>
      </c>
      <c r="JW37" s="109">
        <v>96885</v>
      </c>
      <c r="JX37" s="109">
        <v>132363</v>
      </c>
      <c r="JY37" s="109">
        <v>0</v>
      </c>
      <c r="JZ37" s="109">
        <v>178154</v>
      </c>
      <c r="KA37" s="110">
        <v>781989</v>
      </c>
      <c r="KB37" s="298">
        <v>781989</v>
      </c>
      <c r="KC37" s="221">
        <v>0</v>
      </c>
      <c r="KD37" s="217">
        <v>255771</v>
      </c>
      <c r="KE37" s="110">
        <v>255771</v>
      </c>
      <c r="KF37" s="108">
        <v>0</v>
      </c>
      <c r="KG37" s="109">
        <v>802890</v>
      </c>
      <c r="KH37" s="109">
        <v>616176</v>
      </c>
      <c r="KI37" s="109">
        <v>750177</v>
      </c>
      <c r="KJ37" s="109">
        <v>692361</v>
      </c>
      <c r="KK37" s="109">
        <v>0</v>
      </c>
      <c r="KL37" s="110">
        <v>2861604</v>
      </c>
      <c r="KM37" s="130">
        <v>3117375</v>
      </c>
      <c r="KN37" s="219">
        <v>0</v>
      </c>
      <c r="KO37" s="223">
        <v>0</v>
      </c>
      <c r="KP37" s="224">
        <v>0</v>
      </c>
      <c r="KQ37" s="127"/>
      <c r="KR37" s="109">
        <v>541231</v>
      </c>
      <c r="KS37" s="109">
        <v>1092915</v>
      </c>
      <c r="KT37" s="109">
        <v>1461079</v>
      </c>
      <c r="KU37" s="109">
        <v>2137752</v>
      </c>
      <c r="KV37" s="109">
        <v>1934576</v>
      </c>
      <c r="KW37" s="110">
        <v>7167553</v>
      </c>
      <c r="KX37" s="298">
        <v>7167553</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184068</v>
      </c>
      <c r="LO37" s="109">
        <v>0</v>
      </c>
      <c r="LP37" s="109">
        <v>2186466</v>
      </c>
      <c r="LQ37" s="109">
        <v>1796913</v>
      </c>
      <c r="LR37" s="109">
        <v>1281788</v>
      </c>
      <c r="LS37" s="110">
        <v>5449235</v>
      </c>
      <c r="LT37" s="298">
        <v>5449235</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1656975</v>
      </c>
      <c r="MK37" s="109">
        <v>2265870</v>
      </c>
      <c r="ML37" s="109">
        <v>8284300</v>
      </c>
      <c r="MM37" s="109">
        <v>12367225</v>
      </c>
      <c r="MN37" s="109">
        <v>7385369</v>
      </c>
      <c r="MO37" s="110">
        <v>31959739</v>
      </c>
      <c r="MP37" s="130">
        <v>31959739</v>
      </c>
      <c r="MQ37" s="129">
        <v>0</v>
      </c>
      <c r="MR37" s="109">
        <v>0</v>
      </c>
      <c r="MS37" s="110">
        <v>0</v>
      </c>
      <c r="MT37" s="132"/>
      <c r="MU37" s="109">
        <v>433719</v>
      </c>
      <c r="MV37" s="109">
        <v>0</v>
      </c>
      <c r="MW37" s="109">
        <v>3353965</v>
      </c>
      <c r="MX37" s="109">
        <v>7095231</v>
      </c>
      <c r="MY37" s="109">
        <v>5248819</v>
      </c>
      <c r="MZ37" s="110">
        <v>16131734</v>
      </c>
      <c r="NA37" s="130">
        <v>16131734</v>
      </c>
      <c r="NB37" s="129">
        <v>0</v>
      </c>
      <c r="NC37" s="109">
        <v>0</v>
      </c>
      <c r="ND37" s="110">
        <v>0</v>
      </c>
      <c r="NE37" s="132"/>
      <c r="NF37" s="109">
        <v>1223256</v>
      </c>
      <c r="NG37" s="109">
        <v>1814695</v>
      </c>
      <c r="NH37" s="109">
        <v>4250541</v>
      </c>
      <c r="NI37" s="109">
        <v>5271994</v>
      </c>
      <c r="NJ37" s="109">
        <v>1716024</v>
      </c>
      <c r="NK37" s="110">
        <v>14276510</v>
      </c>
      <c r="NL37" s="298">
        <v>14276510</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451175</v>
      </c>
      <c r="OD37" s="109">
        <v>679794</v>
      </c>
      <c r="OE37" s="109">
        <v>0</v>
      </c>
      <c r="OF37" s="109">
        <v>420526</v>
      </c>
      <c r="OG37" s="110">
        <v>1551495</v>
      </c>
      <c r="OH37" s="111">
        <v>1551495</v>
      </c>
      <c r="OI37" s="129">
        <v>504508</v>
      </c>
      <c r="OJ37" s="109">
        <v>1526751</v>
      </c>
      <c r="OK37" s="128">
        <v>2031259</v>
      </c>
      <c r="OL37" s="108">
        <v>0</v>
      </c>
      <c r="OM37" s="109">
        <v>15940185</v>
      </c>
      <c r="ON37" s="109">
        <v>17447374</v>
      </c>
      <c r="OO37" s="109">
        <v>23333122</v>
      </c>
      <c r="OP37" s="109">
        <v>26469989</v>
      </c>
      <c r="OQ37" s="109">
        <v>17485239</v>
      </c>
      <c r="OR37" s="110">
        <v>100675909</v>
      </c>
      <c r="OS37" s="130">
        <v>102707168</v>
      </c>
    </row>
    <row r="38" spans="2:409" ht="21" customHeight="1" x14ac:dyDescent="0.2">
      <c r="B38" s="472" t="s">
        <v>33</v>
      </c>
      <c r="C38" s="100">
        <v>954867</v>
      </c>
      <c r="D38" s="104">
        <v>2465908</v>
      </c>
      <c r="E38" s="103">
        <v>3420775</v>
      </c>
      <c r="F38" s="99">
        <v>0</v>
      </c>
      <c r="G38" s="104">
        <v>8869780</v>
      </c>
      <c r="H38" s="104">
        <v>9382887</v>
      </c>
      <c r="I38" s="104">
        <v>9299754</v>
      </c>
      <c r="J38" s="104">
        <v>4144733</v>
      </c>
      <c r="K38" s="104">
        <v>5075246</v>
      </c>
      <c r="L38" s="160">
        <v>36772400</v>
      </c>
      <c r="M38" s="106">
        <v>40193175</v>
      </c>
      <c r="N38" s="100">
        <v>462044</v>
      </c>
      <c r="O38" s="104">
        <v>833078</v>
      </c>
      <c r="P38" s="103">
        <v>1295122</v>
      </c>
      <c r="Q38" s="100">
        <v>0</v>
      </c>
      <c r="R38" s="104">
        <v>3383117</v>
      </c>
      <c r="S38" s="104">
        <v>2647606</v>
      </c>
      <c r="T38" s="104">
        <v>2362132</v>
      </c>
      <c r="U38" s="104">
        <v>1702635</v>
      </c>
      <c r="V38" s="104">
        <v>2040865</v>
      </c>
      <c r="W38" s="103">
        <v>12136355</v>
      </c>
      <c r="X38" s="106">
        <v>13431477</v>
      </c>
      <c r="Y38" s="100">
        <v>0</v>
      </c>
      <c r="Z38" s="104">
        <v>0</v>
      </c>
      <c r="AA38" s="103">
        <v>0</v>
      </c>
      <c r="AB38" s="100">
        <v>0</v>
      </c>
      <c r="AC38" s="104">
        <v>544944</v>
      </c>
      <c r="AD38" s="104">
        <v>738652</v>
      </c>
      <c r="AE38" s="104">
        <v>1158546</v>
      </c>
      <c r="AF38" s="104">
        <v>1044597</v>
      </c>
      <c r="AG38" s="104">
        <v>1215537</v>
      </c>
      <c r="AH38" s="103">
        <v>4702276</v>
      </c>
      <c r="AI38" s="106">
        <v>4702276</v>
      </c>
      <c r="AJ38" s="100">
        <v>0</v>
      </c>
      <c r="AK38" s="104">
        <v>0</v>
      </c>
      <c r="AL38" s="103">
        <v>0</v>
      </c>
      <c r="AM38" s="100">
        <v>0</v>
      </c>
      <c r="AN38" s="104">
        <v>232227</v>
      </c>
      <c r="AO38" s="104">
        <v>0</v>
      </c>
      <c r="AP38" s="104">
        <v>75510</v>
      </c>
      <c r="AQ38" s="104">
        <v>74250</v>
      </c>
      <c r="AR38" s="104">
        <v>277297</v>
      </c>
      <c r="AS38" s="103">
        <v>659284</v>
      </c>
      <c r="AT38" s="106">
        <v>659284</v>
      </c>
      <c r="AU38" s="100">
        <v>0</v>
      </c>
      <c r="AV38" s="104">
        <v>68058</v>
      </c>
      <c r="AW38" s="103">
        <v>68058</v>
      </c>
      <c r="AX38" s="100">
        <v>0</v>
      </c>
      <c r="AY38" s="104">
        <v>581582</v>
      </c>
      <c r="AZ38" s="104">
        <v>356047</v>
      </c>
      <c r="BA38" s="104">
        <v>96399</v>
      </c>
      <c r="BB38" s="104">
        <v>248929</v>
      </c>
      <c r="BC38" s="104">
        <v>230892</v>
      </c>
      <c r="BD38" s="103">
        <v>1513849</v>
      </c>
      <c r="BE38" s="106">
        <v>1581907</v>
      </c>
      <c r="BF38" s="100">
        <v>366707</v>
      </c>
      <c r="BG38" s="104">
        <v>647939</v>
      </c>
      <c r="BH38" s="102">
        <v>1014646</v>
      </c>
      <c r="BI38" s="101">
        <v>0</v>
      </c>
      <c r="BJ38" s="104">
        <v>1558346</v>
      </c>
      <c r="BK38" s="104">
        <v>925032</v>
      </c>
      <c r="BL38" s="104">
        <v>407926</v>
      </c>
      <c r="BM38" s="104">
        <v>200540</v>
      </c>
      <c r="BN38" s="104">
        <v>109817</v>
      </c>
      <c r="BO38" s="103">
        <v>3201661</v>
      </c>
      <c r="BP38" s="106">
        <v>4216307</v>
      </c>
      <c r="BQ38" s="100">
        <v>95337</v>
      </c>
      <c r="BR38" s="104">
        <v>117081</v>
      </c>
      <c r="BS38" s="103">
        <v>212418</v>
      </c>
      <c r="BT38" s="100">
        <v>0</v>
      </c>
      <c r="BU38" s="104">
        <v>466018</v>
      </c>
      <c r="BV38" s="104">
        <v>627875</v>
      </c>
      <c r="BW38" s="104">
        <v>623751</v>
      </c>
      <c r="BX38" s="104">
        <v>134319</v>
      </c>
      <c r="BY38" s="104">
        <v>207322</v>
      </c>
      <c r="BZ38" s="103">
        <v>2059285</v>
      </c>
      <c r="CA38" s="106">
        <v>2271703</v>
      </c>
      <c r="CB38" s="100">
        <v>116987</v>
      </c>
      <c r="CC38" s="104">
        <v>683302</v>
      </c>
      <c r="CD38" s="103">
        <v>800289</v>
      </c>
      <c r="CE38" s="100">
        <v>0</v>
      </c>
      <c r="CF38" s="104">
        <v>1633602</v>
      </c>
      <c r="CG38" s="104">
        <v>1512521</v>
      </c>
      <c r="CH38" s="104">
        <v>1142064</v>
      </c>
      <c r="CI38" s="104">
        <v>398623</v>
      </c>
      <c r="CJ38" s="104">
        <v>399059</v>
      </c>
      <c r="CK38" s="103">
        <v>5085869</v>
      </c>
      <c r="CL38" s="106">
        <v>5886158</v>
      </c>
      <c r="CM38" s="100">
        <v>0</v>
      </c>
      <c r="CN38" s="104">
        <v>0</v>
      </c>
      <c r="CO38" s="103">
        <v>0</v>
      </c>
      <c r="CP38" s="101">
        <v>0</v>
      </c>
      <c r="CQ38" s="104">
        <v>261407</v>
      </c>
      <c r="CR38" s="104">
        <v>705460</v>
      </c>
      <c r="CS38" s="104">
        <v>776432</v>
      </c>
      <c r="CT38" s="104">
        <v>275856</v>
      </c>
      <c r="CU38" s="104">
        <v>291905</v>
      </c>
      <c r="CV38" s="103">
        <v>2311060</v>
      </c>
      <c r="CW38" s="106">
        <v>2311060</v>
      </c>
      <c r="CX38" s="100">
        <v>116987</v>
      </c>
      <c r="CY38" s="104">
        <v>683302</v>
      </c>
      <c r="CZ38" s="103">
        <v>800289</v>
      </c>
      <c r="DA38" s="100">
        <v>0</v>
      </c>
      <c r="DB38" s="104">
        <v>1372195</v>
      </c>
      <c r="DC38" s="104">
        <v>807061</v>
      </c>
      <c r="DD38" s="104">
        <v>365632</v>
      </c>
      <c r="DE38" s="104">
        <v>122767</v>
      </c>
      <c r="DF38" s="104">
        <v>107154</v>
      </c>
      <c r="DG38" s="103">
        <v>2774809</v>
      </c>
      <c r="DH38" s="106">
        <v>3575098</v>
      </c>
      <c r="DI38" s="100">
        <v>0</v>
      </c>
      <c r="DJ38" s="104">
        <v>23623</v>
      </c>
      <c r="DK38" s="102">
        <v>23623</v>
      </c>
      <c r="DL38" s="101">
        <v>0</v>
      </c>
      <c r="DM38" s="104">
        <v>131959</v>
      </c>
      <c r="DN38" s="104">
        <v>576239</v>
      </c>
      <c r="DO38" s="104">
        <v>885050</v>
      </c>
      <c r="DP38" s="104">
        <v>542495</v>
      </c>
      <c r="DQ38" s="104">
        <v>269491</v>
      </c>
      <c r="DR38" s="103">
        <v>2405234</v>
      </c>
      <c r="DS38" s="106">
        <v>2428857</v>
      </c>
      <c r="DT38" s="100">
        <v>0</v>
      </c>
      <c r="DU38" s="104">
        <v>23623</v>
      </c>
      <c r="DV38" s="103">
        <v>23623</v>
      </c>
      <c r="DW38" s="100">
        <v>0</v>
      </c>
      <c r="DX38" s="104">
        <v>48424</v>
      </c>
      <c r="DY38" s="104">
        <v>484386</v>
      </c>
      <c r="DZ38" s="104">
        <v>830122</v>
      </c>
      <c r="EA38" s="104">
        <v>57132</v>
      </c>
      <c r="EB38" s="104">
        <v>269491</v>
      </c>
      <c r="EC38" s="103">
        <v>1689555</v>
      </c>
      <c r="ED38" s="106">
        <v>1713178</v>
      </c>
      <c r="EE38" s="100">
        <v>0</v>
      </c>
      <c r="EF38" s="102">
        <v>0</v>
      </c>
      <c r="EG38" s="103">
        <v>0</v>
      </c>
      <c r="EH38" s="100">
        <v>0</v>
      </c>
      <c r="EI38" s="104">
        <v>83535</v>
      </c>
      <c r="EJ38" s="104">
        <v>91853</v>
      </c>
      <c r="EK38" s="104">
        <v>54928</v>
      </c>
      <c r="EL38" s="104">
        <v>485363</v>
      </c>
      <c r="EM38" s="104">
        <v>0</v>
      </c>
      <c r="EN38" s="102">
        <v>715679</v>
      </c>
      <c r="EO38" s="106">
        <v>715679</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106062</v>
      </c>
      <c r="FM38" s="104">
        <v>244445</v>
      </c>
      <c r="FN38" s="103">
        <v>350507</v>
      </c>
      <c r="FO38" s="100">
        <v>0</v>
      </c>
      <c r="FP38" s="104">
        <v>497210</v>
      </c>
      <c r="FQ38" s="104">
        <v>546380</v>
      </c>
      <c r="FR38" s="104">
        <v>357677</v>
      </c>
      <c r="FS38" s="104">
        <v>146727</v>
      </c>
      <c r="FT38" s="104">
        <v>536968</v>
      </c>
      <c r="FU38" s="103">
        <v>2084962</v>
      </c>
      <c r="FV38" s="106">
        <v>2435469</v>
      </c>
      <c r="FW38" s="105">
        <v>106062</v>
      </c>
      <c r="FX38" s="104">
        <v>244445</v>
      </c>
      <c r="FY38" s="102">
        <v>350507</v>
      </c>
      <c r="FZ38" s="101">
        <v>0</v>
      </c>
      <c r="GA38" s="104">
        <v>497210</v>
      </c>
      <c r="GB38" s="104">
        <v>535130</v>
      </c>
      <c r="GC38" s="104">
        <v>341477</v>
      </c>
      <c r="GD38" s="104">
        <v>146727</v>
      </c>
      <c r="GE38" s="104">
        <v>536968</v>
      </c>
      <c r="GF38" s="103">
        <v>2057512</v>
      </c>
      <c r="GG38" s="296">
        <v>2408019</v>
      </c>
      <c r="GH38" s="105">
        <v>0</v>
      </c>
      <c r="GI38" s="104">
        <v>0</v>
      </c>
      <c r="GJ38" s="102">
        <v>0</v>
      </c>
      <c r="GK38" s="101">
        <v>0</v>
      </c>
      <c r="GL38" s="104">
        <v>0</v>
      </c>
      <c r="GM38" s="104">
        <v>11250</v>
      </c>
      <c r="GN38" s="104">
        <v>16200</v>
      </c>
      <c r="GO38" s="104">
        <v>0</v>
      </c>
      <c r="GP38" s="104">
        <v>0</v>
      </c>
      <c r="GQ38" s="103">
        <v>27450</v>
      </c>
      <c r="GR38" s="106">
        <v>27450</v>
      </c>
      <c r="GS38" s="100">
        <v>0</v>
      </c>
      <c r="GT38" s="104">
        <v>0</v>
      </c>
      <c r="GU38" s="103">
        <v>0</v>
      </c>
      <c r="GV38" s="100">
        <v>0</v>
      </c>
      <c r="GW38" s="104">
        <v>0</v>
      </c>
      <c r="GX38" s="104">
        <v>0</v>
      </c>
      <c r="GY38" s="104">
        <v>0</v>
      </c>
      <c r="GZ38" s="104">
        <v>0</v>
      </c>
      <c r="HA38" s="104">
        <v>0</v>
      </c>
      <c r="HB38" s="102">
        <v>0</v>
      </c>
      <c r="HC38" s="106">
        <v>0</v>
      </c>
      <c r="HD38" s="100">
        <v>126702</v>
      </c>
      <c r="HE38" s="104">
        <v>406551</v>
      </c>
      <c r="HF38" s="102">
        <v>533253</v>
      </c>
      <c r="HG38" s="101">
        <v>0</v>
      </c>
      <c r="HH38" s="104">
        <v>1905905</v>
      </c>
      <c r="HI38" s="104">
        <v>3358090</v>
      </c>
      <c r="HJ38" s="104">
        <v>4013186</v>
      </c>
      <c r="HK38" s="104">
        <v>1127070</v>
      </c>
      <c r="HL38" s="104">
        <v>1553018</v>
      </c>
      <c r="HM38" s="103">
        <v>11957269</v>
      </c>
      <c r="HN38" s="99">
        <v>12490522</v>
      </c>
      <c r="HO38" s="105">
        <v>143072</v>
      </c>
      <c r="HP38" s="104">
        <v>274909</v>
      </c>
      <c r="HQ38" s="103">
        <v>417981</v>
      </c>
      <c r="HR38" s="100">
        <v>0</v>
      </c>
      <c r="HS38" s="104">
        <v>1317987</v>
      </c>
      <c r="HT38" s="104">
        <v>742051</v>
      </c>
      <c r="HU38" s="104">
        <v>539645</v>
      </c>
      <c r="HV38" s="104">
        <v>227183</v>
      </c>
      <c r="HW38" s="104">
        <v>275845</v>
      </c>
      <c r="HX38" s="102">
        <v>3102711</v>
      </c>
      <c r="HY38" s="106">
        <v>3520692</v>
      </c>
      <c r="HZ38" s="137">
        <v>0</v>
      </c>
      <c r="IA38" s="122">
        <v>245899</v>
      </c>
      <c r="IB38" s="137">
        <v>245899</v>
      </c>
      <c r="IC38" s="133">
        <v>0</v>
      </c>
      <c r="ID38" s="119">
        <v>3178990</v>
      </c>
      <c r="IE38" s="134">
        <v>2182374</v>
      </c>
      <c r="IF38" s="120">
        <v>3717286</v>
      </c>
      <c r="IG38" s="119">
        <v>1005208</v>
      </c>
      <c r="IH38" s="120">
        <v>2717337</v>
      </c>
      <c r="II38" s="135">
        <v>12801195</v>
      </c>
      <c r="IJ38" s="137">
        <v>13047094</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1347648</v>
      </c>
      <c r="JL38" s="109">
        <v>861330</v>
      </c>
      <c r="JM38" s="109">
        <v>581177</v>
      </c>
      <c r="JN38" s="109">
        <v>70361</v>
      </c>
      <c r="JO38" s="109">
        <v>222490</v>
      </c>
      <c r="JP38" s="110">
        <v>3083006</v>
      </c>
      <c r="JQ38" s="298">
        <v>3083006</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245899</v>
      </c>
      <c r="KP38" s="224">
        <v>245899</v>
      </c>
      <c r="KQ38" s="127"/>
      <c r="KR38" s="109">
        <v>1204156</v>
      </c>
      <c r="KS38" s="109">
        <v>814245</v>
      </c>
      <c r="KT38" s="109">
        <v>1954911</v>
      </c>
      <c r="KU38" s="109">
        <v>0</v>
      </c>
      <c r="KV38" s="109">
        <v>580495</v>
      </c>
      <c r="KW38" s="110">
        <v>4553807</v>
      </c>
      <c r="KX38" s="298">
        <v>4799706</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627186</v>
      </c>
      <c r="LZ38" s="109">
        <v>506799</v>
      </c>
      <c r="MA38" s="109">
        <v>1181198</v>
      </c>
      <c r="MB38" s="109">
        <v>934847</v>
      </c>
      <c r="MC38" s="109">
        <v>1914352</v>
      </c>
      <c r="MD38" s="110">
        <v>5164382</v>
      </c>
      <c r="ME38" s="111">
        <v>5164382</v>
      </c>
      <c r="MF38" s="129">
        <v>0</v>
      </c>
      <c r="MG38" s="109">
        <v>0</v>
      </c>
      <c r="MH38" s="110">
        <v>0</v>
      </c>
      <c r="MI38" s="132"/>
      <c r="MJ38" s="109">
        <v>2370515</v>
      </c>
      <c r="MK38" s="109">
        <v>4874674</v>
      </c>
      <c r="ML38" s="109">
        <v>10353776</v>
      </c>
      <c r="MM38" s="109">
        <v>17877834</v>
      </c>
      <c r="MN38" s="109">
        <v>12596848</v>
      </c>
      <c r="MO38" s="110">
        <v>48073647</v>
      </c>
      <c r="MP38" s="130">
        <v>48073647</v>
      </c>
      <c r="MQ38" s="129">
        <v>0</v>
      </c>
      <c r="MR38" s="109">
        <v>0</v>
      </c>
      <c r="MS38" s="110">
        <v>0</v>
      </c>
      <c r="MT38" s="132"/>
      <c r="MU38" s="109">
        <v>0</v>
      </c>
      <c r="MV38" s="109">
        <v>1352414</v>
      </c>
      <c r="MW38" s="109">
        <v>5295103</v>
      </c>
      <c r="MX38" s="109">
        <v>8591411</v>
      </c>
      <c r="MY38" s="109">
        <v>6007589</v>
      </c>
      <c r="MZ38" s="110">
        <v>21246517</v>
      </c>
      <c r="NA38" s="130">
        <v>21246517</v>
      </c>
      <c r="NB38" s="129">
        <v>0</v>
      </c>
      <c r="NC38" s="109">
        <v>0</v>
      </c>
      <c r="ND38" s="110">
        <v>0</v>
      </c>
      <c r="NE38" s="132"/>
      <c r="NF38" s="109">
        <v>1753251</v>
      </c>
      <c r="NG38" s="109">
        <v>2167344</v>
      </c>
      <c r="NH38" s="109">
        <v>3150024</v>
      </c>
      <c r="NI38" s="109">
        <v>6117713</v>
      </c>
      <c r="NJ38" s="109">
        <v>1761363</v>
      </c>
      <c r="NK38" s="110">
        <v>14949695</v>
      </c>
      <c r="NL38" s="298">
        <v>14949695</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617264</v>
      </c>
      <c r="OC38" s="109">
        <v>1354916</v>
      </c>
      <c r="OD38" s="109">
        <v>1908649</v>
      </c>
      <c r="OE38" s="109">
        <v>3168710</v>
      </c>
      <c r="OF38" s="109">
        <v>4827896</v>
      </c>
      <c r="OG38" s="110">
        <v>11877435</v>
      </c>
      <c r="OH38" s="111">
        <v>11877435</v>
      </c>
      <c r="OI38" s="129">
        <v>954867</v>
      </c>
      <c r="OJ38" s="109">
        <v>2711807</v>
      </c>
      <c r="OK38" s="128">
        <v>3666674</v>
      </c>
      <c r="OL38" s="108">
        <v>0</v>
      </c>
      <c r="OM38" s="109">
        <v>14419285</v>
      </c>
      <c r="ON38" s="109">
        <v>16439935</v>
      </c>
      <c r="OO38" s="109">
        <v>23370816</v>
      </c>
      <c r="OP38" s="109">
        <v>23027775</v>
      </c>
      <c r="OQ38" s="109">
        <v>20389431</v>
      </c>
      <c r="OR38" s="110">
        <v>97647242</v>
      </c>
      <c r="OS38" s="130">
        <v>101313916</v>
      </c>
    </row>
    <row r="39" spans="2:409" ht="21" customHeight="1" x14ac:dyDescent="0.2">
      <c r="B39" s="472" t="s">
        <v>34</v>
      </c>
      <c r="C39" s="100">
        <v>478050</v>
      </c>
      <c r="D39" s="104">
        <v>903066</v>
      </c>
      <c r="E39" s="161">
        <v>1381116</v>
      </c>
      <c r="F39" s="162">
        <v>0</v>
      </c>
      <c r="G39" s="163">
        <v>8113267</v>
      </c>
      <c r="H39" s="163">
        <v>5723451</v>
      </c>
      <c r="I39" s="163">
        <v>4125082</v>
      </c>
      <c r="J39" s="163">
        <v>7347904</v>
      </c>
      <c r="K39" s="163">
        <v>4080712</v>
      </c>
      <c r="L39" s="164">
        <v>29390416</v>
      </c>
      <c r="M39" s="106">
        <v>30771532</v>
      </c>
      <c r="N39" s="100">
        <v>84231</v>
      </c>
      <c r="O39" s="104">
        <v>337626</v>
      </c>
      <c r="P39" s="103">
        <v>421857</v>
      </c>
      <c r="Q39" s="100">
        <v>0</v>
      </c>
      <c r="R39" s="104">
        <v>1852764</v>
      </c>
      <c r="S39" s="104">
        <v>1663454</v>
      </c>
      <c r="T39" s="104">
        <v>1096915</v>
      </c>
      <c r="U39" s="104">
        <v>1719206</v>
      </c>
      <c r="V39" s="104">
        <v>1817530</v>
      </c>
      <c r="W39" s="103">
        <v>8149869</v>
      </c>
      <c r="X39" s="106">
        <v>8571726</v>
      </c>
      <c r="Y39" s="100">
        <v>0</v>
      </c>
      <c r="Z39" s="104">
        <v>0</v>
      </c>
      <c r="AA39" s="103">
        <v>0</v>
      </c>
      <c r="AB39" s="100">
        <v>0</v>
      </c>
      <c r="AC39" s="104">
        <v>437457</v>
      </c>
      <c r="AD39" s="104">
        <v>696145</v>
      </c>
      <c r="AE39" s="104">
        <v>620851</v>
      </c>
      <c r="AF39" s="104">
        <v>1041088</v>
      </c>
      <c r="AG39" s="104">
        <v>606374</v>
      </c>
      <c r="AH39" s="103">
        <v>3401915</v>
      </c>
      <c r="AI39" s="106">
        <v>3401915</v>
      </c>
      <c r="AJ39" s="100">
        <v>0</v>
      </c>
      <c r="AK39" s="104">
        <v>0</v>
      </c>
      <c r="AL39" s="103">
        <v>0</v>
      </c>
      <c r="AM39" s="100">
        <v>0</v>
      </c>
      <c r="AN39" s="104">
        <v>0</v>
      </c>
      <c r="AO39" s="104">
        <v>61461</v>
      </c>
      <c r="AP39" s="104">
        <v>0</v>
      </c>
      <c r="AQ39" s="104">
        <v>51174</v>
      </c>
      <c r="AR39" s="104">
        <v>502929</v>
      </c>
      <c r="AS39" s="103">
        <v>615564</v>
      </c>
      <c r="AT39" s="106">
        <v>615564</v>
      </c>
      <c r="AU39" s="100">
        <v>27522</v>
      </c>
      <c r="AV39" s="104">
        <v>296064</v>
      </c>
      <c r="AW39" s="103">
        <v>323586</v>
      </c>
      <c r="AX39" s="100">
        <v>0</v>
      </c>
      <c r="AY39" s="104">
        <v>564273</v>
      </c>
      <c r="AZ39" s="104">
        <v>476903</v>
      </c>
      <c r="BA39" s="104">
        <v>246778</v>
      </c>
      <c r="BB39" s="104">
        <v>266710</v>
      </c>
      <c r="BC39" s="104">
        <v>385326</v>
      </c>
      <c r="BD39" s="103">
        <v>1939990</v>
      </c>
      <c r="BE39" s="106">
        <v>2263576</v>
      </c>
      <c r="BF39" s="100">
        <v>0</v>
      </c>
      <c r="BG39" s="104">
        <v>19719</v>
      </c>
      <c r="BH39" s="102">
        <v>19719</v>
      </c>
      <c r="BI39" s="101">
        <v>0</v>
      </c>
      <c r="BJ39" s="104">
        <v>348219</v>
      </c>
      <c r="BK39" s="104">
        <v>145272</v>
      </c>
      <c r="BL39" s="104">
        <v>57852</v>
      </c>
      <c r="BM39" s="104">
        <v>25110</v>
      </c>
      <c r="BN39" s="104">
        <v>50706</v>
      </c>
      <c r="BO39" s="103">
        <v>627159</v>
      </c>
      <c r="BP39" s="106">
        <v>646878</v>
      </c>
      <c r="BQ39" s="100">
        <v>56709</v>
      </c>
      <c r="BR39" s="104">
        <v>21843</v>
      </c>
      <c r="BS39" s="103">
        <v>78552</v>
      </c>
      <c r="BT39" s="100">
        <v>0</v>
      </c>
      <c r="BU39" s="104">
        <v>502815</v>
      </c>
      <c r="BV39" s="104">
        <v>283673</v>
      </c>
      <c r="BW39" s="104">
        <v>171434</v>
      </c>
      <c r="BX39" s="104">
        <v>335124</v>
      </c>
      <c r="BY39" s="104">
        <v>272195</v>
      </c>
      <c r="BZ39" s="103">
        <v>1565241</v>
      </c>
      <c r="CA39" s="106">
        <v>1643793</v>
      </c>
      <c r="CB39" s="100">
        <v>23319</v>
      </c>
      <c r="CC39" s="104">
        <v>127953</v>
      </c>
      <c r="CD39" s="103">
        <v>151272</v>
      </c>
      <c r="CE39" s="100">
        <v>0</v>
      </c>
      <c r="CF39" s="104">
        <v>2015071</v>
      </c>
      <c r="CG39" s="104">
        <v>1818733</v>
      </c>
      <c r="CH39" s="104">
        <v>1739316</v>
      </c>
      <c r="CI39" s="104">
        <v>1882872</v>
      </c>
      <c r="CJ39" s="104">
        <v>304515</v>
      </c>
      <c r="CK39" s="103">
        <v>7760507</v>
      </c>
      <c r="CL39" s="106">
        <v>7911779</v>
      </c>
      <c r="CM39" s="100">
        <v>0</v>
      </c>
      <c r="CN39" s="104">
        <v>0</v>
      </c>
      <c r="CO39" s="103">
        <v>0</v>
      </c>
      <c r="CP39" s="101">
        <v>0</v>
      </c>
      <c r="CQ39" s="104">
        <v>1745746</v>
      </c>
      <c r="CR39" s="104">
        <v>1681663</v>
      </c>
      <c r="CS39" s="104">
        <v>1662250</v>
      </c>
      <c r="CT39" s="104">
        <v>1313289</v>
      </c>
      <c r="CU39" s="104">
        <v>304515</v>
      </c>
      <c r="CV39" s="103">
        <v>6707463</v>
      </c>
      <c r="CW39" s="106">
        <v>6707463</v>
      </c>
      <c r="CX39" s="100">
        <v>23319</v>
      </c>
      <c r="CY39" s="104">
        <v>127953</v>
      </c>
      <c r="CZ39" s="103">
        <v>151272</v>
      </c>
      <c r="DA39" s="100">
        <v>0</v>
      </c>
      <c r="DB39" s="104">
        <v>269325</v>
      </c>
      <c r="DC39" s="104">
        <v>137070</v>
      </c>
      <c r="DD39" s="104">
        <v>77066</v>
      </c>
      <c r="DE39" s="104">
        <v>569583</v>
      </c>
      <c r="DF39" s="104">
        <v>0</v>
      </c>
      <c r="DG39" s="103">
        <v>1053044</v>
      </c>
      <c r="DH39" s="106">
        <v>1204316</v>
      </c>
      <c r="DI39" s="100">
        <v>0</v>
      </c>
      <c r="DJ39" s="104">
        <v>0</v>
      </c>
      <c r="DK39" s="102">
        <v>0</v>
      </c>
      <c r="DL39" s="101">
        <v>0</v>
      </c>
      <c r="DM39" s="104">
        <v>161901</v>
      </c>
      <c r="DN39" s="104">
        <v>278586</v>
      </c>
      <c r="DO39" s="104">
        <v>82143</v>
      </c>
      <c r="DP39" s="104">
        <v>526524</v>
      </c>
      <c r="DQ39" s="104">
        <v>-217800</v>
      </c>
      <c r="DR39" s="103">
        <v>831354</v>
      </c>
      <c r="DS39" s="106">
        <v>831354</v>
      </c>
      <c r="DT39" s="100">
        <v>0</v>
      </c>
      <c r="DU39" s="104">
        <v>0</v>
      </c>
      <c r="DV39" s="103">
        <v>0</v>
      </c>
      <c r="DW39" s="100">
        <v>0</v>
      </c>
      <c r="DX39" s="104">
        <v>161901</v>
      </c>
      <c r="DY39" s="104">
        <v>203706</v>
      </c>
      <c r="DZ39" s="104">
        <v>82143</v>
      </c>
      <c r="EA39" s="104">
        <v>400848</v>
      </c>
      <c r="EB39" s="104">
        <v>-217800</v>
      </c>
      <c r="EC39" s="103">
        <v>630798</v>
      </c>
      <c r="ED39" s="106">
        <v>630798</v>
      </c>
      <c r="EE39" s="100">
        <v>0</v>
      </c>
      <c r="EF39" s="102">
        <v>0</v>
      </c>
      <c r="EG39" s="103">
        <v>0</v>
      </c>
      <c r="EH39" s="100">
        <v>0</v>
      </c>
      <c r="EI39" s="104">
        <v>0</v>
      </c>
      <c r="EJ39" s="104">
        <v>74880</v>
      </c>
      <c r="EK39" s="104">
        <v>0</v>
      </c>
      <c r="EL39" s="104">
        <v>125676</v>
      </c>
      <c r="EM39" s="104">
        <v>0</v>
      </c>
      <c r="EN39" s="102">
        <v>200556</v>
      </c>
      <c r="EO39" s="106">
        <v>200556</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121140</v>
      </c>
      <c r="FM39" s="104">
        <v>114750</v>
      </c>
      <c r="FN39" s="103">
        <v>235890</v>
      </c>
      <c r="FO39" s="100">
        <v>0</v>
      </c>
      <c r="FP39" s="104">
        <v>489862</v>
      </c>
      <c r="FQ39" s="104">
        <v>610288</v>
      </c>
      <c r="FR39" s="104">
        <v>420331</v>
      </c>
      <c r="FS39" s="104">
        <v>498140</v>
      </c>
      <c r="FT39" s="104">
        <v>211040</v>
      </c>
      <c r="FU39" s="103">
        <v>2229661</v>
      </c>
      <c r="FV39" s="106">
        <v>2465551</v>
      </c>
      <c r="FW39" s="105">
        <v>111240</v>
      </c>
      <c r="FX39" s="104">
        <v>114750</v>
      </c>
      <c r="FY39" s="102">
        <v>225990</v>
      </c>
      <c r="FZ39" s="101">
        <v>0</v>
      </c>
      <c r="GA39" s="104">
        <v>381246</v>
      </c>
      <c r="GB39" s="104">
        <v>561923</v>
      </c>
      <c r="GC39" s="104">
        <v>343111</v>
      </c>
      <c r="GD39" s="104">
        <v>498140</v>
      </c>
      <c r="GE39" s="104">
        <v>211040</v>
      </c>
      <c r="GF39" s="103">
        <v>1995460</v>
      </c>
      <c r="GG39" s="296">
        <v>2221450</v>
      </c>
      <c r="GH39" s="105">
        <v>0</v>
      </c>
      <c r="GI39" s="104">
        <v>0</v>
      </c>
      <c r="GJ39" s="102">
        <v>0</v>
      </c>
      <c r="GK39" s="101">
        <v>0</v>
      </c>
      <c r="GL39" s="104">
        <v>60016</v>
      </c>
      <c r="GM39" s="104">
        <v>15200</v>
      </c>
      <c r="GN39" s="104">
        <v>77220</v>
      </c>
      <c r="GO39" s="104">
        <v>0</v>
      </c>
      <c r="GP39" s="104">
        <v>0</v>
      </c>
      <c r="GQ39" s="103">
        <v>152436</v>
      </c>
      <c r="GR39" s="106">
        <v>152436</v>
      </c>
      <c r="GS39" s="100">
        <v>9900</v>
      </c>
      <c r="GT39" s="104">
        <v>0</v>
      </c>
      <c r="GU39" s="103">
        <v>9900</v>
      </c>
      <c r="GV39" s="100">
        <v>0</v>
      </c>
      <c r="GW39" s="104">
        <v>48600</v>
      </c>
      <c r="GX39" s="104">
        <v>33165</v>
      </c>
      <c r="GY39" s="104">
        <v>0</v>
      </c>
      <c r="GZ39" s="104">
        <v>0</v>
      </c>
      <c r="HA39" s="104">
        <v>0</v>
      </c>
      <c r="HB39" s="102">
        <v>81765</v>
      </c>
      <c r="HC39" s="106">
        <v>91665</v>
      </c>
      <c r="HD39" s="100">
        <v>179280</v>
      </c>
      <c r="HE39" s="104">
        <v>205857</v>
      </c>
      <c r="HF39" s="102">
        <v>385137</v>
      </c>
      <c r="HG39" s="101">
        <v>0</v>
      </c>
      <c r="HH39" s="104">
        <v>2623247</v>
      </c>
      <c r="HI39" s="104">
        <v>622070</v>
      </c>
      <c r="HJ39" s="104">
        <v>384810</v>
      </c>
      <c r="HK39" s="104">
        <v>2315894</v>
      </c>
      <c r="HL39" s="104">
        <v>1831893</v>
      </c>
      <c r="HM39" s="103">
        <v>7777914</v>
      </c>
      <c r="HN39" s="99">
        <v>8163051</v>
      </c>
      <c r="HO39" s="105">
        <v>70080</v>
      </c>
      <c r="HP39" s="104">
        <v>116880</v>
      </c>
      <c r="HQ39" s="103">
        <v>186960</v>
      </c>
      <c r="HR39" s="100">
        <v>0</v>
      </c>
      <c r="HS39" s="104">
        <v>970422</v>
      </c>
      <c r="HT39" s="104">
        <v>730320</v>
      </c>
      <c r="HU39" s="104">
        <v>401567</v>
      </c>
      <c r="HV39" s="104">
        <v>405268</v>
      </c>
      <c r="HW39" s="104">
        <v>133534</v>
      </c>
      <c r="HX39" s="102">
        <v>2641111</v>
      </c>
      <c r="HY39" s="106">
        <v>2828071</v>
      </c>
      <c r="HZ39" s="118">
        <v>45171</v>
      </c>
      <c r="IA39" s="119">
        <v>80901</v>
      </c>
      <c r="IB39" s="120">
        <v>126072</v>
      </c>
      <c r="IC39" s="133">
        <v>0</v>
      </c>
      <c r="ID39" s="119">
        <v>2764763</v>
      </c>
      <c r="IE39" s="134">
        <v>3636811</v>
      </c>
      <c r="IF39" s="120">
        <v>3614638</v>
      </c>
      <c r="IG39" s="119">
        <v>1738638</v>
      </c>
      <c r="IH39" s="120">
        <v>1618063</v>
      </c>
      <c r="II39" s="135">
        <v>13372913</v>
      </c>
      <c r="IJ39" s="126">
        <v>13498985</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706213</v>
      </c>
      <c r="JL39" s="109">
        <v>471545</v>
      </c>
      <c r="JM39" s="109">
        <v>250785</v>
      </c>
      <c r="JN39" s="109">
        <v>174294</v>
      </c>
      <c r="JO39" s="109">
        <v>62055</v>
      </c>
      <c r="JP39" s="110">
        <v>1664892</v>
      </c>
      <c r="JQ39" s="298">
        <v>1664892</v>
      </c>
      <c r="JR39" s="129">
        <v>0</v>
      </c>
      <c r="JS39" s="109">
        <v>0</v>
      </c>
      <c r="JT39" s="128">
        <v>0</v>
      </c>
      <c r="JU39" s="108">
        <v>0</v>
      </c>
      <c r="JV39" s="109">
        <v>0</v>
      </c>
      <c r="JW39" s="109">
        <v>0</v>
      </c>
      <c r="JX39" s="109">
        <v>0</v>
      </c>
      <c r="JY39" s="109">
        <v>0</v>
      </c>
      <c r="JZ39" s="109">
        <v>90363</v>
      </c>
      <c r="KA39" s="110">
        <v>90363</v>
      </c>
      <c r="KB39" s="298">
        <v>90363</v>
      </c>
      <c r="KC39" s="221">
        <v>45171</v>
      </c>
      <c r="KD39" s="217">
        <v>80901</v>
      </c>
      <c r="KE39" s="110">
        <v>126072</v>
      </c>
      <c r="KF39" s="108">
        <v>0</v>
      </c>
      <c r="KG39" s="109">
        <v>844207</v>
      </c>
      <c r="KH39" s="109">
        <v>1628093</v>
      </c>
      <c r="KI39" s="109">
        <v>1499328</v>
      </c>
      <c r="KJ39" s="109">
        <v>278838</v>
      </c>
      <c r="KK39" s="109">
        <v>0</v>
      </c>
      <c r="KL39" s="110">
        <v>4250466</v>
      </c>
      <c r="KM39" s="130">
        <v>4376538</v>
      </c>
      <c r="KN39" s="219">
        <v>0</v>
      </c>
      <c r="KO39" s="223">
        <v>0</v>
      </c>
      <c r="KP39" s="224">
        <v>0</v>
      </c>
      <c r="KQ39" s="127"/>
      <c r="KR39" s="109">
        <v>66816</v>
      </c>
      <c r="KS39" s="109">
        <v>511983</v>
      </c>
      <c r="KT39" s="109">
        <v>0</v>
      </c>
      <c r="KU39" s="109">
        <v>336798</v>
      </c>
      <c r="KV39" s="109">
        <v>491463</v>
      </c>
      <c r="KW39" s="110">
        <v>1407060</v>
      </c>
      <c r="KX39" s="298">
        <v>140706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1147527</v>
      </c>
      <c r="LZ39" s="109">
        <v>1025190</v>
      </c>
      <c r="MA39" s="109">
        <v>1864525</v>
      </c>
      <c r="MB39" s="109">
        <v>948708</v>
      </c>
      <c r="MC39" s="109">
        <v>974182</v>
      </c>
      <c r="MD39" s="110">
        <v>5960132</v>
      </c>
      <c r="ME39" s="111">
        <v>5960132</v>
      </c>
      <c r="MF39" s="129">
        <v>0</v>
      </c>
      <c r="MG39" s="109">
        <v>0</v>
      </c>
      <c r="MH39" s="110">
        <v>0</v>
      </c>
      <c r="MI39" s="132"/>
      <c r="MJ39" s="109">
        <v>1046095</v>
      </c>
      <c r="MK39" s="109">
        <v>3487770</v>
      </c>
      <c r="ML39" s="109">
        <v>4488693</v>
      </c>
      <c r="MM39" s="109">
        <v>8855510</v>
      </c>
      <c r="MN39" s="109">
        <v>5539263</v>
      </c>
      <c r="MO39" s="110">
        <v>23417331</v>
      </c>
      <c r="MP39" s="130">
        <v>23417331</v>
      </c>
      <c r="MQ39" s="129">
        <v>0</v>
      </c>
      <c r="MR39" s="109">
        <v>0</v>
      </c>
      <c r="MS39" s="110">
        <v>0</v>
      </c>
      <c r="MT39" s="132"/>
      <c r="MU39" s="109">
        <v>0</v>
      </c>
      <c r="MV39" s="109">
        <v>0</v>
      </c>
      <c r="MW39" s="109">
        <v>2319945</v>
      </c>
      <c r="MX39" s="109">
        <v>5632309</v>
      </c>
      <c r="MY39" s="109">
        <v>4138489</v>
      </c>
      <c r="MZ39" s="110">
        <v>12090743</v>
      </c>
      <c r="NA39" s="130">
        <v>12090743</v>
      </c>
      <c r="NB39" s="129">
        <v>0</v>
      </c>
      <c r="NC39" s="109">
        <v>0</v>
      </c>
      <c r="ND39" s="110">
        <v>0</v>
      </c>
      <c r="NE39" s="132"/>
      <c r="NF39" s="109">
        <v>1046095</v>
      </c>
      <c r="NG39" s="109">
        <v>3487770</v>
      </c>
      <c r="NH39" s="109">
        <v>2168748</v>
      </c>
      <c r="NI39" s="109">
        <v>2773786</v>
      </c>
      <c r="NJ39" s="109">
        <v>1025034</v>
      </c>
      <c r="NK39" s="110">
        <v>10501433</v>
      </c>
      <c r="NL39" s="298">
        <v>10501433</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449415</v>
      </c>
      <c r="OF39" s="109">
        <v>375740</v>
      </c>
      <c r="OG39" s="110">
        <v>825155</v>
      </c>
      <c r="OH39" s="111">
        <v>825155</v>
      </c>
      <c r="OI39" s="129">
        <v>523221</v>
      </c>
      <c r="OJ39" s="109">
        <v>983967</v>
      </c>
      <c r="OK39" s="128">
        <v>1507188</v>
      </c>
      <c r="OL39" s="108">
        <v>0</v>
      </c>
      <c r="OM39" s="109">
        <v>11924125</v>
      </c>
      <c r="ON39" s="109">
        <v>12848032</v>
      </c>
      <c r="OO39" s="109">
        <v>12228413</v>
      </c>
      <c r="OP39" s="109">
        <v>17942052</v>
      </c>
      <c r="OQ39" s="109">
        <v>11238038</v>
      </c>
      <c r="OR39" s="110">
        <v>66180660</v>
      </c>
      <c r="OS39" s="130">
        <v>67687848</v>
      </c>
    </row>
    <row r="40" spans="2:409" ht="21" customHeight="1" x14ac:dyDescent="0.2">
      <c r="B40" s="472" t="s">
        <v>35</v>
      </c>
      <c r="C40" s="100">
        <v>2452256</v>
      </c>
      <c r="D40" s="104">
        <v>4437596</v>
      </c>
      <c r="E40" s="103">
        <v>6889852</v>
      </c>
      <c r="F40" s="99">
        <v>0</v>
      </c>
      <c r="G40" s="104">
        <v>32270967</v>
      </c>
      <c r="H40" s="104">
        <v>22937985</v>
      </c>
      <c r="I40" s="104">
        <v>22952547</v>
      </c>
      <c r="J40" s="104">
        <v>24437234</v>
      </c>
      <c r="K40" s="104">
        <v>11633498</v>
      </c>
      <c r="L40" s="160">
        <v>114232231</v>
      </c>
      <c r="M40" s="106">
        <v>121122083</v>
      </c>
      <c r="N40" s="100">
        <v>493150</v>
      </c>
      <c r="O40" s="104">
        <v>1105143</v>
      </c>
      <c r="P40" s="103">
        <v>1598293</v>
      </c>
      <c r="Q40" s="100">
        <v>0</v>
      </c>
      <c r="R40" s="104">
        <v>7919733</v>
      </c>
      <c r="S40" s="104">
        <v>6364395</v>
      </c>
      <c r="T40" s="104">
        <v>7621397</v>
      </c>
      <c r="U40" s="104">
        <v>9235758</v>
      </c>
      <c r="V40" s="104">
        <v>5409207</v>
      </c>
      <c r="W40" s="103">
        <v>36550490</v>
      </c>
      <c r="X40" s="106">
        <v>38148783</v>
      </c>
      <c r="Y40" s="100">
        <v>0</v>
      </c>
      <c r="Z40" s="104">
        <v>0</v>
      </c>
      <c r="AA40" s="103">
        <v>0</v>
      </c>
      <c r="AB40" s="100">
        <v>0</v>
      </c>
      <c r="AC40" s="104">
        <v>3653242</v>
      </c>
      <c r="AD40" s="104">
        <v>3121456</v>
      </c>
      <c r="AE40" s="104">
        <v>4723677</v>
      </c>
      <c r="AF40" s="104">
        <v>5065706</v>
      </c>
      <c r="AG40" s="104">
        <v>2816519</v>
      </c>
      <c r="AH40" s="103">
        <v>19380600</v>
      </c>
      <c r="AI40" s="106">
        <v>19380600</v>
      </c>
      <c r="AJ40" s="100">
        <v>0</v>
      </c>
      <c r="AK40" s="104">
        <v>0</v>
      </c>
      <c r="AL40" s="103">
        <v>0</v>
      </c>
      <c r="AM40" s="100">
        <v>0</v>
      </c>
      <c r="AN40" s="104">
        <v>0</v>
      </c>
      <c r="AO40" s="104">
        <v>253296</v>
      </c>
      <c r="AP40" s="104">
        <v>373777</v>
      </c>
      <c r="AQ40" s="104">
        <v>1014112</v>
      </c>
      <c r="AR40" s="104">
        <v>666840</v>
      </c>
      <c r="AS40" s="103">
        <v>2308025</v>
      </c>
      <c r="AT40" s="106">
        <v>2308025</v>
      </c>
      <c r="AU40" s="100">
        <v>124402</v>
      </c>
      <c r="AV40" s="104">
        <v>404656</v>
      </c>
      <c r="AW40" s="103">
        <v>529058</v>
      </c>
      <c r="AX40" s="100">
        <v>0</v>
      </c>
      <c r="AY40" s="104">
        <v>1935249</v>
      </c>
      <c r="AZ40" s="104">
        <v>1487881</v>
      </c>
      <c r="BA40" s="104">
        <v>1406033</v>
      </c>
      <c r="BB40" s="104">
        <v>1247640</v>
      </c>
      <c r="BC40" s="104">
        <v>1202352</v>
      </c>
      <c r="BD40" s="103">
        <v>7279155</v>
      </c>
      <c r="BE40" s="106">
        <v>7808213</v>
      </c>
      <c r="BF40" s="100">
        <v>86781</v>
      </c>
      <c r="BG40" s="104">
        <v>384257</v>
      </c>
      <c r="BH40" s="102">
        <v>471038</v>
      </c>
      <c r="BI40" s="101">
        <v>0</v>
      </c>
      <c r="BJ40" s="104">
        <v>873091</v>
      </c>
      <c r="BK40" s="104">
        <v>409248</v>
      </c>
      <c r="BL40" s="104">
        <v>188028</v>
      </c>
      <c r="BM40" s="104">
        <v>555903</v>
      </c>
      <c r="BN40" s="104">
        <v>145152</v>
      </c>
      <c r="BO40" s="103">
        <v>2171422</v>
      </c>
      <c r="BP40" s="106">
        <v>2642460</v>
      </c>
      <c r="BQ40" s="100">
        <v>281967</v>
      </c>
      <c r="BR40" s="104">
        <v>316230</v>
      </c>
      <c r="BS40" s="103">
        <v>598197</v>
      </c>
      <c r="BT40" s="100">
        <v>0</v>
      </c>
      <c r="BU40" s="104">
        <v>1458151</v>
      </c>
      <c r="BV40" s="104">
        <v>1092514</v>
      </c>
      <c r="BW40" s="104">
        <v>929882</v>
      </c>
      <c r="BX40" s="104">
        <v>1352397</v>
      </c>
      <c r="BY40" s="104">
        <v>578344</v>
      </c>
      <c r="BZ40" s="103">
        <v>5411288</v>
      </c>
      <c r="CA40" s="106">
        <v>6009485</v>
      </c>
      <c r="CB40" s="100">
        <v>181945</v>
      </c>
      <c r="CC40" s="104">
        <v>824300</v>
      </c>
      <c r="CD40" s="103">
        <v>1006245</v>
      </c>
      <c r="CE40" s="100">
        <v>0</v>
      </c>
      <c r="CF40" s="104">
        <v>10869668</v>
      </c>
      <c r="CG40" s="104">
        <v>8570498</v>
      </c>
      <c r="CH40" s="104">
        <v>5833543</v>
      </c>
      <c r="CI40" s="104">
        <v>4573679</v>
      </c>
      <c r="CJ40" s="104">
        <v>2517117</v>
      </c>
      <c r="CK40" s="103">
        <v>32364505</v>
      </c>
      <c r="CL40" s="106">
        <v>33370750</v>
      </c>
      <c r="CM40" s="100">
        <v>0</v>
      </c>
      <c r="CN40" s="104">
        <v>0</v>
      </c>
      <c r="CO40" s="103">
        <v>0</v>
      </c>
      <c r="CP40" s="101">
        <v>0</v>
      </c>
      <c r="CQ40" s="104">
        <v>7545191</v>
      </c>
      <c r="CR40" s="104">
        <v>6782230</v>
      </c>
      <c r="CS40" s="104">
        <v>5155873</v>
      </c>
      <c r="CT40" s="104">
        <v>3341976</v>
      </c>
      <c r="CU40" s="104">
        <v>2523516</v>
      </c>
      <c r="CV40" s="103">
        <v>25348786</v>
      </c>
      <c r="CW40" s="106">
        <v>25348786</v>
      </c>
      <c r="CX40" s="100">
        <v>181945</v>
      </c>
      <c r="CY40" s="104">
        <v>824300</v>
      </c>
      <c r="CZ40" s="103">
        <v>1006245</v>
      </c>
      <c r="DA40" s="100">
        <v>0</v>
      </c>
      <c r="DB40" s="104">
        <v>3324477</v>
      </c>
      <c r="DC40" s="104">
        <v>1788268</v>
      </c>
      <c r="DD40" s="104">
        <v>677670</v>
      </c>
      <c r="DE40" s="104">
        <v>1231703</v>
      </c>
      <c r="DF40" s="104">
        <v>-6399</v>
      </c>
      <c r="DG40" s="103">
        <v>7015719</v>
      </c>
      <c r="DH40" s="106">
        <v>8021964</v>
      </c>
      <c r="DI40" s="100">
        <v>36085</v>
      </c>
      <c r="DJ40" s="104">
        <v>0</v>
      </c>
      <c r="DK40" s="102">
        <v>36085</v>
      </c>
      <c r="DL40" s="101">
        <v>0</v>
      </c>
      <c r="DM40" s="104">
        <v>616166</v>
      </c>
      <c r="DN40" s="104">
        <v>344250</v>
      </c>
      <c r="DO40" s="104">
        <v>880420</v>
      </c>
      <c r="DP40" s="104">
        <v>987720</v>
      </c>
      <c r="DQ40" s="104">
        <v>192433</v>
      </c>
      <c r="DR40" s="103">
        <v>3020989</v>
      </c>
      <c r="DS40" s="106">
        <v>3057074</v>
      </c>
      <c r="DT40" s="100">
        <v>36085</v>
      </c>
      <c r="DU40" s="104">
        <v>0</v>
      </c>
      <c r="DV40" s="103">
        <v>36085</v>
      </c>
      <c r="DW40" s="100">
        <v>0</v>
      </c>
      <c r="DX40" s="104">
        <v>463958</v>
      </c>
      <c r="DY40" s="104">
        <v>344250</v>
      </c>
      <c r="DZ40" s="104">
        <v>768190</v>
      </c>
      <c r="EA40" s="104">
        <v>794652</v>
      </c>
      <c r="EB40" s="104">
        <v>121963</v>
      </c>
      <c r="EC40" s="103">
        <v>2493013</v>
      </c>
      <c r="ED40" s="106">
        <v>2529098</v>
      </c>
      <c r="EE40" s="100">
        <v>0</v>
      </c>
      <c r="EF40" s="102">
        <v>0</v>
      </c>
      <c r="EG40" s="103">
        <v>0</v>
      </c>
      <c r="EH40" s="100">
        <v>0</v>
      </c>
      <c r="EI40" s="104">
        <v>152208</v>
      </c>
      <c r="EJ40" s="104">
        <v>0</v>
      </c>
      <c r="EK40" s="104">
        <v>112230</v>
      </c>
      <c r="EL40" s="104">
        <v>193068</v>
      </c>
      <c r="EM40" s="104">
        <v>70470</v>
      </c>
      <c r="EN40" s="102">
        <v>527976</v>
      </c>
      <c r="EO40" s="106">
        <v>527976</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469094</v>
      </c>
      <c r="FM40" s="104">
        <v>789506</v>
      </c>
      <c r="FN40" s="103">
        <v>1258600</v>
      </c>
      <c r="FO40" s="100">
        <v>0</v>
      </c>
      <c r="FP40" s="104">
        <v>1316313</v>
      </c>
      <c r="FQ40" s="104">
        <v>2032614</v>
      </c>
      <c r="FR40" s="104">
        <v>1919601</v>
      </c>
      <c r="FS40" s="104">
        <v>1770484</v>
      </c>
      <c r="FT40" s="104">
        <v>700620</v>
      </c>
      <c r="FU40" s="103">
        <v>7739632</v>
      </c>
      <c r="FV40" s="106">
        <v>8998232</v>
      </c>
      <c r="FW40" s="105">
        <v>247532</v>
      </c>
      <c r="FX40" s="104">
        <v>576260</v>
      </c>
      <c r="FY40" s="102">
        <v>823792</v>
      </c>
      <c r="FZ40" s="101">
        <v>0</v>
      </c>
      <c r="GA40" s="104">
        <v>1216967</v>
      </c>
      <c r="GB40" s="104">
        <v>1851444</v>
      </c>
      <c r="GC40" s="104">
        <v>1486944</v>
      </c>
      <c r="GD40" s="104">
        <v>1522772</v>
      </c>
      <c r="GE40" s="104">
        <v>700620</v>
      </c>
      <c r="GF40" s="103">
        <v>6778747</v>
      </c>
      <c r="GG40" s="296">
        <v>7602539</v>
      </c>
      <c r="GH40" s="105">
        <v>55242</v>
      </c>
      <c r="GI40" s="104">
        <v>18711</v>
      </c>
      <c r="GJ40" s="102">
        <v>73953</v>
      </c>
      <c r="GK40" s="101">
        <v>0</v>
      </c>
      <c r="GL40" s="104">
        <v>99346</v>
      </c>
      <c r="GM40" s="104">
        <v>59400</v>
      </c>
      <c r="GN40" s="104">
        <v>115857</v>
      </c>
      <c r="GO40" s="104">
        <v>107712</v>
      </c>
      <c r="GP40" s="104">
        <v>0</v>
      </c>
      <c r="GQ40" s="103">
        <v>382315</v>
      </c>
      <c r="GR40" s="106">
        <v>456268</v>
      </c>
      <c r="GS40" s="100">
        <v>166320</v>
      </c>
      <c r="GT40" s="104">
        <v>194535</v>
      </c>
      <c r="GU40" s="103">
        <v>360855</v>
      </c>
      <c r="GV40" s="100">
        <v>0</v>
      </c>
      <c r="GW40" s="104">
        <v>0</v>
      </c>
      <c r="GX40" s="104">
        <v>121770</v>
      </c>
      <c r="GY40" s="104">
        <v>316800</v>
      </c>
      <c r="GZ40" s="104">
        <v>140000</v>
      </c>
      <c r="HA40" s="104">
        <v>0</v>
      </c>
      <c r="HB40" s="102">
        <v>578570</v>
      </c>
      <c r="HC40" s="106">
        <v>939425</v>
      </c>
      <c r="HD40" s="100">
        <v>997454</v>
      </c>
      <c r="HE40" s="104">
        <v>1211218</v>
      </c>
      <c r="HF40" s="102">
        <v>2208672</v>
      </c>
      <c r="HG40" s="101">
        <v>0</v>
      </c>
      <c r="HH40" s="104">
        <v>7349271</v>
      </c>
      <c r="HI40" s="104">
        <v>3255403</v>
      </c>
      <c r="HJ40" s="104">
        <v>4956965</v>
      </c>
      <c r="HK40" s="104">
        <v>6385969</v>
      </c>
      <c r="HL40" s="104">
        <v>2236652</v>
      </c>
      <c r="HM40" s="103">
        <v>24184260</v>
      </c>
      <c r="HN40" s="99">
        <v>26392932</v>
      </c>
      <c r="HO40" s="105">
        <v>274528</v>
      </c>
      <c r="HP40" s="104">
        <v>507429</v>
      </c>
      <c r="HQ40" s="103">
        <v>781957</v>
      </c>
      <c r="HR40" s="100">
        <v>0</v>
      </c>
      <c r="HS40" s="104">
        <v>4199816</v>
      </c>
      <c r="HT40" s="104">
        <v>2370825</v>
      </c>
      <c r="HU40" s="104">
        <v>1740621</v>
      </c>
      <c r="HV40" s="104">
        <v>1483624</v>
      </c>
      <c r="HW40" s="104">
        <v>577469</v>
      </c>
      <c r="HX40" s="102">
        <v>10372355</v>
      </c>
      <c r="HY40" s="106">
        <v>11154312</v>
      </c>
      <c r="HZ40" s="137">
        <v>116397</v>
      </c>
      <c r="IA40" s="122">
        <v>325017</v>
      </c>
      <c r="IB40" s="137">
        <v>441414</v>
      </c>
      <c r="IC40" s="133">
        <v>0</v>
      </c>
      <c r="ID40" s="119">
        <v>5446994</v>
      </c>
      <c r="IE40" s="134">
        <v>7512426</v>
      </c>
      <c r="IF40" s="120">
        <v>6622737</v>
      </c>
      <c r="IG40" s="119">
        <v>5437091</v>
      </c>
      <c r="IH40" s="120">
        <v>2684130</v>
      </c>
      <c r="II40" s="135">
        <v>27703378</v>
      </c>
      <c r="IJ40" s="137">
        <v>28144792</v>
      </c>
      <c r="IK40" s="219">
        <v>0</v>
      </c>
      <c r="IL40" s="223">
        <v>0</v>
      </c>
      <c r="IM40" s="224">
        <v>0</v>
      </c>
      <c r="IN40" s="127"/>
      <c r="IO40" s="109">
        <v>0</v>
      </c>
      <c r="IP40" s="109">
        <v>0</v>
      </c>
      <c r="IQ40" s="109">
        <v>347820</v>
      </c>
      <c r="IR40" s="109">
        <v>230238</v>
      </c>
      <c r="IS40" s="109">
        <v>0</v>
      </c>
      <c r="IT40" s="128">
        <v>578058</v>
      </c>
      <c r="IU40" s="298">
        <v>578058</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1074601</v>
      </c>
      <c r="JL40" s="109">
        <v>1723941</v>
      </c>
      <c r="JM40" s="109">
        <v>856872</v>
      </c>
      <c r="JN40" s="109">
        <v>1584566</v>
      </c>
      <c r="JO40" s="109">
        <v>658818</v>
      </c>
      <c r="JP40" s="110">
        <v>5898798</v>
      </c>
      <c r="JQ40" s="298">
        <v>5898798</v>
      </c>
      <c r="JR40" s="129">
        <v>0</v>
      </c>
      <c r="JS40" s="109">
        <v>0</v>
      </c>
      <c r="JT40" s="128">
        <v>0</v>
      </c>
      <c r="JU40" s="108">
        <v>0</v>
      </c>
      <c r="JV40" s="109">
        <v>0</v>
      </c>
      <c r="JW40" s="109">
        <v>0</v>
      </c>
      <c r="JX40" s="109">
        <v>0</v>
      </c>
      <c r="JY40" s="109">
        <v>0</v>
      </c>
      <c r="JZ40" s="109">
        <v>0</v>
      </c>
      <c r="KA40" s="110">
        <v>0</v>
      </c>
      <c r="KB40" s="298">
        <v>0</v>
      </c>
      <c r="KC40" s="221">
        <v>116397</v>
      </c>
      <c r="KD40" s="217">
        <v>81315</v>
      </c>
      <c r="KE40" s="110">
        <v>197712</v>
      </c>
      <c r="KF40" s="108">
        <v>0</v>
      </c>
      <c r="KG40" s="109">
        <v>1286048</v>
      </c>
      <c r="KH40" s="109">
        <v>1316941</v>
      </c>
      <c r="KI40" s="109">
        <v>1821600</v>
      </c>
      <c r="KJ40" s="109">
        <v>539154</v>
      </c>
      <c r="KK40" s="109">
        <v>342942</v>
      </c>
      <c r="KL40" s="110">
        <v>5306685</v>
      </c>
      <c r="KM40" s="130">
        <v>5504397</v>
      </c>
      <c r="KN40" s="219">
        <v>0</v>
      </c>
      <c r="KO40" s="223">
        <v>243702</v>
      </c>
      <c r="KP40" s="224">
        <v>243702</v>
      </c>
      <c r="KQ40" s="127"/>
      <c r="KR40" s="109">
        <v>3086345</v>
      </c>
      <c r="KS40" s="109">
        <v>4471544</v>
      </c>
      <c r="KT40" s="109">
        <v>3596445</v>
      </c>
      <c r="KU40" s="109">
        <v>3083133</v>
      </c>
      <c r="KV40" s="109">
        <v>1682370</v>
      </c>
      <c r="KW40" s="110">
        <v>15919837</v>
      </c>
      <c r="KX40" s="298">
        <v>16163539</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6082733</v>
      </c>
      <c r="MK40" s="109">
        <v>7649192</v>
      </c>
      <c r="ML40" s="109">
        <v>15932533</v>
      </c>
      <c r="MM40" s="109">
        <v>17264296</v>
      </c>
      <c r="MN40" s="109">
        <v>15496883</v>
      </c>
      <c r="MO40" s="110">
        <v>62425637</v>
      </c>
      <c r="MP40" s="130">
        <v>62425637</v>
      </c>
      <c r="MQ40" s="129">
        <v>0</v>
      </c>
      <c r="MR40" s="109">
        <v>0</v>
      </c>
      <c r="MS40" s="110">
        <v>0</v>
      </c>
      <c r="MT40" s="132"/>
      <c r="MU40" s="109">
        <v>201996</v>
      </c>
      <c r="MV40" s="109">
        <v>476964</v>
      </c>
      <c r="MW40" s="109">
        <v>6129711</v>
      </c>
      <c r="MX40" s="109">
        <v>13193195</v>
      </c>
      <c r="MY40" s="109">
        <v>9220262</v>
      </c>
      <c r="MZ40" s="110">
        <v>29222128</v>
      </c>
      <c r="NA40" s="130">
        <v>29222128</v>
      </c>
      <c r="NB40" s="129">
        <v>0</v>
      </c>
      <c r="NC40" s="109">
        <v>0</v>
      </c>
      <c r="ND40" s="110">
        <v>0</v>
      </c>
      <c r="NE40" s="132"/>
      <c r="NF40" s="109">
        <v>4953053</v>
      </c>
      <c r="NG40" s="109">
        <v>6914495</v>
      </c>
      <c r="NH40" s="109">
        <v>8239603</v>
      </c>
      <c r="NI40" s="109">
        <v>2248398</v>
      </c>
      <c r="NJ40" s="109">
        <v>3735388</v>
      </c>
      <c r="NK40" s="110">
        <v>26090937</v>
      </c>
      <c r="NL40" s="298">
        <v>26090937</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927684</v>
      </c>
      <c r="OC40" s="109">
        <v>257733</v>
      </c>
      <c r="OD40" s="109">
        <v>1563219</v>
      </c>
      <c r="OE40" s="109">
        <v>1822703</v>
      </c>
      <c r="OF40" s="109">
        <v>2541233</v>
      </c>
      <c r="OG40" s="110">
        <v>7112572</v>
      </c>
      <c r="OH40" s="111">
        <v>7112572</v>
      </c>
      <c r="OI40" s="129">
        <v>2568653</v>
      </c>
      <c r="OJ40" s="109">
        <v>4762613</v>
      </c>
      <c r="OK40" s="128">
        <v>7331266</v>
      </c>
      <c r="OL40" s="108">
        <v>0</v>
      </c>
      <c r="OM40" s="109">
        <v>43800694</v>
      </c>
      <c r="ON40" s="109">
        <v>38099603</v>
      </c>
      <c r="OO40" s="109">
        <v>45507817</v>
      </c>
      <c r="OP40" s="109">
        <v>47138621</v>
      </c>
      <c r="OQ40" s="109">
        <v>29814511</v>
      </c>
      <c r="OR40" s="110">
        <v>204361246</v>
      </c>
      <c r="OS40" s="130">
        <v>211692512</v>
      </c>
    </row>
    <row r="41" spans="2:409" ht="21" customHeight="1" x14ac:dyDescent="0.2">
      <c r="B41" s="472" t="s">
        <v>36</v>
      </c>
      <c r="C41" s="100">
        <v>1287184</v>
      </c>
      <c r="D41" s="104">
        <v>3161147</v>
      </c>
      <c r="E41" s="103">
        <v>4448331</v>
      </c>
      <c r="F41" s="99">
        <v>0</v>
      </c>
      <c r="G41" s="104">
        <v>22176857</v>
      </c>
      <c r="H41" s="104">
        <v>29814967</v>
      </c>
      <c r="I41" s="104">
        <v>22439748</v>
      </c>
      <c r="J41" s="104">
        <v>22668777</v>
      </c>
      <c r="K41" s="104">
        <v>17942411</v>
      </c>
      <c r="L41" s="160">
        <v>115042760</v>
      </c>
      <c r="M41" s="106">
        <v>119491091</v>
      </c>
      <c r="N41" s="100">
        <v>390489</v>
      </c>
      <c r="O41" s="104">
        <v>1312377</v>
      </c>
      <c r="P41" s="103">
        <v>1702866</v>
      </c>
      <c r="Q41" s="100">
        <v>0</v>
      </c>
      <c r="R41" s="104">
        <v>5820357</v>
      </c>
      <c r="S41" s="104">
        <v>8870235</v>
      </c>
      <c r="T41" s="104">
        <v>7819344</v>
      </c>
      <c r="U41" s="104">
        <v>9258891</v>
      </c>
      <c r="V41" s="104">
        <v>10476383</v>
      </c>
      <c r="W41" s="103">
        <v>42245210</v>
      </c>
      <c r="X41" s="106">
        <v>43948076</v>
      </c>
      <c r="Y41" s="100">
        <v>0</v>
      </c>
      <c r="Z41" s="104">
        <v>0</v>
      </c>
      <c r="AA41" s="103">
        <v>0</v>
      </c>
      <c r="AB41" s="100">
        <v>0</v>
      </c>
      <c r="AC41" s="104">
        <v>2189188</v>
      </c>
      <c r="AD41" s="104">
        <v>4414500</v>
      </c>
      <c r="AE41" s="104">
        <v>4334046</v>
      </c>
      <c r="AF41" s="104">
        <v>5192248</v>
      </c>
      <c r="AG41" s="104">
        <v>6237900</v>
      </c>
      <c r="AH41" s="103">
        <v>22367882</v>
      </c>
      <c r="AI41" s="106">
        <v>22367882</v>
      </c>
      <c r="AJ41" s="100">
        <v>0</v>
      </c>
      <c r="AK41" s="104">
        <v>0</v>
      </c>
      <c r="AL41" s="103">
        <v>0</v>
      </c>
      <c r="AM41" s="100">
        <v>0</v>
      </c>
      <c r="AN41" s="104">
        <v>104111</v>
      </c>
      <c r="AO41" s="104">
        <v>398302</v>
      </c>
      <c r="AP41" s="104">
        <v>425589</v>
      </c>
      <c r="AQ41" s="104">
        <v>797669</v>
      </c>
      <c r="AR41" s="104">
        <v>833047</v>
      </c>
      <c r="AS41" s="103">
        <v>2558718</v>
      </c>
      <c r="AT41" s="106">
        <v>2558718</v>
      </c>
      <c r="AU41" s="100">
        <v>254280</v>
      </c>
      <c r="AV41" s="104">
        <v>830373</v>
      </c>
      <c r="AW41" s="103">
        <v>1084653</v>
      </c>
      <c r="AX41" s="100">
        <v>0</v>
      </c>
      <c r="AY41" s="104">
        <v>2445688</v>
      </c>
      <c r="AZ41" s="104">
        <v>2543382</v>
      </c>
      <c r="BA41" s="104">
        <v>1867447</v>
      </c>
      <c r="BB41" s="104">
        <v>1904874</v>
      </c>
      <c r="BC41" s="104">
        <v>2336020</v>
      </c>
      <c r="BD41" s="103">
        <v>11097411</v>
      </c>
      <c r="BE41" s="106">
        <v>12182064</v>
      </c>
      <c r="BF41" s="100">
        <v>69501</v>
      </c>
      <c r="BG41" s="104">
        <v>418941</v>
      </c>
      <c r="BH41" s="102">
        <v>488442</v>
      </c>
      <c r="BI41" s="101">
        <v>0</v>
      </c>
      <c r="BJ41" s="104">
        <v>548332</v>
      </c>
      <c r="BK41" s="104">
        <v>512468</v>
      </c>
      <c r="BL41" s="104">
        <v>267756</v>
      </c>
      <c r="BM41" s="104">
        <v>391608</v>
      </c>
      <c r="BN41" s="104">
        <v>311537</v>
      </c>
      <c r="BO41" s="103">
        <v>2031701</v>
      </c>
      <c r="BP41" s="106">
        <v>2520143</v>
      </c>
      <c r="BQ41" s="100">
        <v>66708</v>
      </c>
      <c r="BR41" s="104">
        <v>63063</v>
      </c>
      <c r="BS41" s="103">
        <v>129771</v>
      </c>
      <c r="BT41" s="100">
        <v>0</v>
      </c>
      <c r="BU41" s="104">
        <v>533038</v>
      </c>
      <c r="BV41" s="104">
        <v>1001583</v>
      </c>
      <c r="BW41" s="104">
        <v>924506</v>
      </c>
      <c r="BX41" s="104">
        <v>972492</v>
      </c>
      <c r="BY41" s="104">
        <v>757879</v>
      </c>
      <c r="BZ41" s="103">
        <v>4189498</v>
      </c>
      <c r="CA41" s="106">
        <v>4319269</v>
      </c>
      <c r="CB41" s="100">
        <v>157213</v>
      </c>
      <c r="CC41" s="104">
        <v>295591</v>
      </c>
      <c r="CD41" s="103">
        <v>452804</v>
      </c>
      <c r="CE41" s="100">
        <v>0</v>
      </c>
      <c r="CF41" s="104">
        <v>6976490</v>
      </c>
      <c r="CG41" s="104">
        <v>11095689</v>
      </c>
      <c r="CH41" s="104">
        <v>5926099</v>
      </c>
      <c r="CI41" s="104">
        <v>4456992</v>
      </c>
      <c r="CJ41" s="104">
        <v>2373074</v>
      </c>
      <c r="CK41" s="103">
        <v>30828344</v>
      </c>
      <c r="CL41" s="106">
        <v>31281148</v>
      </c>
      <c r="CM41" s="100">
        <v>0</v>
      </c>
      <c r="CN41" s="104">
        <v>0</v>
      </c>
      <c r="CO41" s="103">
        <v>0</v>
      </c>
      <c r="CP41" s="101">
        <v>0</v>
      </c>
      <c r="CQ41" s="104">
        <v>5366090</v>
      </c>
      <c r="CR41" s="104">
        <v>8911728</v>
      </c>
      <c r="CS41" s="104">
        <v>4489145</v>
      </c>
      <c r="CT41" s="104">
        <v>3973195</v>
      </c>
      <c r="CU41" s="104">
        <v>2126605</v>
      </c>
      <c r="CV41" s="103">
        <v>24866763</v>
      </c>
      <c r="CW41" s="106">
        <v>24866763</v>
      </c>
      <c r="CX41" s="100">
        <v>157213</v>
      </c>
      <c r="CY41" s="104">
        <v>295591</v>
      </c>
      <c r="CZ41" s="103">
        <v>452804</v>
      </c>
      <c r="DA41" s="100">
        <v>0</v>
      </c>
      <c r="DB41" s="104">
        <v>1610400</v>
      </c>
      <c r="DC41" s="104">
        <v>2183961</v>
      </c>
      <c r="DD41" s="104">
        <v>1436954</v>
      </c>
      <c r="DE41" s="104">
        <v>483797</v>
      </c>
      <c r="DF41" s="104">
        <v>246469</v>
      </c>
      <c r="DG41" s="103">
        <v>5961581</v>
      </c>
      <c r="DH41" s="106">
        <v>6414385</v>
      </c>
      <c r="DI41" s="100">
        <v>0</v>
      </c>
      <c r="DJ41" s="104">
        <v>0</v>
      </c>
      <c r="DK41" s="102">
        <v>0</v>
      </c>
      <c r="DL41" s="101">
        <v>0</v>
      </c>
      <c r="DM41" s="104">
        <v>1274903</v>
      </c>
      <c r="DN41" s="104">
        <v>1339594</v>
      </c>
      <c r="DO41" s="104">
        <v>2158057</v>
      </c>
      <c r="DP41" s="104">
        <v>2921259</v>
      </c>
      <c r="DQ41" s="104">
        <v>1557301</v>
      </c>
      <c r="DR41" s="103">
        <v>9251114</v>
      </c>
      <c r="DS41" s="106">
        <v>9251114</v>
      </c>
      <c r="DT41" s="100">
        <v>0</v>
      </c>
      <c r="DU41" s="104">
        <v>0</v>
      </c>
      <c r="DV41" s="103">
        <v>0</v>
      </c>
      <c r="DW41" s="100">
        <v>0</v>
      </c>
      <c r="DX41" s="104">
        <v>1229656</v>
      </c>
      <c r="DY41" s="104">
        <v>1339594</v>
      </c>
      <c r="DZ41" s="104">
        <v>2158057</v>
      </c>
      <c r="EA41" s="104">
        <v>2871885</v>
      </c>
      <c r="EB41" s="104">
        <v>1256434</v>
      </c>
      <c r="EC41" s="103">
        <v>8855626</v>
      </c>
      <c r="ED41" s="106">
        <v>8855626</v>
      </c>
      <c r="EE41" s="100">
        <v>0</v>
      </c>
      <c r="EF41" s="102">
        <v>0</v>
      </c>
      <c r="EG41" s="103">
        <v>0</v>
      </c>
      <c r="EH41" s="100">
        <v>0</v>
      </c>
      <c r="EI41" s="104">
        <v>45247</v>
      </c>
      <c r="EJ41" s="104">
        <v>0</v>
      </c>
      <c r="EK41" s="104">
        <v>0</v>
      </c>
      <c r="EL41" s="104">
        <v>49374</v>
      </c>
      <c r="EM41" s="104">
        <v>300867</v>
      </c>
      <c r="EN41" s="102">
        <v>395488</v>
      </c>
      <c r="EO41" s="106">
        <v>395488</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338718</v>
      </c>
      <c r="FM41" s="104">
        <v>836465</v>
      </c>
      <c r="FN41" s="103">
        <v>1175183</v>
      </c>
      <c r="FO41" s="100">
        <v>0</v>
      </c>
      <c r="FP41" s="104">
        <v>2449400</v>
      </c>
      <c r="FQ41" s="104">
        <v>2856619</v>
      </c>
      <c r="FR41" s="104">
        <v>1638321</v>
      </c>
      <c r="FS41" s="104">
        <v>1783853</v>
      </c>
      <c r="FT41" s="104">
        <v>1276888</v>
      </c>
      <c r="FU41" s="103">
        <v>10005081</v>
      </c>
      <c r="FV41" s="106">
        <v>11180264</v>
      </c>
      <c r="FW41" s="105">
        <v>193818</v>
      </c>
      <c r="FX41" s="104">
        <v>723404</v>
      </c>
      <c r="FY41" s="102">
        <v>917222</v>
      </c>
      <c r="FZ41" s="101">
        <v>0</v>
      </c>
      <c r="GA41" s="104">
        <v>1593500</v>
      </c>
      <c r="GB41" s="104">
        <v>2509669</v>
      </c>
      <c r="GC41" s="104">
        <v>1617828</v>
      </c>
      <c r="GD41" s="104">
        <v>1783853</v>
      </c>
      <c r="GE41" s="104">
        <v>1276888</v>
      </c>
      <c r="GF41" s="103">
        <v>8781738</v>
      </c>
      <c r="GG41" s="296">
        <v>9698960</v>
      </c>
      <c r="GH41" s="105">
        <v>16200</v>
      </c>
      <c r="GI41" s="104">
        <v>41421</v>
      </c>
      <c r="GJ41" s="102">
        <v>57621</v>
      </c>
      <c r="GK41" s="101">
        <v>0</v>
      </c>
      <c r="GL41" s="104">
        <v>36900</v>
      </c>
      <c r="GM41" s="104">
        <v>79290</v>
      </c>
      <c r="GN41" s="104">
        <v>20493</v>
      </c>
      <c r="GO41" s="104">
        <v>0</v>
      </c>
      <c r="GP41" s="104">
        <v>0</v>
      </c>
      <c r="GQ41" s="103">
        <v>136683</v>
      </c>
      <c r="GR41" s="106">
        <v>194304</v>
      </c>
      <c r="GS41" s="100">
        <v>128700</v>
      </c>
      <c r="GT41" s="104">
        <v>71640</v>
      </c>
      <c r="GU41" s="103">
        <v>200340</v>
      </c>
      <c r="GV41" s="100">
        <v>0</v>
      </c>
      <c r="GW41" s="104">
        <v>819000</v>
      </c>
      <c r="GX41" s="104">
        <v>267660</v>
      </c>
      <c r="GY41" s="104">
        <v>0</v>
      </c>
      <c r="GZ41" s="104">
        <v>0</v>
      </c>
      <c r="HA41" s="104">
        <v>0</v>
      </c>
      <c r="HB41" s="102">
        <v>1086660</v>
      </c>
      <c r="HC41" s="106">
        <v>1287000</v>
      </c>
      <c r="HD41" s="100">
        <v>178727</v>
      </c>
      <c r="HE41" s="104">
        <v>104066</v>
      </c>
      <c r="HF41" s="102">
        <v>282793</v>
      </c>
      <c r="HG41" s="101">
        <v>0</v>
      </c>
      <c r="HH41" s="104">
        <v>1902139</v>
      </c>
      <c r="HI41" s="104">
        <v>2260912</v>
      </c>
      <c r="HJ41" s="104">
        <v>2851387</v>
      </c>
      <c r="HK41" s="104">
        <v>2598045</v>
      </c>
      <c r="HL41" s="104">
        <v>1026226</v>
      </c>
      <c r="HM41" s="103">
        <v>10638709</v>
      </c>
      <c r="HN41" s="99">
        <v>10921502</v>
      </c>
      <c r="HO41" s="105">
        <v>222037</v>
      </c>
      <c r="HP41" s="104">
        <v>612648</v>
      </c>
      <c r="HQ41" s="103">
        <v>834685</v>
      </c>
      <c r="HR41" s="100">
        <v>0</v>
      </c>
      <c r="HS41" s="104">
        <v>3753568</v>
      </c>
      <c r="HT41" s="104">
        <v>3391918</v>
      </c>
      <c r="HU41" s="104">
        <v>2046540</v>
      </c>
      <c r="HV41" s="104">
        <v>1649737</v>
      </c>
      <c r="HW41" s="104">
        <v>1232539</v>
      </c>
      <c r="HX41" s="102">
        <v>12074302</v>
      </c>
      <c r="HY41" s="106">
        <v>12908987</v>
      </c>
      <c r="HZ41" s="118">
        <v>0</v>
      </c>
      <c r="IA41" s="119">
        <v>256047</v>
      </c>
      <c r="IB41" s="120">
        <v>256047</v>
      </c>
      <c r="IC41" s="133">
        <v>0</v>
      </c>
      <c r="ID41" s="119">
        <v>5594503</v>
      </c>
      <c r="IE41" s="134">
        <v>9297873</v>
      </c>
      <c r="IF41" s="120">
        <v>8958061</v>
      </c>
      <c r="IG41" s="119">
        <v>6885431</v>
      </c>
      <c r="IH41" s="120">
        <v>4287900</v>
      </c>
      <c r="II41" s="135">
        <v>35023768</v>
      </c>
      <c r="IJ41" s="126">
        <v>35279815</v>
      </c>
      <c r="IK41" s="219">
        <v>0</v>
      </c>
      <c r="IL41" s="223">
        <v>0</v>
      </c>
      <c r="IM41" s="224">
        <v>0</v>
      </c>
      <c r="IN41" s="127"/>
      <c r="IO41" s="109">
        <v>0</v>
      </c>
      <c r="IP41" s="109">
        <v>108954</v>
      </c>
      <c r="IQ41" s="109">
        <v>0</v>
      </c>
      <c r="IR41" s="109">
        <v>0</v>
      </c>
      <c r="IS41" s="109">
        <v>0</v>
      </c>
      <c r="IT41" s="128">
        <v>108954</v>
      </c>
      <c r="IU41" s="298">
        <v>108954</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2864325</v>
      </c>
      <c r="JL41" s="109">
        <v>2600876</v>
      </c>
      <c r="JM41" s="109">
        <v>3667978</v>
      </c>
      <c r="JN41" s="109">
        <v>2011773</v>
      </c>
      <c r="JO41" s="109">
        <v>2554229</v>
      </c>
      <c r="JP41" s="110">
        <v>13699181</v>
      </c>
      <c r="JQ41" s="298">
        <v>13699181</v>
      </c>
      <c r="JR41" s="129">
        <v>0</v>
      </c>
      <c r="JS41" s="109">
        <v>0</v>
      </c>
      <c r="JT41" s="128">
        <v>0</v>
      </c>
      <c r="JU41" s="108">
        <v>0</v>
      </c>
      <c r="JV41" s="109">
        <v>0</v>
      </c>
      <c r="JW41" s="109">
        <v>0</v>
      </c>
      <c r="JX41" s="109">
        <v>0</v>
      </c>
      <c r="JY41" s="109">
        <v>0</v>
      </c>
      <c r="JZ41" s="109">
        <v>0</v>
      </c>
      <c r="KA41" s="110">
        <v>0</v>
      </c>
      <c r="KB41" s="298">
        <v>0</v>
      </c>
      <c r="KC41" s="221">
        <v>0</v>
      </c>
      <c r="KD41" s="217">
        <v>256047</v>
      </c>
      <c r="KE41" s="110">
        <v>256047</v>
      </c>
      <c r="KF41" s="108">
        <v>0</v>
      </c>
      <c r="KG41" s="109">
        <v>1404643</v>
      </c>
      <c r="KH41" s="109">
        <v>3027758</v>
      </c>
      <c r="KI41" s="109">
        <v>2676004</v>
      </c>
      <c r="KJ41" s="109">
        <v>843401</v>
      </c>
      <c r="KK41" s="109">
        <v>310543</v>
      </c>
      <c r="KL41" s="110">
        <v>8262349</v>
      </c>
      <c r="KM41" s="130">
        <v>8518396</v>
      </c>
      <c r="KN41" s="219">
        <v>0</v>
      </c>
      <c r="KO41" s="223">
        <v>0</v>
      </c>
      <c r="KP41" s="224">
        <v>0</v>
      </c>
      <c r="KQ41" s="127"/>
      <c r="KR41" s="109">
        <v>1325535</v>
      </c>
      <c r="KS41" s="109">
        <v>3560285</v>
      </c>
      <c r="KT41" s="109">
        <v>2614079</v>
      </c>
      <c r="KU41" s="109">
        <v>3533367</v>
      </c>
      <c r="KV41" s="109">
        <v>1423128</v>
      </c>
      <c r="KW41" s="110">
        <v>12456394</v>
      </c>
      <c r="KX41" s="298">
        <v>12456394</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496890</v>
      </c>
      <c r="MC41" s="109">
        <v>0</v>
      </c>
      <c r="MD41" s="110">
        <v>496890</v>
      </c>
      <c r="ME41" s="111">
        <v>496890</v>
      </c>
      <c r="MF41" s="129">
        <v>0</v>
      </c>
      <c r="MG41" s="109">
        <v>0</v>
      </c>
      <c r="MH41" s="110">
        <v>0</v>
      </c>
      <c r="MI41" s="132"/>
      <c r="MJ41" s="109">
        <v>4308199</v>
      </c>
      <c r="MK41" s="109">
        <v>7044422</v>
      </c>
      <c r="ML41" s="109">
        <v>27015071</v>
      </c>
      <c r="MM41" s="109">
        <v>40454909</v>
      </c>
      <c r="MN41" s="109">
        <v>31140964</v>
      </c>
      <c r="MO41" s="110">
        <v>109963565</v>
      </c>
      <c r="MP41" s="130">
        <v>109963565</v>
      </c>
      <c r="MQ41" s="129">
        <v>0</v>
      </c>
      <c r="MR41" s="109">
        <v>0</v>
      </c>
      <c r="MS41" s="110">
        <v>0</v>
      </c>
      <c r="MT41" s="132"/>
      <c r="MU41" s="109">
        <v>0</v>
      </c>
      <c r="MV41" s="109">
        <v>724867</v>
      </c>
      <c r="MW41" s="109">
        <v>14699739</v>
      </c>
      <c r="MX41" s="109">
        <v>21017274</v>
      </c>
      <c r="MY41" s="109">
        <v>22169697</v>
      </c>
      <c r="MZ41" s="110">
        <v>58611577</v>
      </c>
      <c r="NA41" s="130">
        <v>58611577</v>
      </c>
      <c r="NB41" s="129">
        <v>0</v>
      </c>
      <c r="NC41" s="109">
        <v>0</v>
      </c>
      <c r="ND41" s="110">
        <v>0</v>
      </c>
      <c r="NE41" s="132"/>
      <c r="NF41" s="109">
        <v>4308199</v>
      </c>
      <c r="NG41" s="109">
        <v>6319555</v>
      </c>
      <c r="NH41" s="109">
        <v>12315332</v>
      </c>
      <c r="NI41" s="109">
        <v>16908965</v>
      </c>
      <c r="NJ41" s="109">
        <v>8089513</v>
      </c>
      <c r="NK41" s="110">
        <v>47941564</v>
      </c>
      <c r="NL41" s="298">
        <v>47941564</v>
      </c>
      <c r="NM41" s="129">
        <v>0</v>
      </c>
      <c r="NN41" s="109">
        <v>0</v>
      </c>
      <c r="NO41" s="110">
        <v>0</v>
      </c>
      <c r="NP41" s="132"/>
      <c r="NQ41" s="109">
        <v>0</v>
      </c>
      <c r="NR41" s="109">
        <v>0</v>
      </c>
      <c r="NS41" s="109">
        <v>0</v>
      </c>
      <c r="NT41" s="109">
        <v>652464</v>
      </c>
      <c r="NU41" s="109">
        <v>350051</v>
      </c>
      <c r="NV41" s="110">
        <v>1002515</v>
      </c>
      <c r="NW41" s="111">
        <v>1002515</v>
      </c>
      <c r="NX41" s="129">
        <v>0</v>
      </c>
      <c r="NY41" s="109">
        <v>0</v>
      </c>
      <c r="NZ41" s="110">
        <v>0</v>
      </c>
      <c r="OA41" s="132"/>
      <c r="OB41" s="109">
        <v>0</v>
      </c>
      <c r="OC41" s="109">
        <v>0</v>
      </c>
      <c r="OD41" s="109">
        <v>0</v>
      </c>
      <c r="OE41" s="109">
        <v>1876206</v>
      </c>
      <c r="OF41" s="109">
        <v>531703</v>
      </c>
      <c r="OG41" s="110">
        <v>2407909</v>
      </c>
      <c r="OH41" s="111">
        <v>2407909</v>
      </c>
      <c r="OI41" s="129">
        <v>1287184</v>
      </c>
      <c r="OJ41" s="109">
        <v>3417194</v>
      </c>
      <c r="OK41" s="128">
        <v>4704378</v>
      </c>
      <c r="OL41" s="108">
        <v>0</v>
      </c>
      <c r="OM41" s="109">
        <v>32079559</v>
      </c>
      <c r="ON41" s="109">
        <v>46157262</v>
      </c>
      <c r="OO41" s="109">
        <v>58412880</v>
      </c>
      <c r="OP41" s="109">
        <v>70009117</v>
      </c>
      <c r="OQ41" s="109">
        <v>53371275</v>
      </c>
      <c r="OR41" s="110">
        <v>260030093</v>
      </c>
      <c r="OS41" s="130">
        <v>264734471</v>
      </c>
    </row>
    <row r="42" spans="2:409" ht="21" customHeight="1" thickBot="1" x14ac:dyDescent="0.25">
      <c r="B42" s="473" t="s">
        <v>37</v>
      </c>
      <c r="C42" s="107">
        <v>281402</v>
      </c>
      <c r="D42" s="165">
        <v>124002</v>
      </c>
      <c r="E42" s="166">
        <v>405404</v>
      </c>
      <c r="F42" s="167">
        <v>0</v>
      </c>
      <c r="G42" s="165">
        <v>1408386</v>
      </c>
      <c r="H42" s="165">
        <v>1964954</v>
      </c>
      <c r="I42" s="165">
        <v>2206831</v>
      </c>
      <c r="J42" s="165">
        <v>2572867</v>
      </c>
      <c r="K42" s="165">
        <v>882524</v>
      </c>
      <c r="L42" s="167">
        <v>9035562</v>
      </c>
      <c r="M42" s="168">
        <v>9440966</v>
      </c>
      <c r="N42" s="107">
        <v>40884</v>
      </c>
      <c r="O42" s="165">
        <v>8780</v>
      </c>
      <c r="P42" s="166">
        <v>49664</v>
      </c>
      <c r="Q42" s="107">
        <v>0</v>
      </c>
      <c r="R42" s="165">
        <v>270936</v>
      </c>
      <c r="S42" s="165">
        <v>454109</v>
      </c>
      <c r="T42" s="165">
        <v>248363</v>
      </c>
      <c r="U42" s="165">
        <v>594367</v>
      </c>
      <c r="V42" s="165">
        <v>506673</v>
      </c>
      <c r="W42" s="166">
        <v>2074448</v>
      </c>
      <c r="X42" s="168">
        <v>2124112</v>
      </c>
      <c r="Y42" s="107">
        <v>0</v>
      </c>
      <c r="Z42" s="165">
        <v>0</v>
      </c>
      <c r="AA42" s="166">
        <v>0</v>
      </c>
      <c r="AB42" s="107">
        <v>0</v>
      </c>
      <c r="AC42" s="165">
        <v>169488</v>
      </c>
      <c r="AD42" s="165">
        <v>232751</v>
      </c>
      <c r="AE42" s="165">
        <v>146637</v>
      </c>
      <c r="AF42" s="165">
        <v>248765</v>
      </c>
      <c r="AG42" s="165">
        <v>253554</v>
      </c>
      <c r="AH42" s="166">
        <v>1051195</v>
      </c>
      <c r="AI42" s="168">
        <v>1051195</v>
      </c>
      <c r="AJ42" s="107">
        <v>0</v>
      </c>
      <c r="AK42" s="165">
        <v>0</v>
      </c>
      <c r="AL42" s="166">
        <v>0</v>
      </c>
      <c r="AM42" s="107">
        <v>0</v>
      </c>
      <c r="AN42" s="165">
        <v>0</v>
      </c>
      <c r="AO42" s="165">
        <v>0</v>
      </c>
      <c r="AP42" s="165">
        <v>15443</v>
      </c>
      <c r="AQ42" s="165">
        <v>0</v>
      </c>
      <c r="AR42" s="165">
        <v>0</v>
      </c>
      <c r="AS42" s="166">
        <v>15443</v>
      </c>
      <c r="AT42" s="168">
        <v>15443</v>
      </c>
      <c r="AU42" s="107">
        <v>31092</v>
      </c>
      <c r="AV42" s="165">
        <v>8780</v>
      </c>
      <c r="AW42" s="166">
        <v>39872</v>
      </c>
      <c r="AX42" s="107">
        <v>0</v>
      </c>
      <c r="AY42" s="165">
        <v>61218</v>
      </c>
      <c r="AZ42" s="165">
        <v>193458</v>
      </c>
      <c r="BA42" s="165">
        <v>0</v>
      </c>
      <c r="BB42" s="165">
        <v>177391</v>
      </c>
      <c r="BC42" s="165">
        <v>181987</v>
      </c>
      <c r="BD42" s="166">
        <v>614054</v>
      </c>
      <c r="BE42" s="168">
        <v>653926</v>
      </c>
      <c r="BF42" s="107">
        <v>0</v>
      </c>
      <c r="BG42" s="165">
        <v>0</v>
      </c>
      <c r="BH42" s="170">
        <v>0</v>
      </c>
      <c r="BI42" s="169">
        <v>0</v>
      </c>
      <c r="BJ42" s="165">
        <v>0</v>
      </c>
      <c r="BK42" s="165">
        <v>22536</v>
      </c>
      <c r="BL42" s="165">
        <v>0</v>
      </c>
      <c r="BM42" s="165">
        <v>49590</v>
      </c>
      <c r="BN42" s="165">
        <v>0</v>
      </c>
      <c r="BO42" s="166">
        <v>72126</v>
      </c>
      <c r="BP42" s="168">
        <v>72126</v>
      </c>
      <c r="BQ42" s="107">
        <v>9792</v>
      </c>
      <c r="BR42" s="165">
        <v>0</v>
      </c>
      <c r="BS42" s="166">
        <v>9792</v>
      </c>
      <c r="BT42" s="107">
        <v>0</v>
      </c>
      <c r="BU42" s="165">
        <v>40230</v>
      </c>
      <c r="BV42" s="165">
        <v>5364</v>
      </c>
      <c r="BW42" s="165">
        <v>86283</v>
      </c>
      <c r="BX42" s="165">
        <v>118621</v>
      </c>
      <c r="BY42" s="165">
        <v>71132</v>
      </c>
      <c r="BZ42" s="166">
        <v>321630</v>
      </c>
      <c r="CA42" s="168">
        <v>331422</v>
      </c>
      <c r="CB42" s="107">
        <v>69410</v>
      </c>
      <c r="CC42" s="165">
        <v>79138</v>
      </c>
      <c r="CD42" s="166">
        <v>148548</v>
      </c>
      <c r="CE42" s="107">
        <v>0</v>
      </c>
      <c r="CF42" s="165">
        <v>613223</v>
      </c>
      <c r="CG42" s="165">
        <v>760602</v>
      </c>
      <c r="CH42" s="165">
        <v>1185668</v>
      </c>
      <c r="CI42" s="165">
        <v>978689</v>
      </c>
      <c r="CJ42" s="165">
        <v>182449</v>
      </c>
      <c r="CK42" s="166">
        <v>3720631</v>
      </c>
      <c r="CL42" s="168">
        <v>3869179</v>
      </c>
      <c r="CM42" s="107">
        <v>0</v>
      </c>
      <c r="CN42" s="165">
        <v>0</v>
      </c>
      <c r="CO42" s="166">
        <v>0</v>
      </c>
      <c r="CP42" s="169">
        <v>0</v>
      </c>
      <c r="CQ42" s="165">
        <v>379614</v>
      </c>
      <c r="CR42" s="165">
        <v>369133</v>
      </c>
      <c r="CS42" s="165">
        <v>1185668</v>
      </c>
      <c r="CT42" s="165">
        <v>380671</v>
      </c>
      <c r="CU42" s="165">
        <v>105209</v>
      </c>
      <c r="CV42" s="166">
        <v>2420295</v>
      </c>
      <c r="CW42" s="168">
        <v>2420295</v>
      </c>
      <c r="CX42" s="107">
        <v>69410</v>
      </c>
      <c r="CY42" s="165">
        <v>79138</v>
      </c>
      <c r="CZ42" s="166">
        <v>148548</v>
      </c>
      <c r="DA42" s="107">
        <v>0</v>
      </c>
      <c r="DB42" s="165">
        <v>233609</v>
      </c>
      <c r="DC42" s="165">
        <v>391469</v>
      </c>
      <c r="DD42" s="165">
        <v>0</v>
      </c>
      <c r="DE42" s="165">
        <v>598018</v>
      </c>
      <c r="DF42" s="165">
        <v>77240</v>
      </c>
      <c r="DG42" s="166">
        <v>1300336</v>
      </c>
      <c r="DH42" s="168">
        <v>1448884</v>
      </c>
      <c r="DI42" s="107">
        <v>0</v>
      </c>
      <c r="DJ42" s="165">
        <v>0</v>
      </c>
      <c r="DK42" s="170">
        <v>0</v>
      </c>
      <c r="DL42" s="169">
        <v>0</v>
      </c>
      <c r="DM42" s="165">
        <v>67004</v>
      </c>
      <c r="DN42" s="165">
        <v>52632</v>
      </c>
      <c r="DO42" s="165">
        <v>352021</v>
      </c>
      <c r="DP42" s="165">
        <v>185456</v>
      </c>
      <c r="DQ42" s="165">
        <v>0</v>
      </c>
      <c r="DR42" s="166">
        <v>657113</v>
      </c>
      <c r="DS42" s="168">
        <v>657113</v>
      </c>
      <c r="DT42" s="107">
        <v>0</v>
      </c>
      <c r="DU42" s="165">
        <v>0</v>
      </c>
      <c r="DV42" s="166">
        <v>0</v>
      </c>
      <c r="DW42" s="107">
        <v>0</v>
      </c>
      <c r="DX42" s="165">
        <v>67004</v>
      </c>
      <c r="DY42" s="165">
        <v>52632</v>
      </c>
      <c r="DZ42" s="165">
        <v>352021</v>
      </c>
      <c r="EA42" s="165">
        <v>109417</v>
      </c>
      <c r="EB42" s="165">
        <v>0</v>
      </c>
      <c r="EC42" s="166">
        <v>581074</v>
      </c>
      <c r="ED42" s="168">
        <v>581074</v>
      </c>
      <c r="EE42" s="107">
        <v>0</v>
      </c>
      <c r="EF42" s="170">
        <v>0</v>
      </c>
      <c r="EG42" s="166">
        <v>0</v>
      </c>
      <c r="EH42" s="107">
        <v>0</v>
      </c>
      <c r="EI42" s="165">
        <v>0</v>
      </c>
      <c r="EJ42" s="165">
        <v>0</v>
      </c>
      <c r="EK42" s="165">
        <v>0</v>
      </c>
      <c r="EL42" s="165">
        <v>76039</v>
      </c>
      <c r="EM42" s="165">
        <v>0</v>
      </c>
      <c r="EN42" s="170">
        <v>76039</v>
      </c>
      <c r="EO42" s="168">
        <v>76039</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93537</v>
      </c>
      <c r="FM42" s="165">
        <v>17832</v>
      </c>
      <c r="FN42" s="166">
        <v>111369</v>
      </c>
      <c r="FO42" s="107">
        <v>0</v>
      </c>
      <c r="FP42" s="165">
        <v>140832</v>
      </c>
      <c r="FQ42" s="165">
        <v>359685</v>
      </c>
      <c r="FR42" s="165">
        <v>172395</v>
      </c>
      <c r="FS42" s="165">
        <v>215658</v>
      </c>
      <c r="FT42" s="165">
        <v>87251</v>
      </c>
      <c r="FU42" s="166">
        <v>975821</v>
      </c>
      <c r="FV42" s="168">
        <v>1087190</v>
      </c>
      <c r="FW42" s="171">
        <v>93537</v>
      </c>
      <c r="FX42" s="165">
        <v>17832</v>
      </c>
      <c r="FY42" s="170">
        <v>111369</v>
      </c>
      <c r="FZ42" s="169">
        <v>0</v>
      </c>
      <c r="GA42" s="165">
        <v>140832</v>
      </c>
      <c r="GB42" s="165">
        <v>359685</v>
      </c>
      <c r="GC42" s="165">
        <v>172395</v>
      </c>
      <c r="GD42" s="165">
        <v>215658</v>
      </c>
      <c r="GE42" s="165">
        <v>87251</v>
      </c>
      <c r="GF42" s="166">
        <v>975821</v>
      </c>
      <c r="GG42" s="297">
        <v>1087190</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408113</v>
      </c>
      <c r="HL42" s="165">
        <v>0</v>
      </c>
      <c r="HM42" s="166">
        <v>408113</v>
      </c>
      <c r="HN42" s="167">
        <v>408113</v>
      </c>
      <c r="HO42" s="171">
        <v>77571</v>
      </c>
      <c r="HP42" s="165">
        <v>18252</v>
      </c>
      <c r="HQ42" s="166">
        <v>95823</v>
      </c>
      <c r="HR42" s="107">
        <v>0</v>
      </c>
      <c r="HS42" s="165">
        <v>316391</v>
      </c>
      <c r="HT42" s="165">
        <v>337926</v>
      </c>
      <c r="HU42" s="165">
        <v>248384</v>
      </c>
      <c r="HV42" s="165">
        <v>190584</v>
      </c>
      <c r="HW42" s="165">
        <v>106151</v>
      </c>
      <c r="HX42" s="170">
        <v>1199436</v>
      </c>
      <c r="HY42" s="168">
        <v>1295259</v>
      </c>
      <c r="HZ42" s="138">
        <v>0</v>
      </c>
      <c r="IA42" s="139">
        <v>0</v>
      </c>
      <c r="IB42" s="140">
        <v>0</v>
      </c>
      <c r="IC42" s="141">
        <v>0</v>
      </c>
      <c r="ID42" s="142">
        <v>1084179</v>
      </c>
      <c r="IE42" s="143">
        <v>747467</v>
      </c>
      <c r="IF42" s="144">
        <v>1481230</v>
      </c>
      <c r="IG42" s="142">
        <v>1479997</v>
      </c>
      <c r="IH42" s="144">
        <v>898245</v>
      </c>
      <c r="II42" s="145">
        <v>5691118</v>
      </c>
      <c r="IJ42" s="146">
        <v>5691118</v>
      </c>
      <c r="IK42" s="220">
        <v>0</v>
      </c>
      <c r="IL42" s="225">
        <v>0</v>
      </c>
      <c r="IM42" s="226">
        <v>0</v>
      </c>
      <c r="IN42" s="147"/>
      <c r="IO42" s="148">
        <v>0</v>
      </c>
      <c r="IP42" s="148">
        <v>0</v>
      </c>
      <c r="IQ42" s="148">
        <v>0</v>
      </c>
      <c r="IR42" s="148">
        <v>223127</v>
      </c>
      <c r="IS42" s="148">
        <v>0</v>
      </c>
      <c r="IT42" s="149">
        <v>223127</v>
      </c>
      <c r="IU42" s="299">
        <v>223127</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783612</v>
      </c>
      <c r="JL42" s="148">
        <v>747467</v>
      </c>
      <c r="JM42" s="148">
        <v>626856</v>
      </c>
      <c r="JN42" s="148">
        <v>197346</v>
      </c>
      <c r="JO42" s="148">
        <v>334079</v>
      </c>
      <c r="JP42" s="152">
        <v>2689360</v>
      </c>
      <c r="JQ42" s="299">
        <v>2689360</v>
      </c>
      <c r="JR42" s="150">
        <v>0</v>
      </c>
      <c r="JS42" s="148">
        <v>0</v>
      </c>
      <c r="JT42" s="149">
        <v>0</v>
      </c>
      <c r="JU42" s="151">
        <v>0</v>
      </c>
      <c r="JV42" s="148">
        <v>37577</v>
      </c>
      <c r="JW42" s="148">
        <v>0</v>
      </c>
      <c r="JX42" s="148">
        <v>0</v>
      </c>
      <c r="JY42" s="148">
        <v>193420</v>
      </c>
      <c r="JZ42" s="148">
        <v>270693</v>
      </c>
      <c r="KA42" s="152">
        <v>501690</v>
      </c>
      <c r="KB42" s="299">
        <v>50169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262990</v>
      </c>
      <c r="KS42" s="148">
        <v>0</v>
      </c>
      <c r="KT42" s="148">
        <v>854374</v>
      </c>
      <c r="KU42" s="148">
        <v>866104</v>
      </c>
      <c r="KV42" s="148">
        <v>293473</v>
      </c>
      <c r="KW42" s="152">
        <v>2276941</v>
      </c>
      <c r="KX42" s="299">
        <v>2276941</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773573</v>
      </c>
      <c r="MK42" s="148">
        <v>319779</v>
      </c>
      <c r="ML42" s="148">
        <v>4797027</v>
      </c>
      <c r="MM42" s="148">
        <v>2689423</v>
      </c>
      <c r="MN42" s="148">
        <v>2183327</v>
      </c>
      <c r="MO42" s="152">
        <v>10763129</v>
      </c>
      <c r="MP42" s="154">
        <v>10763129</v>
      </c>
      <c r="MQ42" s="150">
        <v>0</v>
      </c>
      <c r="MR42" s="148">
        <v>0</v>
      </c>
      <c r="MS42" s="152">
        <v>0</v>
      </c>
      <c r="MT42" s="156"/>
      <c r="MU42" s="148">
        <v>0</v>
      </c>
      <c r="MV42" s="148">
        <v>0</v>
      </c>
      <c r="MW42" s="148">
        <v>2182508</v>
      </c>
      <c r="MX42" s="148">
        <v>2333063</v>
      </c>
      <c r="MY42" s="148">
        <v>1513146</v>
      </c>
      <c r="MZ42" s="152">
        <v>6028717</v>
      </c>
      <c r="NA42" s="154">
        <v>6028717</v>
      </c>
      <c r="NB42" s="150">
        <v>0</v>
      </c>
      <c r="NC42" s="148">
        <v>0</v>
      </c>
      <c r="ND42" s="152">
        <v>0</v>
      </c>
      <c r="NE42" s="156"/>
      <c r="NF42" s="148">
        <v>773573</v>
      </c>
      <c r="NG42" s="148">
        <v>319779</v>
      </c>
      <c r="NH42" s="148">
        <v>2614519</v>
      </c>
      <c r="NI42" s="148">
        <v>356360</v>
      </c>
      <c r="NJ42" s="148">
        <v>670181</v>
      </c>
      <c r="NK42" s="152">
        <v>4734412</v>
      </c>
      <c r="NL42" s="299">
        <v>4734412</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281402</v>
      </c>
      <c r="OJ42" s="148">
        <v>124002</v>
      </c>
      <c r="OK42" s="149">
        <v>405404</v>
      </c>
      <c r="OL42" s="151">
        <v>0</v>
      </c>
      <c r="OM42" s="148">
        <v>3266138</v>
      </c>
      <c r="ON42" s="148">
        <v>3032200</v>
      </c>
      <c r="OO42" s="148">
        <v>8485088</v>
      </c>
      <c r="OP42" s="148">
        <v>6742287</v>
      </c>
      <c r="OQ42" s="148">
        <v>3964096</v>
      </c>
      <c r="OR42" s="152">
        <v>25489809</v>
      </c>
      <c r="OS42" s="154">
        <v>25895213</v>
      </c>
    </row>
    <row r="43" spans="2:409" x14ac:dyDescent="0.2">
      <c r="B43" s="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218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10"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1:409" ht="24" customHeight="1" x14ac:dyDescent="0.2">
      <c r="B1" s="15" t="s">
        <v>135</v>
      </c>
      <c r="E1" s="468">
        <f>第１表!F2</f>
        <v>5</v>
      </c>
      <c r="F1" s="734">
        <f>第１表!G2</f>
        <v>10</v>
      </c>
      <c r="G1" s="702">
        <f>IF(F1&lt;3,F1-2+12,F1-2)</f>
        <v>8</v>
      </c>
      <c r="H1" s="702"/>
      <c r="IB1" s="341"/>
      <c r="IC1" s="239"/>
      <c r="ID1" s="618"/>
      <c r="IE1" s="618"/>
    </row>
    <row r="2" spans="1:409" ht="24" customHeight="1" x14ac:dyDescent="0.2">
      <c r="B2" s="15" t="s">
        <v>146</v>
      </c>
      <c r="E2" s="236"/>
      <c r="F2" s="237"/>
      <c r="G2" s="319"/>
      <c r="H2" s="319"/>
      <c r="IB2" s="238"/>
      <c r="IC2" s="239"/>
      <c r="ID2" s="344"/>
      <c r="IE2" s="344"/>
    </row>
    <row r="3" spans="1:409" ht="24" customHeight="1" thickBot="1" x14ac:dyDescent="0.25">
      <c r="B3" s="15" t="s">
        <v>136</v>
      </c>
    </row>
    <row r="4" spans="1:409" ht="21" customHeight="1" thickBot="1" x14ac:dyDescent="0.25">
      <c r="B4" s="655" t="s">
        <v>42</v>
      </c>
      <c r="C4" s="658" t="s">
        <v>63</v>
      </c>
      <c r="D4" s="658"/>
      <c r="E4" s="658"/>
      <c r="F4" s="658"/>
      <c r="G4" s="658"/>
      <c r="H4" s="658"/>
      <c r="I4" s="658"/>
      <c r="J4" s="658"/>
      <c r="K4" s="658"/>
      <c r="L4" s="658"/>
      <c r="M4" s="658"/>
      <c r="N4" s="661"/>
      <c r="O4" s="661"/>
      <c r="P4" s="661"/>
      <c r="Q4" s="661"/>
      <c r="R4" s="661"/>
      <c r="S4" s="661"/>
      <c r="T4" s="661"/>
      <c r="U4" s="661"/>
      <c r="V4" s="661"/>
      <c r="W4" s="661"/>
      <c r="X4" s="661"/>
      <c r="Y4" s="661"/>
      <c r="Z4" s="661"/>
      <c r="AA4" s="661"/>
      <c r="AB4" s="661"/>
      <c r="AC4" s="661"/>
      <c r="AD4" s="661"/>
      <c r="AE4" s="661"/>
      <c r="AF4" s="661"/>
      <c r="AG4" s="661"/>
      <c r="AH4" s="661"/>
      <c r="AI4" s="661"/>
      <c r="AJ4" s="661"/>
      <c r="AK4" s="661"/>
      <c r="AL4" s="661"/>
      <c r="AM4" s="661"/>
      <c r="AN4" s="661"/>
      <c r="AO4" s="661"/>
      <c r="AP4" s="661"/>
      <c r="AQ4" s="661"/>
      <c r="AR4" s="661"/>
      <c r="AS4" s="661"/>
      <c r="AT4" s="661"/>
      <c r="AU4" s="661"/>
      <c r="AV4" s="661"/>
      <c r="AW4" s="661"/>
      <c r="AX4" s="661"/>
      <c r="AY4" s="661"/>
      <c r="AZ4" s="661"/>
      <c r="BA4" s="661"/>
      <c r="BB4" s="661"/>
      <c r="BC4" s="661"/>
      <c r="BD4" s="661"/>
      <c r="BE4" s="661"/>
      <c r="BF4" s="661"/>
      <c r="BG4" s="661"/>
      <c r="BH4" s="661"/>
      <c r="BI4" s="661"/>
      <c r="BJ4" s="661"/>
      <c r="BK4" s="661"/>
      <c r="BL4" s="661"/>
      <c r="BM4" s="661"/>
      <c r="BN4" s="661"/>
      <c r="BO4" s="661"/>
      <c r="BP4" s="661"/>
      <c r="BQ4" s="661"/>
      <c r="BR4" s="661"/>
      <c r="BS4" s="661"/>
      <c r="BT4" s="661"/>
      <c r="BU4" s="661"/>
      <c r="BV4" s="661"/>
      <c r="BW4" s="661"/>
      <c r="BX4" s="661"/>
      <c r="BY4" s="661"/>
      <c r="BZ4" s="661"/>
      <c r="CA4" s="661"/>
      <c r="CB4" s="661"/>
      <c r="CC4" s="661"/>
      <c r="CD4" s="661"/>
      <c r="CE4" s="661"/>
      <c r="CF4" s="661"/>
      <c r="CG4" s="661"/>
      <c r="CH4" s="661"/>
      <c r="CI4" s="661"/>
      <c r="CJ4" s="661"/>
      <c r="CK4" s="661"/>
      <c r="CL4" s="661"/>
      <c r="CM4" s="661"/>
      <c r="CN4" s="661"/>
      <c r="CO4" s="661"/>
      <c r="CP4" s="661"/>
      <c r="CQ4" s="661"/>
      <c r="CR4" s="661"/>
      <c r="CS4" s="661"/>
      <c r="CT4" s="661"/>
      <c r="CU4" s="661"/>
      <c r="CV4" s="661"/>
      <c r="CW4" s="661"/>
      <c r="CX4" s="661"/>
      <c r="CY4" s="661"/>
      <c r="CZ4" s="661"/>
      <c r="DA4" s="661"/>
      <c r="DB4" s="661"/>
      <c r="DC4" s="661"/>
      <c r="DD4" s="661"/>
      <c r="DE4" s="661"/>
      <c r="DF4" s="661"/>
      <c r="DG4" s="661"/>
      <c r="DH4" s="661"/>
      <c r="DI4" s="661"/>
      <c r="DJ4" s="661"/>
      <c r="DK4" s="661"/>
      <c r="DL4" s="661"/>
      <c r="DM4" s="661"/>
      <c r="DN4" s="661"/>
      <c r="DO4" s="661"/>
      <c r="DP4" s="661"/>
      <c r="DQ4" s="661"/>
      <c r="DR4" s="661"/>
      <c r="DS4" s="661"/>
      <c r="DT4" s="661"/>
      <c r="DU4" s="661"/>
      <c r="DV4" s="661"/>
      <c r="DW4" s="661"/>
      <c r="DX4" s="661"/>
      <c r="DY4" s="661"/>
      <c r="DZ4" s="661"/>
      <c r="EA4" s="661"/>
      <c r="EB4" s="661"/>
      <c r="EC4" s="661"/>
      <c r="ED4" s="661"/>
      <c r="EE4" s="661"/>
      <c r="EF4" s="661"/>
      <c r="EG4" s="661"/>
      <c r="EH4" s="661"/>
      <c r="EI4" s="661"/>
      <c r="EJ4" s="661"/>
      <c r="EK4" s="661"/>
      <c r="EL4" s="661"/>
      <c r="EM4" s="661"/>
      <c r="EN4" s="661"/>
      <c r="EO4" s="661"/>
      <c r="EP4" s="661"/>
      <c r="EQ4" s="661"/>
      <c r="ER4" s="661"/>
      <c r="ES4" s="661"/>
      <c r="ET4" s="661"/>
      <c r="EU4" s="661"/>
      <c r="EV4" s="661"/>
      <c r="EW4" s="661"/>
      <c r="EX4" s="661"/>
      <c r="EY4" s="661"/>
      <c r="EZ4" s="661"/>
      <c r="FA4" s="661"/>
      <c r="FB4" s="661"/>
      <c r="FC4" s="661"/>
      <c r="FD4" s="661"/>
      <c r="FE4" s="661"/>
      <c r="FF4" s="661"/>
      <c r="FG4" s="661"/>
      <c r="FH4" s="661"/>
      <c r="FI4" s="661"/>
      <c r="FJ4" s="661"/>
      <c r="FK4" s="661"/>
      <c r="FL4" s="661"/>
      <c r="FM4" s="661"/>
      <c r="FN4" s="661"/>
      <c r="FO4" s="661"/>
      <c r="FP4" s="661"/>
      <c r="FQ4" s="661"/>
      <c r="FR4" s="661"/>
      <c r="FS4" s="661"/>
      <c r="FT4" s="661"/>
      <c r="FU4" s="661"/>
      <c r="FV4" s="661"/>
      <c r="FW4" s="661"/>
      <c r="FX4" s="661"/>
      <c r="FY4" s="661"/>
      <c r="FZ4" s="661"/>
      <c r="GA4" s="661"/>
      <c r="GB4" s="661"/>
      <c r="GC4" s="661"/>
      <c r="GD4" s="661"/>
      <c r="GE4" s="661"/>
      <c r="GF4" s="661"/>
      <c r="GG4" s="661"/>
      <c r="GH4" s="661"/>
      <c r="GI4" s="661"/>
      <c r="GJ4" s="661"/>
      <c r="GK4" s="661"/>
      <c r="GL4" s="661"/>
      <c r="GM4" s="661"/>
      <c r="GN4" s="661"/>
      <c r="GO4" s="661"/>
      <c r="GP4" s="661"/>
      <c r="GQ4" s="661"/>
      <c r="GR4" s="661"/>
      <c r="GS4" s="661"/>
      <c r="GT4" s="661"/>
      <c r="GU4" s="661"/>
      <c r="GV4" s="661"/>
      <c r="GW4" s="661"/>
      <c r="GX4" s="661"/>
      <c r="GY4" s="661"/>
      <c r="GZ4" s="661"/>
      <c r="HA4" s="661"/>
      <c r="HB4" s="661"/>
      <c r="HC4" s="661"/>
      <c r="HD4" s="661"/>
      <c r="HE4" s="661"/>
      <c r="HF4" s="661"/>
      <c r="HG4" s="661"/>
      <c r="HH4" s="661"/>
      <c r="HI4" s="661"/>
      <c r="HJ4" s="661"/>
      <c r="HK4" s="661"/>
      <c r="HL4" s="661"/>
      <c r="HM4" s="661"/>
      <c r="HN4" s="661"/>
      <c r="HO4" s="661"/>
      <c r="HP4" s="661"/>
      <c r="HQ4" s="661"/>
      <c r="HR4" s="661"/>
      <c r="HS4" s="661"/>
      <c r="HT4" s="661"/>
      <c r="HU4" s="661"/>
      <c r="HV4" s="661"/>
      <c r="HW4" s="661"/>
      <c r="HX4" s="661"/>
      <c r="HY4" s="662"/>
      <c r="HZ4" s="615" t="s">
        <v>85</v>
      </c>
      <c r="IA4" s="616"/>
      <c r="IB4" s="616"/>
      <c r="IC4" s="616"/>
      <c r="ID4" s="616"/>
      <c r="IE4" s="616"/>
      <c r="IF4" s="616"/>
      <c r="IG4" s="616"/>
      <c r="IH4" s="616"/>
      <c r="II4" s="616"/>
      <c r="IJ4" s="616"/>
      <c r="IK4" s="616"/>
      <c r="IL4" s="616"/>
      <c r="IM4" s="616"/>
      <c r="IN4" s="616"/>
      <c r="IO4" s="616"/>
      <c r="IP4" s="616"/>
      <c r="IQ4" s="616"/>
      <c r="IR4" s="616"/>
      <c r="IS4" s="616"/>
      <c r="IT4" s="616"/>
      <c r="IU4" s="616"/>
      <c r="IV4" s="616"/>
      <c r="IW4" s="616"/>
      <c r="IX4" s="616"/>
      <c r="IY4" s="616"/>
      <c r="IZ4" s="616"/>
      <c r="JA4" s="616"/>
      <c r="JB4" s="616"/>
      <c r="JC4" s="616"/>
      <c r="JD4" s="616"/>
      <c r="JE4" s="616"/>
      <c r="JF4" s="616"/>
      <c r="JG4" s="616"/>
      <c r="JH4" s="616"/>
      <c r="JI4" s="616"/>
      <c r="JJ4" s="616"/>
      <c r="JK4" s="616"/>
      <c r="JL4" s="616"/>
      <c r="JM4" s="616"/>
      <c r="JN4" s="616"/>
      <c r="JO4" s="616"/>
      <c r="JP4" s="616"/>
      <c r="JQ4" s="616"/>
      <c r="JR4" s="616"/>
      <c r="JS4" s="616"/>
      <c r="JT4" s="616"/>
      <c r="JU4" s="616"/>
      <c r="JV4" s="616"/>
      <c r="JW4" s="616"/>
      <c r="JX4" s="616"/>
      <c r="JY4" s="616"/>
      <c r="JZ4" s="616"/>
      <c r="KA4" s="616"/>
      <c r="KB4" s="616"/>
      <c r="KC4" s="616"/>
      <c r="KD4" s="616"/>
      <c r="KE4" s="616"/>
      <c r="KF4" s="616"/>
      <c r="KG4" s="616"/>
      <c r="KH4" s="616"/>
      <c r="KI4" s="616"/>
      <c r="KJ4" s="616"/>
      <c r="KK4" s="616"/>
      <c r="KL4" s="616"/>
      <c r="KM4" s="616"/>
      <c r="KN4" s="616"/>
      <c r="KO4" s="616"/>
      <c r="KP4" s="616"/>
      <c r="KQ4" s="616"/>
      <c r="KR4" s="616"/>
      <c r="KS4" s="616"/>
      <c r="KT4" s="616"/>
      <c r="KU4" s="616"/>
      <c r="KV4" s="616"/>
      <c r="KW4" s="616"/>
      <c r="KX4" s="616"/>
      <c r="KY4" s="616"/>
      <c r="KZ4" s="616"/>
      <c r="LA4" s="616"/>
      <c r="LB4" s="616"/>
      <c r="LC4" s="616"/>
      <c r="LD4" s="616"/>
      <c r="LE4" s="616"/>
      <c r="LF4" s="616"/>
      <c r="LG4" s="616"/>
      <c r="LH4" s="616"/>
      <c r="LI4" s="616"/>
      <c r="LJ4" s="616"/>
      <c r="LK4" s="616"/>
      <c r="LL4" s="616"/>
      <c r="LM4" s="616"/>
      <c r="LN4" s="616"/>
      <c r="LO4" s="616"/>
      <c r="LP4" s="616"/>
      <c r="LQ4" s="616"/>
      <c r="LR4" s="616"/>
      <c r="LS4" s="616"/>
      <c r="LT4" s="616"/>
      <c r="LU4" s="616"/>
      <c r="LV4" s="616"/>
      <c r="LW4" s="616"/>
      <c r="LX4" s="616"/>
      <c r="LY4" s="616"/>
      <c r="LZ4" s="616"/>
      <c r="MA4" s="616"/>
      <c r="MB4" s="616"/>
      <c r="MC4" s="616"/>
      <c r="MD4" s="616"/>
      <c r="ME4" s="617"/>
      <c r="MF4" s="615" t="s">
        <v>86</v>
      </c>
      <c r="MG4" s="616"/>
      <c r="MH4" s="616"/>
      <c r="MI4" s="616"/>
      <c r="MJ4" s="616"/>
      <c r="MK4" s="616"/>
      <c r="ML4" s="616"/>
      <c r="MM4" s="616"/>
      <c r="MN4" s="616"/>
      <c r="MO4" s="616"/>
      <c r="MP4" s="616"/>
      <c r="MQ4" s="616"/>
      <c r="MR4" s="616"/>
      <c r="MS4" s="616"/>
      <c r="MT4" s="616"/>
      <c r="MU4" s="616"/>
      <c r="MV4" s="616"/>
      <c r="MW4" s="616"/>
      <c r="MX4" s="616"/>
      <c r="MY4" s="616"/>
      <c r="MZ4" s="616"/>
      <c r="NA4" s="616"/>
      <c r="NB4" s="616"/>
      <c r="NC4" s="616"/>
      <c r="ND4" s="616"/>
      <c r="NE4" s="616"/>
      <c r="NF4" s="616"/>
      <c r="NG4" s="616"/>
      <c r="NH4" s="616"/>
      <c r="NI4" s="616"/>
      <c r="NJ4" s="616"/>
      <c r="NK4" s="616"/>
      <c r="NL4" s="616"/>
      <c r="NM4" s="616"/>
      <c r="NN4" s="616"/>
      <c r="NO4" s="616"/>
      <c r="NP4" s="616"/>
      <c r="NQ4" s="616"/>
      <c r="NR4" s="616"/>
      <c r="NS4" s="616"/>
      <c r="NT4" s="616"/>
      <c r="NU4" s="616"/>
      <c r="NV4" s="616"/>
      <c r="NW4" s="616"/>
      <c r="NX4" s="616"/>
      <c r="NY4" s="616"/>
      <c r="NZ4" s="616"/>
      <c r="OA4" s="616"/>
      <c r="OB4" s="616"/>
      <c r="OC4" s="616"/>
      <c r="OD4" s="616"/>
      <c r="OE4" s="616"/>
      <c r="OF4" s="616"/>
      <c r="OG4" s="616"/>
      <c r="OH4" s="617"/>
      <c r="OI4" s="570" t="s">
        <v>60</v>
      </c>
      <c r="OJ4" s="480"/>
      <c r="OK4" s="480"/>
      <c r="OL4" s="480"/>
      <c r="OM4" s="480"/>
      <c r="ON4" s="480"/>
      <c r="OO4" s="480"/>
      <c r="OP4" s="480"/>
      <c r="OQ4" s="480"/>
      <c r="OR4" s="480"/>
      <c r="OS4" s="481"/>
    </row>
    <row r="5" spans="1:409" ht="21" customHeight="1" thickBot="1" x14ac:dyDescent="0.25">
      <c r="B5" s="656"/>
      <c r="C5" s="659"/>
      <c r="D5" s="659"/>
      <c r="E5" s="659"/>
      <c r="F5" s="659"/>
      <c r="G5" s="659"/>
      <c r="H5" s="659"/>
      <c r="I5" s="659"/>
      <c r="J5" s="659"/>
      <c r="K5" s="659"/>
      <c r="L5" s="659"/>
      <c r="M5" s="659"/>
      <c r="N5" s="663" t="s">
        <v>64</v>
      </c>
      <c r="O5" s="664"/>
      <c r="P5" s="664"/>
      <c r="Q5" s="664"/>
      <c r="R5" s="664"/>
      <c r="S5" s="664"/>
      <c r="T5" s="664"/>
      <c r="U5" s="664"/>
      <c r="V5" s="664"/>
      <c r="W5" s="664"/>
      <c r="X5" s="664"/>
      <c r="Y5" s="664"/>
      <c r="Z5" s="664"/>
      <c r="AA5" s="664"/>
      <c r="AB5" s="664"/>
      <c r="AC5" s="664"/>
      <c r="AD5" s="664"/>
      <c r="AE5" s="664"/>
      <c r="AF5" s="664"/>
      <c r="AG5" s="664"/>
      <c r="AH5" s="664"/>
      <c r="AI5" s="664"/>
      <c r="AJ5" s="664"/>
      <c r="AK5" s="664"/>
      <c r="AL5" s="664"/>
      <c r="AM5" s="664"/>
      <c r="AN5" s="664"/>
      <c r="AO5" s="664"/>
      <c r="AP5" s="664"/>
      <c r="AQ5" s="664"/>
      <c r="AR5" s="664"/>
      <c r="AS5" s="664"/>
      <c r="AT5" s="664"/>
      <c r="AU5" s="664"/>
      <c r="AV5" s="664"/>
      <c r="AW5" s="664"/>
      <c r="AX5" s="664"/>
      <c r="AY5" s="664"/>
      <c r="AZ5" s="664"/>
      <c r="BA5" s="664"/>
      <c r="BB5" s="664"/>
      <c r="BC5" s="664"/>
      <c r="BD5" s="664"/>
      <c r="BE5" s="664"/>
      <c r="BF5" s="664"/>
      <c r="BG5" s="664"/>
      <c r="BH5" s="664"/>
      <c r="BI5" s="664"/>
      <c r="BJ5" s="664"/>
      <c r="BK5" s="664"/>
      <c r="BL5" s="664"/>
      <c r="BM5" s="664"/>
      <c r="BN5" s="664"/>
      <c r="BO5" s="664"/>
      <c r="BP5" s="664"/>
      <c r="BQ5" s="664"/>
      <c r="BR5" s="664"/>
      <c r="BS5" s="664"/>
      <c r="BT5" s="664"/>
      <c r="BU5" s="664"/>
      <c r="BV5" s="664"/>
      <c r="BW5" s="664"/>
      <c r="BX5" s="664"/>
      <c r="BY5" s="664"/>
      <c r="BZ5" s="664"/>
      <c r="CA5" s="665"/>
      <c r="CB5" s="663" t="s">
        <v>65</v>
      </c>
      <c r="CC5" s="664"/>
      <c r="CD5" s="664"/>
      <c r="CE5" s="664"/>
      <c r="CF5" s="664"/>
      <c r="CG5" s="664"/>
      <c r="CH5" s="664"/>
      <c r="CI5" s="664"/>
      <c r="CJ5" s="664"/>
      <c r="CK5" s="664"/>
      <c r="CL5" s="664"/>
      <c r="CM5" s="664"/>
      <c r="CN5" s="664"/>
      <c r="CO5" s="664"/>
      <c r="CP5" s="664"/>
      <c r="CQ5" s="664"/>
      <c r="CR5" s="664"/>
      <c r="CS5" s="664"/>
      <c r="CT5" s="664"/>
      <c r="CU5" s="664"/>
      <c r="CV5" s="664"/>
      <c r="CW5" s="664"/>
      <c r="CX5" s="664"/>
      <c r="CY5" s="664"/>
      <c r="CZ5" s="664"/>
      <c r="DA5" s="664"/>
      <c r="DB5" s="664"/>
      <c r="DC5" s="664"/>
      <c r="DD5" s="664"/>
      <c r="DE5" s="664"/>
      <c r="DF5" s="664"/>
      <c r="DG5" s="664"/>
      <c r="DH5" s="665"/>
      <c r="DI5" s="484" t="s">
        <v>66</v>
      </c>
      <c r="DJ5" s="485"/>
      <c r="DK5" s="485"/>
      <c r="DL5" s="485"/>
      <c r="DM5" s="485"/>
      <c r="DN5" s="485"/>
      <c r="DO5" s="485"/>
      <c r="DP5" s="485"/>
      <c r="DQ5" s="485"/>
      <c r="DR5" s="485"/>
      <c r="DS5" s="485"/>
      <c r="DT5" s="485"/>
      <c r="DU5" s="485"/>
      <c r="DV5" s="485"/>
      <c r="DW5" s="485"/>
      <c r="DX5" s="485"/>
      <c r="DY5" s="485"/>
      <c r="DZ5" s="485"/>
      <c r="EA5" s="485"/>
      <c r="EB5" s="485"/>
      <c r="EC5" s="485"/>
      <c r="ED5" s="485"/>
      <c r="EE5" s="485"/>
      <c r="EF5" s="485"/>
      <c r="EG5" s="485"/>
      <c r="EH5" s="485"/>
      <c r="EI5" s="485"/>
      <c r="EJ5" s="485"/>
      <c r="EK5" s="485"/>
      <c r="EL5" s="485"/>
      <c r="EM5" s="485"/>
      <c r="EN5" s="485"/>
      <c r="EO5" s="485"/>
      <c r="EP5" s="485"/>
      <c r="EQ5" s="485"/>
      <c r="ER5" s="485"/>
      <c r="ES5" s="485"/>
      <c r="ET5" s="485"/>
      <c r="EU5" s="485"/>
      <c r="EV5" s="485"/>
      <c r="EW5" s="485"/>
      <c r="EX5" s="485"/>
      <c r="EY5" s="485"/>
      <c r="EZ5" s="485"/>
      <c r="FA5" s="485"/>
      <c r="FB5" s="485"/>
      <c r="FC5" s="485"/>
      <c r="FD5" s="485"/>
      <c r="FE5" s="485"/>
      <c r="FF5" s="485"/>
      <c r="FG5" s="485"/>
      <c r="FH5" s="485"/>
      <c r="FI5" s="485"/>
      <c r="FJ5" s="485"/>
      <c r="FK5" s="486"/>
      <c r="FL5" s="663" t="s">
        <v>67</v>
      </c>
      <c r="FM5" s="664"/>
      <c r="FN5" s="664"/>
      <c r="FO5" s="664"/>
      <c r="FP5" s="664"/>
      <c r="FQ5" s="664"/>
      <c r="FR5" s="664"/>
      <c r="FS5" s="664"/>
      <c r="FT5" s="664"/>
      <c r="FU5" s="664"/>
      <c r="FV5" s="664"/>
      <c r="FW5" s="664"/>
      <c r="FX5" s="664"/>
      <c r="FY5" s="664"/>
      <c r="FZ5" s="664"/>
      <c r="GA5" s="664"/>
      <c r="GB5" s="664"/>
      <c r="GC5" s="664"/>
      <c r="GD5" s="664"/>
      <c r="GE5" s="664"/>
      <c r="GF5" s="664"/>
      <c r="GG5" s="664"/>
      <c r="GH5" s="664"/>
      <c r="GI5" s="664"/>
      <c r="GJ5" s="664"/>
      <c r="GK5" s="664"/>
      <c r="GL5" s="664"/>
      <c r="GM5" s="664"/>
      <c r="GN5" s="664"/>
      <c r="GO5" s="664"/>
      <c r="GP5" s="664"/>
      <c r="GQ5" s="664"/>
      <c r="GR5" s="664"/>
      <c r="GS5" s="664"/>
      <c r="GT5" s="664"/>
      <c r="GU5" s="664"/>
      <c r="GV5" s="664"/>
      <c r="GW5" s="664"/>
      <c r="GX5" s="664"/>
      <c r="GY5" s="664"/>
      <c r="GZ5" s="664"/>
      <c r="HA5" s="664"/>
      <c r="HB5" s="664"/>
      <c r="HC5" s="665"/>
      <c r="HD5" s="666" t="s">
        <v>68</v>
      </c>
      <c r="HE5" s="667"/>
      <c r="HF5" s="667"/>
      <c r="HG5" s="667"/>
      <c r="HH5" s="667"/>
      <c r="HI5" s="667"/>
      <c r="HJ5" s="667"/>
      <c r="HK5" s="667"/>
      <c r="HL5" s="667"/>
      <c r="HM5" s="667"/>
      <c r="HN5" s="668"/>
      <c r="HO5" s="666" t="s">
        <v>69</v>
      </c>
      <c r="HP5" s="667"/>
      <c r="HQ5" s="667"/>
      <c r="HR5" s="667"/>
      <c r="HS5" s="667"/>
      <c r="HT5" s="667"/>
      <c r="HU5" s="667"/>
      <c r="HV5" s="667"/>
      <c r="HW5" s="667"/>
      <c r="HX5" s="667"/>
      <c r="HY5" s="668"/>
      <c r="HZ5" s="594"/>
      <c r="IA5" s="595"/>
      <c r="IB5" s="595"/>
      <c r="IC5" s="595"/>
      <c r="ID5" s="595"/>
      <c r="IE5" s="595"/>
      <c r="IF5" s="595"/>
      <c r="IG5" s="595"/>
      <c r="IH5" s="595"/>
      <c r="II5" s="595"/>
      <c r="IJ5" s="596"/>
      <c r="IK5" s="570" t="s">
        <v>94</v>
      </c>
      <c r="IL5" s="480"/>
      <c r="IM5" s="480"/>
      <c r="IN5" s="480"/>
      <c r="IO5" s="480"/>
      <c r="IP5" s="480"/>
      <c r="IQ5" s="480"/>
      <c r="IR5" s="480"/>
      <c r="IS5" s="480"/>
      <c r="IT5" s="480"/>
      <c r="IU5" s="481"/>
      <c r="IV5" s="570" t="s">
        <v>88</v>
      </c>
      <c r="IW5" s="480"/>
      <c r="IX5" s="480"/>
      <c r="IY5" s="480"/>
      <c r="IZ5" s="480"/>
      <c r="JA5" s="480"/>
      <c r="JB5" s="480"/>
      <c r="JC5" s="480"/>
      <c r="JD5" s="480"/>
      <c r="JE5" s="480"/>
      <c r="JF5" s="481"/>
      <c r="JG5" s="600" t="s">
        <v>143</v>
      </c>
      <c r="JH5" s="601"/>
      <c r="JI5" s="601"/>
      <c r="JJ5" s="601"/>
      <c r="JK5" s="601"/>
      <c r="JL5" s="601"/>
      <c r="JM5" s="601"/>
      <c r="JN5" s="601"/>
      <c r="JO5" s="601"/>
      <c r="JP5" s="601"/>
      <c r="JQ5" s="602"/>
      <c r="JR5" s="570" t="s">
        <v>90</v>
      </c>
      <c r="JS5" s="480"/>
      <c r="JT5" s="480"/>
      <c r="JU5" s="480"/>
      <c r="JV5" s="480"/>
      <c r="JW5" s="480"/>
      <c r="JX5" s="480"/>
      <c r="JY5" s="480"/>
      <c r="JZ5" s="480"/>
      <c r="KA5" s="480"/>
      <c r="KB5" s="481"/>
      <c r="KC5" s="570" t="s">
        <v>89</v>
      </c>
      <c r="KD5" s="480"/>
      <c r="KE5" s="480"/>
      <c r="KF5" s="480"/>
      <c r="KG5" s="480"/>
      <c r="KH5" s="480"/>
      <c r="KI5" s="480"/>
      <c r="KJ5" s="480"/>
      <c r="KK5" s="480"/>
      <c r="KL5" s="480"/>
      <c r="KM5" s="481"/>
      <c r="KN5" s="570" t="s">
        <v>91</v>
      </c>
      <c r="KO5" s="480"/>
      <c r="KP5" s="480"/>
      <c r="KQ5" s="480"/>
      <c r="KR5" s="480"/>
      <c r="KS5" s="480"/>
      <c r="KT5" s="480"/>
      <c r="KU5" s="480"/>
      <c r="KV5" s="480"/>
      <c r="KW5" s="480"/>
      <c r="KX5" s="481"/>
      <c r="KY5" s="570" t="s">
        <v>92</v>
      </c>
      <c r="KZ5" s="480"/>
      <c r="LA5" s="480"/>
      <c r="LB5" s="480"/>
      <c r="LC5" s="480"/>
      <c r="LD5" s="480"/>
      <c r="LE5" s="480"/>
      <c r="LF5" s="480"/>
      <c r="LG5" s="480"/>
      <c r="LH5" s="480"/>
      <c r="LI5" s="481"/>
      <c r="LJ5" s="606" t="s">
        <v>93</v>
      </c>
      <c r="LK5" s="607"/>
      <c r="LL5" s="607"/>
      <c r="LM5" s="607"/>
      <c r="LN5" s="607"/>
      <c r="LO5" s="607"/>
      <c r="LP5" s="607"/>
      <c r="LQ5" s="607"/>
      <c r="LR5" s="607"/>
      <c r="LS5" s="607"/>
      <c r="LT5" s="608"/>
      <c r="LU5" s="609" t="s">
        <v>144</v>
      </c>
      <c r="LV5" s="610"/>
      <c r="LW5" s="610"/>
      <c r="LX5" s="610"/>
      <c r="LY5" s="610"/>
      <c r="LZ5" s="610"/>
      <c r="MA5" s="610"/>
      <c r="MB5" s="610"/>
      <c r="MC5" s="610"/>
      <c r="MD5" s="610"/>
      <c r="ME5" s="611"/>
      <c r="MF5" s="594"/>
      <c r="MG5" s="595"/>
      <c r="MH5" s="595"/>
      <c r="MI5" s="595"/>
      <c r="MJ5" s="595"/>
      <c r="MK5" s="595"/>
      <c r="ML5" s="595"/>
      <c r="MM5" s="595"/>
      <c r="MN5" s="595"/>
      <c r="MO5" s="595"/>
      <c r="MP5" s="596"/>
      <c r="MQ5" s="570" t="s">
        <v>57</v>
      </c>
      <c r="MR5" s="480"/>
      <c r="MS5" s="480"/>
      <c r="MT5" s="480"/>
      <c r="MU5" s="480"/>
      <c r="MV5" s="480"/>
      <c r="MW5" s="480"/>
      <c r="MX5" s="480"/>
      <c r="MY5" s="480"/>
      <c r="MZ5" s="480"/>
      <c r="NA5" s="481"/>
      <c r="NB5" s="570" t="s">
        <v>58</v>
      </c>
      <c r="NC5" s="480"/>
      <c r="ND5" s="480"/>
      <c r="NE5" s="480"/>
      <c r="NF5" s="480"/>
      <c r="NG5" s="480"/>
      <c r="NH5" s="480"/>
      <c r="NI5" s="480"/>
      <c r="NJ5" s="480"/>
      <c r="NK5" s="480"/>
      <c r="NL5" s="481"/>
      <c r="NM5" s="570" t="s">
        <v>59</v>
      </c>
      <c r="NN5" s="480"/>
      <c r="NO5" s="480"/>
      <c r="NP5" s="480"/>
      <c r="NQ5" s="480"/>
      <c r="NR5" s="480"/>
      <c r="NS5" s="480"/>
      <c r="NT5" s="480"/>
      <c r="NU5" s="480"/>
      <c r="NV5" s="480"/>
      <c r="NW5" s="481"/>
      <c r="NX5" s="619" t="s">
        <v>150</v>
      </c>
      <c r="NY5" s="620"/>
      <c r="NZ5" s="620"/>
      <c r="OA5" s="620"/>
      <c r="OB5" s="620"/>
      <c r="OC5" s="620"/>
      <c r="OD5" s="620"/>
      <c r="OE5" s="620"/>
      <c r="OF5" s="620"/>
      <c r="OG5" s="620"/>
      <c r="OH5" s="621"/>
      <c r="OI5" s="591"/>
      <c r="OJ5" s="592"/>
      <c r="OK5" s="592"/>
      <c r="OL5" s="592"/>
      <c r="OM5" s="592"/>
      <c r="ON5" s="592"/>
      <c r="OO5" s="592"/>
      <c r="OP5" s="592"/>
      <c r="OQ5" s="592"/>
      <c r="OR5" s="592"/>
      <c r="OS5" s="593"/>
    </row>
    <row r="6" spans="1:409" ht="21" customHeight="1" thickBot="1" x14ac:dyDescent="0.25">
      <c r="B6" s="656"/>
      <c r="C6" s="660"/>
      <c r="D6" s="660"/>
      <c r="E6" s="660"/>
      <c r="F6" s="660"/>
      <c r="G6" s="660"/>
      <c r="H6" s="660"/>
      <c r="I6" s="660"/>
      <c r="J6" s="660"/>
      <c r="K6" s="660"/>
      <c r="L6" s="660"/>
      <c r="M6" s="660"/>
      <c r="N6" s="493"/>
      <c r="O6" s="494"/>
      <c r="P6" s="494"/>
      <c r="Q6" s="494"/>
      <c r="R6" s="494"/>
      <c r="S6" s="494"/>
      <c r="T6" s="494"/>
      <c r="U6" s="494"/>
      <c r="V6" s="494"/>
      <c r="W6" s="494"/>
      <c r="X6" s="495"/>
      <c r="Y6" s="675" t="s">
        <v>70</v>
      </c>
      <c r="Z6" s="497"/>
      <c r="AA6" s="497"/>
      <c r="AB6" s="497"/>
      <c r="AC6" s="497"/>
      <c r="AD6" s="497"/>
      <c r="AE6" s="497"/>
      <c r="AF6" s="497"/>
      <c r="AG6" s="497"/>
      <c r="AH6" s="497"/>
      <c r="AI6" s="498"/>
      <c r="AJ6" s="672" t="s">
        <v>71</v>
      </c>
      <c r="AK6" s="673"/>
      <c r="AL6" s="673"/>
      <c r="AM6" s="673"/>
      <c r="AN6" s="673"/>
      <c r="AO6" s="673"/>
      <c r="AP6" s="673"/>
      <c r="AQ6" s="673"/>
      <c r="AR6" s="673"/>
      <c r="AS6" s="673"/>
      <c r="AT6" s="674"/>
      <c r="AU6" s="672" t="s">
        <v>72</v>
      </c>
      <c r="AV6" s="673"/>
      <c r="AW6" s="673"/>
      <c r="AX6" s="673"/>
      <c r="AY6" s="673"/>
      <c r="AZ6" s="673"/>
      <c r="BA6" s="673"/>
      <c r="BB6" s="673"/>
      <c r="BC6" s="673"/>
      <c r="BD6" s="673"/>
      <c r="BE6" s="674"/>
      <c r="BF6" s="672" t="s">
        <v>73</v>
      </c>
      <c r="BG6" s="673"/>
      <c r="BH6" s="673"/>
      <c r="BI6" s="673"/>
      <c r="BJ6" s="673"/>
      <c r="BK6" s="673"/>
      <c r="BL6" s="673"/>
      <c r="BM6" s="673"/>
      <c r="BN6" s="673"/>
      <c r="BO6" s="673"/>
      <c r="BP6" s="674"/>
      <c r="BQ6" s="672" t="s">
        <v>74</v>
      </c>
      <c r="BR6" s="673"/>
      <c r="BS6" s="673"/>
      <c r="BT6" s="673"/>
      <c r="BU6" s="673"/>
      <c r="BV6" s="673"/>
      <c r="BW6" s="673"/>
      <c r="BX6" s="673"/>
      <c r="BY6" s="673"/>
      <c r="BZ6" s="673"/>
      <c r="CA6" s="674"/>
      <c r="CB6" s="676"/>
      <c r="CC6" s="677"/>
      <c r="CD6" s="677"/>
      <c r="CE6" s="677"/>
      <c r="CF6" s="677"/>
      <c r="CG6" s="677"/>
      <c r="CH6" s="677"/>
      <c r="CI6" s="677"/>
      <c r="CJ6" s="677"/>
      <c r="CK6" s="677"/>
      <c r="CL6" s="678"/>
      <c r="CM6" s="672" t="s">
        <v>75</v>
      </c>
      <c r="CN6" s="673"/>
      <c r="CO6" s="673"/>
      <c r="CP6" s="673"/>
      <c r="CQ6" s="673"/>
      <c r="CR6" s="673"/>
      <c r="CS6" s="673"/>
      <c r="CT6" s="673"/>
      <c r="CU6" s="673"/>
      <c r="CV6" s="673"/>
      <c r="CW6" s="674"/>
      <c r="CX6" s="672" t="s">
        <v>76</v>
      </c>
      <c r="CY6" s="673"/>
      <c r="CZ6" s="673"/>
      <c r="DA6" s="673"/>
      <c r="DB6" s="673"/>
      <c r="DC6" s="673"/>
      <c r="DD6" s="673"/>
      <c r="DE6" s="673"/>
      <c r="DF6" s="673"/>
      <c r="DG6" s="673"/>
      <c r="DH6" s="674"/>
      <c r="DI6" s="676"/>
      <c r="DJ6" s="677"/>
      <c r="DK6" s="677"/>
      <c r="DL6" s="677"/>
      <c r="DM6" s="677"/>
      <c r="DN6" s="677"/>
      <c r="DO6" s="677"/>
      <c r="DP6" s="677"/>
      <c r="DQ6" s="677"/>
      <c r="DR6" s="677"/>
      <c r="DS6" s="677"/>
      <c r="DT6" s="672" t="s">
        <v>77</v>
      </c>
      <c r="DU6" s="673"/>
      <c r="DV6" s="673"/>
      <c r="DW6" s="673"/>
      <c r="DX6" s="673"/>
      <c r="DY6" s="673"/>
      <c r="DZ6" s="673"/>
      <c r="EA6" s="673"/>
      <c r="EB6" s="673"/>
      <c r="EC6" s="673"/>
      <c r="ED6" s="674"/>
      <c r="EE6" s="672" t="s">
        <v>78</v>
      </c>
      <c r="EF6" s="673"/>
      <c r="EG6" s="673"/>
      <c r="EH6" s="673"/>
      <c r="EI6" s="673"/>
      <c r="EJ6" s="673"/>
      <c r="EK6" s="673"/>
      <c r="EL6" s="673"/>
      <c r="EM6" s="673"/>
      <c r="EN6" s="673"/>
      <c r="EO6" s="674"/>
      <c r="EP6" s="672" t="s">
        <v>79</v>
      </c>
      <c r="EQ6" s="673"/>
      <c r="ER6" s="673"/>
      <c r="ES6" s="673"/>
      <c r="ET6" s="673"/>
      <c r="EU6" s="673"/>
      <c r="EV6" s="673"/>
      <c r="EW6" s="673"/>
      <c r="EX6" s="673"/>
      <c r="EY6" s="673"/>
      <c r="EZ6" s="674"/>
      <c r="FA6" s="653" t="s">
        <v>151</v>
      </c>
      <c r="FB6" s="673"/>
      <c r="FC6" s="673"/>
      <c r="FD6" s="673"/>
      <c r="FE6" s="673"/>
      <c r="FF6" s="673"/>
      <c r="FG6" s="673"/>
      <c r="FH6" s="673"/>
      <c r="FI6" s="673"/>
      <c r="FJ6" s="673"/>
      <c r="FK6" s="674"/>
      <c r="FL6" s="676"/>
      <c r="FM6" s="677"/>
      <c r="FN6" s="677"/>
      <c r="FO6" s="677"/>
      <c r="FP6" s="677"/>
      <c r="FQ6" s="677"/>
      <c r="FR6" s="677"/>
      <c r="FS6" s="677"/>
      <c r="FT6" s="677"/>
      <c r="FU6" s="677"/>
      <c r="FV6" s="677"/>
      <c r="FW6" s="672" t="s">
        <v>80</v>
      </c>
      <c r="FX6" s="673"/>
      <c r="FY6" s="673"/>
      <c r="FZ6" s="673"/>
      <c r="GA6" s="673"/>
      <c r="GB6" s="673"/>
      <c r="GC6" s="673"/>
      <c r="GD6" s="673"/>
      <c r="GE6" s="673"/>
      <c r="GF6" s="673"/>
      <c r="GG6" s="674"/>
      <c r="GH6" s="675" t="s">
        <v>81</v>
      </c>
      <c r="GI6" s="497"/>
      <c r="GJ6" s="497"/>
      <c r="GK6" s="497"/>
      <c r="GL6" s="497"/>
      <c r="GM6" s="497"/>
      <c r="GN6" s="497"/>
      <c r="GO6" s="497"/>
      <c r="GP6" s="497"/>
      <c r="GQ6" s="497"/>
      <c r="GR6" s="498"/>
      <c r="GS6" s="675" t="s">
        <v>82</v>
      </c>
      <c r="GT6" s="497"/>
      <c r="GU6" s="497"/>
      <c r="GV6" s="497"/>
      <c r="GW6" s="497"/>
      <c r="GX6" s="497"/>
      <c r="GY6" s="497"/>
      <c r="GZ6" s="497"/>
      <c r="HA6" s="497"/>
      <c r="HB6" s="497"/>
      <c r="HC6" s="498"/>
      <c r="HD6" s="669"/>
      <c r="HE6" s="670"/>
      <c r="HF6" s="670"/>
      <c r="HG6" s="670"/>
      <c r="HH6" s="670"/>
      <c r="HI6" s="670"/>
      <c r="HJ6" s="670"/>
      <c r="HK6" s="670"/>
      <c r="HL6" s="670"/>
      <c r="HM6" s="670"/>
      <c r="HN6" s="671"/>
      <c r="HO6" s="669"/>
      <c r="HP6" s="670"/>
      <c r="HQ6" s="670"/>
      <c r="HR6" s="670"/>
      <c r="HS6" s="670"/>
      <c r="HT6" s="670"/>
      <c r="HU6" s="670"/>
      <c r="HV6" s="670"/>
      <c r="HW6" s="670"/>
      <c r="HX6" s="670"/>
      <c r="HY6" s="671"/>
      <c r="HZ6" s="597"/>
      <c r="IA6" s="598"/>
      <c r="IB6" s="598"/>
      <c r="IC6" s="598"/>
      <c r="ID6" s="598"/>
      <c r="IE6" s="598"/>
      <c r="IF6" s="598"/>
      <c r="IG6" s="598"/>
      <c r="IH6" s="598"/>
      <c r="II6" s="598"/>
      <c r="IJ6" s="599"/>
      <c r="IK6" s="571"/>
      <c r="IL6" s="562"/>
      <c r="IM6" s="562"/>
      <c r="IN6" s="562"/>
      <c r="IO6" s="562"/>
      <c r="IP6" s="562"/>
      <c r="IQ6" s="562"/>
      <c r="IR6" s="562"/>
      <c r="IS6" s="562"/>
      <c r="IT6" s="562"/>
      <c r="IU6" s="572"/>
      <c r="IV6" s="571"/>
      <c r="IW6" s="562"/>
      <c r="IX6" s="562"/>
      <c r="IY6" s="562"/>
      <c r="IZ6" s="562"/>
      <c r="JA6" s="562"/>
      <c r="JB6" s="562"/>
      <c r="JC6" s="562"/>
      <c r="JD6" s="562"/>
      <c r="JE6" s="562"/>
      <c r="JF6" s="572"/>
      <c r="JG6" s="603"/>
      <c r="JH6" s="604"/>
      <c r="JI6" s="604"/>
      <c r="JJ6" s="604"/>
      <c r="JK6" s="604"/>
      <c r="JL6" s="604"/>
      <c r="JM6" s="604"/>
      <c r="JN6" s="604"/>
      <c r="JO6" s="604"/>
      <c r="JP6" s="604"/>
      <c r="JQ6" s="605"/>
      <c r="JR6" s="571"/>
      <c r="JS6" s="562"/>
      <c r="JT6" s="562"/>
      <c r="JU6" s="562"/>
      <c r="JV6" s="562"/>
      <c r="JW6" s="562"/>
      <c r="JX6" s="562"/>
      <c r="JY6" s="562"/>
      <c r="JZ6" s="562"/>
      <c r="KA6" s="562"/>
      <c r="KB6" s="572"/>
      <c r="KC6" s="571"/>
      <c r="KD6" s="562"/>
      <c r="KE6" s="562"/>
      <c r="KF6" s="562"/>
      <c r="KG6" s="562"/>
      <c r="KH6" s="562"/>
      <c r="KI6" s="562"/>
      <c r="KJ6" s="562"/>
      <c r="KK6" s="562"/>
      <c r="KL6" s="562"/>
      <c r="KM6" s="572"/>
      <c r="KN6" s="571"/>
      <c r="KO6" s="562"/>
      <c r="KP6" s="562"/>
      <c r="KQ6" s="562"/>
      <c r="KR6" s="562"/>
      <c r="KS6" s="562"/>
      <c r="KT6" s="562"/>
      <c r="KU6" s="562"/>
      <c r="KV6" s="562"/>
      <c r="KW6" s="562"/>
      <c r="KX6" s="572"/>
      <c r="KY6" s="571"/>
      <c r="KZ6" s="562"/>
      <c r="LA6" s="562"/>
      <c r="LB6" s="562"/>
      <c r="LC6" s="562"/>
      <c r="LD6" s="562"/>
      <c r="LE6" s="562"/>
      <c r="LF6" s="562"/>
      <c r="LG6" s="562"/>
      <c r="LH6" s="562"/>
      <c r="LI6" s="572"/>
      <c r="LJ6" s="597"/>
      <c r="LK6" s="598"/>
      <c r="LL6" s="598"/>
      <c r="LM6" s="598"/>
      <c r="LN6" s="598"/>
      <c r="LO6" s="598"/>
      <c r="LP6" s="598"/>
      <c r="LQ6" s="598"/>
      <c r="LR6" s="598"/>
      <c r="LS6" s="598"/>
      <c r="LT6" s="599"/>
      <c r="LU6" s="612"/>
      <c r="LV6" s="613"/>
      <c r="LW6" s="613"/>
      <c r="LX6" s="613"/>
      <c r="LY6" s="613"/>
      <c r="LZ6" s="613"/>
      <c r="MA6" s="613"/>
      <c r="MB6" s="613"/>
      <c r="MC6" s="613"/>
      <c r="MD6" s="613"/>
      <c r="ME6" s="614"/>
      <c r="MF6" s="597"/>
      <c r="MG6" s="598"/>
      <c r="MH6" s="598"/>
      <c r="MI6" s="598"/>
      <c r="MJ6" s="598"/>
      <c r="MK6" s="598"/>
      <c r="ML6" s="598"/>
      <c r="MM6" s="598"/>
      <c r="MN6" s="598"/>
      <c r="MO6" s="598"/>
      <c r="MP6" s="599"/>
      <c r="MQ6" s="571"/>
      <c r="MR6" s="562"/>
      <c r="MS6" s="562"/>
      <c r="MT6" s="562"/>
      <c r="MU6" s="562"/>
      <c r="MV6" s="562"/>
      <c r="MW6" s="562"/>
      <c r="MX6" s="562"/>
      <c r="MY6" s="562"/>
      <c r="MZ6" s="562"/>
      <c r="NA6" s="572"/>
      <c r="NB6" s="571"/>
      <c r="NC6" s="562"/>
      <c r="ND6" s="562"/>
      <c r="NE6" s="562"/>
      <c r="NF6" s="562"/>
      <c r="NG6" s="562"/>
      <c r="NH6" s="562"/>
      <c r="NI6" s="562"/>
      <c r="NJ6" s="562"/>
      <c r="NK6" s="562"/>
      <c r="NL6" s="572"/>
      <c r="NM6" s="571"/>
      <c r="NN6" s="562"/>
      <c r="NO6" s="562"/>
      <c r="NP6" s="562"/>
      <c r="NQ6" s="562"/>
      <c r="NR6" s="562"/>
      <c r="NS6" s="562"/>
      <c r="NT6" s="562"/>
      <c r="NU6" s="562"/>
      <c r="NV6" s="562"/>
      <c r="NW6" s="572"/>
      <c r="NX6" s="622"/>
      <c r="NY6" s="623"/>
      <c r="NZ6" s="623"/>
      <c r="OA6" s="623"/>
      <c r="OB6" s="623"/>
      <c r="OC6" s="623"/>
      <c r="OD6" s="623"/>
      <c r="OE6" s="623"/>
      <c r="OF6" s="623"/>
      <c r="OG6" s="623"/>
      <c r="OH6" s="624"/>
      <c r="OI6" s="571"/>
      <c r="OJ6" s="562"/>
      <c r="OK6" s="562"/>
      <c r="OL6" s="562"/>
      <c r="OM6" s="562"/>
      <c r="ON6" s="562"/>
      <c r="OO6" s="562"/>
      <c r="OP6" s="562"/>
      <c r="OQ6" s="562"/>
      <c r="OR6" s="562"/>
      <c r="OS6" s="572"/>
    </row>
    <row r="7" spans="1:409" ht="21" customHeight="1" x14ac:dyDescent="0.2">
      <c r="B7" s="656"/>
      <c r="C7" s="679" t="s">
        <v>61</v>
      </c>
      <c r="D7" s="679"/>
      <c r="E7" s="679"/>
      <c r="F7" s="680" t="s">
        <v>62</v>
      </c>
      <c r="G7" s="679"/>
      <c r="H7" s="679"/>
      <c r="I7" s="679"/>
      <c r="J7" s="679"/>
      <c r="K7" s="679"/>
      <c r="L7" s="679"/>
      <c r="M7" s="680" t="s">
        <v>52</v>
      </c>
      <c r="N7" s="682" t="s">
        <v>61</v>
      </c>
      <c r="O7" s="679"/>
      <c r="P7" s="679"/>
      <c r="Q7" s="680" t="s">
        <v>62</v>
      </c>
      <c r="R7" s="679"/>
      <c r="S7" s="679"/>
      <c r="T7" s="679"/>
      <c r="U7" s="679"/>
      <c r="V7" s="679"/>
      <c r="W7" s="683"/>
      <c r="X7" s="687" t="s">
        <v>52</v>
      </c>
      <c r="Y7" s="493" t="s">
        <v>61</v>
      </c>
      <c r="Z7" s="494"/>
      <c r="AA7" s="689"/>
      <c r="AB7" s="690" t="s">
        <v>62</v>
      </c>
      <c r="AC7" s="494"/>
      <c r="AD7" s="494"/>
      <c r="AE7" s="494"/>
      <c r="AF7" s="494"/>
      <c r="AG7" s="494"/>
      <c r="AH7" s="689"/>
      <c r="AI7" s="495" t="s">
        <v>52</v>
      </c>
      <c r="AJ7" s="692" t="s">
        <v>61</v>
      </c>
      <c r="AK7" s="685"/>
      <c r="AL7" s="693"/>
      <c r="AM7" s="684" t="s">
        <v>62</v>
      </c>
      <c r="AN7" s="685"/>
      <c r="AO7" s="685"/>
      <c r="AP7" s="685"/>
      <c r="AQ7" s="685"/>
      <c r="AR7" s="685"/>
      <c r="AS7" s="686"/>
      <c r="AT7" s="495" t="s">
        <v>52</v>
      </c>
      <c r="AU7" s="692" t="s">
        <v>61</v>
      </c>
      <c r="AV7" s="685"/>
      <c r="AW7" s="693"/>
      <c r="AX7" s="684" t="s">
        <v>62</v>
      </c>
      <c r="AY7" s="685"/>
      <c r="AZ7" s="685"/>
      <c r="BA7" s="685"/>
      <c r="BB7" s="685"/>
      <c r="BC7" s="685"/>
      <c r="BD7" s="686"/>
      <c r="BE7" s="495" t="s">
        <v>52</v>
      </c>
      <c r="BF7" s="692" t="s">
        <v>61</v>
      </c>
      <c r="BG7" s="685"/>
      <c r="BH7" s="693"/>
      <c r="BI7" s="684" t="s">
        <v>62</v>
      </c>
      <c r="BJ7" s="685"/>
      <c r="BK7" s="685"/>
      <c r="BL7" s="685"/>
      <c r="BM7" s="685"/>
      <c r="BN7" s="685"/>
      <c r="BO7" s="686"/>
      <c r="BP7" s="495" t="s">
        <v>52</v>
      </c>
      <c r="BQ7" s="692" t="s">
        <v>61</v>
      </c>
      <c r="BR7" s="685"/>
      <c r="BS7" s="693"/>
      <c r="BT7" s="684" t="s">
        <v>62</v>
      </c>
      <c r="BU7" s="685"/>
      <c r="BV7" s="685"/>
      <c r="BW7" s="685"/>
      <c r="BX7" s="685"/>
      <c r="BY7" s="685"/>
      <c r="BZ7" s="686"/>
      <c r="CA7" s="495" t="s">
        <v>52</v>
      </c>
      <c r="CB7" s="694" t="s">
        <v>61</v>
      </c>
      <c r="CC7" s="695"/>
      <c r="CD7" s="696"/>
      <c r="CE7" s="697" t="s">
        <v>62</v>
      </c>
      <c r="CF7" s="695"/>
      <c r="CG7" s="695"/>
      <c r="CH7" s="695"/>
      <c r="CI7" s="695"/>
      <c r="CJ7" s="695"/>
      <c r="CK7" s="698"/>
      <c r="CL7" s="687" t="s">
        <v>52</v>
      </c>
      <c r="CM7" s="692" t="s">
        <v>61</v>
      </c>
      <c r="CN7" s="685"/>
      <c r="CO7" s="686"/>
      <c r="CP7" s="684" t="s">
        <v>62</v>
      </c>
      <c r="CQ7" s="685"/>
      <c r="CR7" s="685"/>
      <c r="CS7" s="685"/>
      <c r="CT7" s="685"/>
      <c r="CU7" s="685"/>
      <c r="CV7" s="686"/>
      <c r="CW7" s="699" t="s">
        <v>52</v>
      </c>
      <c r="CX7" s="692" t="s">
        <v>61</v>
      </c>
      <c r="CY7" s="685"/>
      <c r="CZ7" s="686"/>
      <c r="DA7" s="684" t="s">
        <v>62</v>
      </c>
      <c r="DB7" s="685"/>
      <c r="DC7" s="685"/>
      <c r="DD7" s="685"/>
      <c r="DE7" s="685"/>
      <c r="DF7" s="685"/>
      <c r="DG7" s="686"/>
      <c r="DH7" s="699" t="s">
        <v>52</v>
      </c>
      <c r="DI7" s="694" t="s">
        <v>61</v>
      </c>
      <c r="DJ7" s="695"/>
      <c r="DK7" s="698"/>
      <c r="DL7" s="697" t="s">
        <v>62</v>
      </c>
      <c r="DM7" s="695"/>
      <c r="DN7" s="695"/>
      <c r="DO7" s="695"/>
      <c r="DP7" s="695"/>
      <c r="DQ7" s="695"/>
      <c r="DR7" s="698"/>
      <c r="DS7" s="687" t="s">
        <v>52</v>
      </c>
      <c r="DT7" s="692" t="s">
        <v>61</v>
      </c>
      <c r="DU7" s="685"/>
      <c r="DV7" s="693"/>
      <c r="DW7" s="684" t="s">
        <v>62</v>
      </c>
      <c r="DX7" s="685"/>
      <c r="DY7" s="685"/>
      <c r="DZ7" s="685"/>
      <c r="EA7" s="685"/>
      <c r="EB7" s="685"/>
      <c r="EC7" s="686"/>
      <c r="ED7" s="495" t="s">
        <v>52</v>
      </c>
      <c r="EE7" s="692" t="s">
        <v>61</v>
      </c>
      <c r="EF7" s="685"/>
      <c r="EG7" s="693"/>
      <c r="EH7" s="684" t="s">
        <v>62</v>
      </c>
      <c r="EI7" s="685"/>
      <c r="EJ7" s="685"/>
      <c r="EK7" s="685"/>
      <c r="EL7" s="685"/>
      <c r="EM7" s="685"/>
      <c r="EN7" s="686"/>
      <c r="EO7" s="495" t="s">
        <v>52</v>
      </c>
      <c r="EP7" s="692" t="s">
        <v>61</v>
      </c>
      <c r="EQ7" s="685"/>
      <c r="ER7" s="693"/>
      <c r="ES7" s="684" t="s">
        <v>62</v>
      </c>
      <c r="ET7" s="685"/>
      <c r="EU7" s="685"/>
      <c r="EV7" s="685"/>
      <c r="EW7" s="685"/>
      <c r="EX7" s="685"/>
      <c r="EY7" s="686"/>
      <c r="EZ7" s="495" t="s">
        <v>52</v>
      </c>
      <c r="FA7" s="692" t="s">
        <v>61</v>
      </c>
      <c r="FB7" s="685"/>
      <c r="FC7" s="693"/>
      <c r="FD7" s="684" t="s">
        <v>62</v>
      </c>
      <c r="FE7" s="685"/>
      <c r="FF7" s="685"/>
      <c r="FG7" s="685"/>
      <c r="FH7" s="685"/>
      <c r="FI7" s="685"/>
      <c r="FJ7" s="686"/>
      <c r="FK7" s="495" t="s">
        <v>52</v>
      </c>
      <c r="FL7" s="694" t="s">
        <v>61</v>
      </c>
      <c r="FM7" s="695"/>
      <c r="FN7" s="696"/>
      <c r="FO7" s="697" t="s">
        <v>62</v>
      </c>
      <c r="FP7" s="695"/>
      <c r="FQ7" s="695"/>
      <c r="FR7" s="695"/>
      <c r="FS7" s="695"/>
      <c r="FT7" s="695"/>
      <c r="FU7" s="698"/>
      <c r="FV7" s="679" t="s">
        <v>52</v>
      </c>
      <c r="FW7" s="692" t="s">
        <v>61</v>
      </c>
      <c r="FX7" s="685"/>
      <c r="FY7" s="693"/>
      <c r="FZ7" s="684" t="s">
        <v>62</v>
      </c>
      <c r="GA7" s="685"/>
      <c r="GB7" s="685"/>
      <c r="GC7" s="685"/>
      <c r="GD7" s="685"/>
      <c r="GE7" s="685"/>
      <c r="GF7" s="686"/>
      <c r="GG7" s="495" t="s">
        <v>52</v>
      </c>
      <c r="GH7" s="493" t="s">
        <v>61</v>
      </c>
      <c r="GI7" s="494"/>
      <c r="GJ7" s="494"/>
      <c r="GK7" s="690" t="s">
        <v>62</v>
      </c>
      <c r="GL7" s="494"/>
      <c r="GM7" s="494"/>
      <c r="GN7" s="494"/>
      <c r="GO7" s="494"/>
      <c r="GP7" s="494"/>
      <c r="GQ7" s="689"/>
      <c r="GR7" s="700" t="s">
        <v>52</v>
      </c>
      <c r="GS7" s="493" t="s">
        <v>61</v>
      </c>
      <c r="GT7" s="494"/>
      <c r="GU7" s="689"/>
      <c r="GV7" s="690" t="s">
        <v>62</v>
      </c>
      <c r="GW7" s="494"/>
      <c r="GX7" s="494"/>
      <c r="GY7" s="494"/>
      <c r="GZ7" s="494"/>
      <c r="HA7" s="494"/>
      <c r="HB7" s="689"/>
      <c r="HC7" s="700" t="s">
        <v>52</v>
      </c>
      <c r="HD7" s="692" t="s">
        <v>61</v>
      </c>
      <c r="HE7" s="685"/>
      <c r="HF7" s="693"/>
      <c r="HG7" s="684" t="s">
        <v>62</v>
      </c>
      <c r="HH7" s="685"/>
      <c r="HI7" s="685"/>
      <c r="HJ7" s="685"/>
      <c r="HK7" s="685"/>
      <c r="HL7" s="685"/>
      <c r="HM7" s="686"/>
      <c r="HN7" s="495" t="s">
        <v>52</v>
      </c>
      <c r="HO7" s="692" t="s">
        <v>61</v>
      </c>
      <c r="HP7" s="685"/>
      <c r="HQ7" s="693"/>
      <c r="HR7" s="684" t="s">
        <v>62</v>
      </c>
      <c r="HS7" s="685"/>
      <c r="HT7" s="685"/>
      <c r="HU7" s="685"/>
      <c r="HV7" s="685"/>
      <c r="HW7" s="685"/>
      <c r="HX7" s="686"/>
      <c r="HY7" s="495" t="s">
        <v>52</v>
      </c>
      <c r="HZ7" s="549" t="s">
        <v>61</v>
      </c>
      <c r="IA7" s="550"/>
      <c r="IB7" s="551"/>
      <c r="IC7" s="586" t="s">
        <v>62</v>
      </c>
      <c r="ID7" s="550"/>
      <c r="IE7" s="550"/>
      <c r="IF7" s="550"/>
      <c r="IG7" s="550"/>
      <c r="IH7" s="550"/>
      <c r="II7" s="587"/>
      <c r="IJ7" s="553" t="s">
        <v>52</v>
      </c>
      <c r="IK7" s="566" t="s">
        <v>61</v>
      </c>
      <c r="IL7" s="559"/>
      <c r="IM7" s="560"/>
      <c r="IN7" s="589" t="s">
        <v>62</v>
      </c>
      <c r="IO7" s="559"/>
      <c r="IP7" s="559"/>
      <c r="IQ7" s="559"/>
      <c r="IR7" s="559"/>
      <c r="IS7" s="559"/>
      <c r="IT7" s="590"/>
      <c r="IU7" s="572" t="s">
        <v>52</v>
      </c>
      <c r="IV7" s="566" t="s">
        <v>61</v>
      </c>
      <c r="IW7" s="559"/>
      <c r="IX7" s="590"/>
      <c r="IY7" s="589" t="s">
        <v>62</v>
      </c>
      <c r="IZ7" s="559"/>
      <c r="JA7" s="559"/>
      <c r="JB7" s="559"/>
      <c r="JC7" s="559"/>
      <c r="JD7" s="559"/>
      <c r="JE7" s="590"/>
      <c r="JF7" s="572" t="s">
        <v>52</v>
      </c>
      <c r="JG7" s="566" t="s">
        <v>61</v>
      </c>
      <c r="JH7" s="559"/>
      <c r="JI7" s="560"/>
      <c r="JJ7" s="589" t="s">
        <v>62</v>
      </c>
      <c r="JK7" s="559"/>
      <c r="JL7" s="559"/>
      <c r="JM7" s="559"/>
      <c r="JN7" s="559"/>
      <c r="JO7" s="559"/>
      <c r="JP7" s="590"/>
      <c r="JQ7" s="584" t="s">
        <v>52</v>
      </c>
      <c r="JR7" s="566" t="s">
        <v>61</v>
      </c>
      <c r="JS7" s="559"/>
      <c r="JT7" s="560"/>
      <c r="JU7" s="589" t="s">
        <v>62</v>
      </c>
      <c r="JV7" s="559"/>
      <c r="JW7" s="559"/>
      <c r="JX7" s="559"/>
      <c r="JY7" s="559"/>
      <c r="JZ7" s="559"/>
      <c r="KA7" s="590"/>
      <c r="KB7" s="584" t="s">
        <v>52</v>
      </c>
      <c r="KC7" s="566" t="s">
        <v>61</v>
      </c>
      <c r="KD7" s="559"/>
      <c r="KE7" s="560"/>
      <c r="KF7" s="589" t="s">
        <v>62</v>
      </c>
      <c r="KG7" s="559"/>
      <c r="KH7" s="559"/>
      <c r="KI7" s="559"/>
      <c r="KJ7" s="559"/>
      <c r="KK7" s="559"/>
      <c r="KL7" s="590"/>
      <c r="KM7" s="584" t="s">
        <v>52</v>
      </c>
      <c r="KN7" s="566" t="s">
        <v>61</v>
      </c>
      <c r="KO7" s="559"/>
      <c r="KP7" s="560"/>
      <c r="KQ7" s="589" t="s">
        <v>62</v>
      </c>
      <c r="KR7" s="559"/>
      <c r="KS7" s="559"/>
      <c r="KT7" s="559"/>
      <c r="KU7" s="559"/>
      <c r="KV7" s="559"/>
      <c r="KW7" s="590"/>
      <c r="KX7" s="584" t="s">
        <v>52</v>
      </c>
      <c r="KY7" s="566" t="s">
        <v>61</v>
      </c>
      <c r="KZ7" s="559"/>
      <c r="LA7" s="560"/>
      <c r="LB7" s="589" t="s">
        <v>62</v>
      </c>
      <c r="LC7" s="559"/>
      <c r="LD7" s="559"/>
      <c r="LE7" s="559"/>
      <c r="LF7" s="559"/>
      <c r="LG7" s="559"/>
      <c r="LH7" s="590"/>
      <c r="LI7" s="584" t="s">
        <v>52</v>
      </c>
      <c r="LJ7" s="566" t="s">
        <v>61</v>
      </c>
      <c r="LK7" s="559"/>
      <c r="LL7" s="560"/>
      <c r="LM7" s="589" t="s">
        <v>62</v>
      </c>
      <c r="LN7" s="559"/>
      <c r="LO7" s="559"/>
      <c r="LP7" s="559"/>
      <c r="LQ7" s="559"/>
      <c r="LR7" s="559"/>
      <c r="LS7" s="590"/>
      <c r="LT7" s="584" t="s">
        <v>52</v>
      </c>
      <c r="LU7" s="566" t="s">
        <v>61</v>
      </c>
      <c r="LV7" s="559"/>
      <c r="LW7" s="560"/>
      <c r="LX7" s="589" t="s">
        <v>62</v>
      </c>
      <c r="LY7" s="559"/>
      <c r="LZ7" s="559"/>
      <c r="MA7" s="559"/>
      <c r="MB7" s="559"/>
      <c r="MC7" s="559"/>
      <c r="MD7" s="590"/>
      <c r="ME7" s="584" t="s">
        <v>52</v>
      </c>
      <c r="MF7" s="549" t="s">
        <v>61</v>
      </c>
      <c r="MG7" s="550"/>
      <c r="MH7" s="551"/>
      <c r="MI7" s="586" t="s">
        <v>62</v>
      </c>
      <c r="MJ7" s="550"/>
      <c r="MK7" s="550"/>
      <c r="ML7" s="550"/>
      <c r="MM7" s="550"/>
      <c r="MN7" s="550"/>
      <c r="MO7" s="587"/>
      <c r="MP7" s="588" t="s">
        <v>52</v>
      </c>
      <c r="MQ7" s="566" t="s">
        <v>61</v>
      </c>
      <c r="MR7" s="559"/>
      <c r="MS7" s="560"/>
      <c r="MT7" s="589" t="s">
        <v>62</v>
      </c>
      <c r="MU7" s="559"/>
      <c r="MV7" s="559"/>
      <c r="MW7" s="559"/>
      <c r="MX7" s="559"/>
      <c r="MY7" s="559"/>
      <c r="MZ7" s="590"/>
      <c r="NA7" s="584" t="s">
        <v>52</v>
      </c>
      <c r="NB7" s="566" t="s">
        <v>61</v>
      </c>
      <c r="NC7" s="559"/>
      <c r="ND7" s="560"/>
      <c r="NE7" s="589" t="s">
        <v>62</v>
      </c>
      <c r="NF7" s="559"/>
      <c r="NG7" s="559"/>
      <c r="NH7" s="559"/>
      <c r="NI7" s="559"/>
      <c r="NJ7" s="559"/>
      <c r="NK7" s="590"/>
      <c r="NL7" s="584" t="s">
        <v>52</v>
      </c>
      <c r="NM7" s="566" t="s">
        <v>61</v>
      </c>
      <c r="NN7" s="559"/>
      <c r="NO7" s="560"/>
      <c r="NP7" s="589" t="s">
        <v>62</v>
      </c>
      <c r="NQ7" s="559"/>
      <c r="NR7" s="559"/>
      <c r="NS7" s="559"/>
      <c r="NT7" s="559"/>
      <c r="NU7" s="559"/>
      <c r="NV7" s="590"/>
      <c r="NW7" s="584" t="s">
        <v>52</v>
      </c>
      <c r="NX7" s="566" t="s">
        <v>61</v>
      </c>
      <c r="NY7" s="559"/>
      <c r="NZ7" s="560"/>
      <c r="OA7" s="589" t="s">
        <v>62</v>
      </c>
      <c r="OB7" s="559"/>
      <c r="OC7" s="559"/>
      <c r="OD7" s="559"/>
      <c r="OE7" s="559"/>
      <c r="OF7" s="559"/>
      <c r="OG7" s="590"/>
      <c r="OH7" s="584" t="s">
        <v>52</v>
      </c>
      <c r="OI7" s="549" t="s">
        <v>61</v>
      </c>
      <c r="OJ7" s="550"/>
      <c r="OK7" s="551"/>
      <c r="OL7" s="586" t="s">
        <v>62</v>
      </c>
      <c r="OM7" s="550"/>
      <c r="ON7" s="550"/>
      <c r="OO7" s="550"/>
      <c r="OP7" s="550"/>
      <c r="OQ7" s="550"/>
      <c r="OR7" s="587"/>
      <c r="OS7" s="588" t="s">
        <v>52</v>
      </c>
    </row>
    <row r="8" spans="1:409" ht="30" customHeight="1" thickBot="1" x14ac:dyDescent="0.25">
      <c r="B8" s="657"/>
      <c r="C8" s="303" t="s">
        <v>43</v>
      </c>
      <c r="D8" s="41" t="s">
        <v>44</v>
      </c>
      <c r="E8" s="304" t="s">
        <v>45</v>
      </c>
      <c r="F8" s="44" t="s">
        <v>83</v>
      </c>
      <c r="G8" s="41" t="s">
        <v>47</v>
      </c>
      <c r="H8" s="41" t="s">
        <v>48</v>
      </c>
      <c r="I8" s="41" t="s">
        <v>49</v>
      </c>
      <c r="J8" s="41" t="s">
        <v>50</v>
      </c>
      <c r="K8" s="41" t="s">
        <v>51</v>
      </c>
      <c r="L8" s="42" t="s">
        <v>45</v>
      </c>
      <c r="M8" s="681"/>
      <c r="N8" s="43" t="s">
        <v>43</v>
      </c>
      <c r="O8" s="41" t="s">
        <v>44</v>
      </c>
      <c r="P8" s="42" t="s">
        <v>45</v>
      </c>
      <c r="Q8" s="44" t="s">
        <v>83</v>
      </c>
      <c r="R8" s="41" t="s">
        <v>47</v>
      </c>
      <c r="S8" s="41" t="s">
        <v>48</v>
      </c>
      <c r="T8" s="41" t="s">
        <v>49</v>
      </c>
      <c r="U8" s="41" t="s">
        <v>50</v>
      </c>
      <c r="V8" s="41" t="s">
        <v>51</v>
      </c>
      <c r="W8" s="42" t="s">
        <v>45</v>
      </c>
      <c r="X8" s="688"/>
      <c r="Y8" s="43" t="s">
        <v>43</v>
      </c>
      <c r="Z8" s="41" t="s">
        <v>44</v>
      </c>
      <c r="AA8" s="42" t="s">
        <v>45</v>
      </c>
      <c r="AB8" s="44" t="s">
        <v>83</v>
      </c>
      <c r="AC8" s="41" t="s">
        <v>47</v>
      </c>
      <c r="AD8" s="41" t="s">
        <v>48</v>
      </c>
      <c r="AE8" s="41" t="s">
        <v>49</v>
      </c>
      <c r="AF8" s="41" t="s">
        <v>50</v>
      </c>
      <c r="AG8" s="41" t="s">
        <v>51</v>
      </c>
      <c r="AH8" s="42" t="s">
        <v>45</v>
      </c>
      <c r="AI8" s="691"/>
      <c r="AJ8" s="43" t="s">
        <v>43</v>
      </c>
      <c r="AK8" s="41" t="s">
        <v>44</v>
      </c>
      <c r="AL8" s="304" t="s">
        <v>45</v>
      </c>
      <c r="AM8" s="44" t="s">
        <v>83</v>
      </c>
      <c r="AN8" s="41" t="s">
        <v>47</v>
      </c>
      <c r="AO8" s="41" t="s">
        <v>48</v>
      </c>
      <c r="AP8" s="41" t="s">
        <v>49</v>
      </c>
      <c r="AQ8" s="41" t="s">
        <v>50</v>
      </c>
      <c r="AR8" s="41" t="s">
        <v>51</v>
      </c>
      <c r="AS8" s="42" t="s">
        <v>45</v>
      </c>
      <c r="AT8" s="691"/>
      <c r="AU8" s="43" t="s">
        <v>43</v>
      </c>
      <c r="AV8" s="41" t="s">
        <v>44</v>
      </c>
      <c r="AW8" s="304" t="s">
        <v>45</v>
      </c>
      <c r="AX8" s="44" t="s">
        <v>83</v>
      </c>
      <c r="AY8" s="41" t="s">
        <v>47</v>
      </c>
      <c r="AZ8" s="41" t="s">
        <v>48</v>
      </c>
      <c r="BA8" s="41" t="s">
        <v>49</v>
      </c>
      <c r="BB8" s="41" t="s">
        <v>50</v>
      </c>
      <c r="BC8" s="41" t="s">
        <v>51</v>
      </c>
      <c r="BD8" s="42" t="s">
        <v>45</v>
      </c>
      <c r="BE8" s="691"/>
      <c r="BF8" s="305" t="s">
        <v>43</v>
      </c>
      <c r="BG8" s="41" t="s">
        <v>44</v>
      </c>
      <c r="BH8" s="304" t="s">
        <v>45</v>
      </c>
      <c r="BI8" s="44" t="s">
        <v>83</v>
      </c>
      <c r="BJ8" s="41" t="s">
        <v>47</v>
      </c>
      <c r="BK8" s="41" t="s">
        <v>48</v>
      </c>
      <c r="BL8" s="41" t="s">
        <v>49</v>
      </c>
      <c r="BM8" s="41" t="s">
        <v>50</v>
      </c>
      <c r="BN8" s="41" t="s">
        <v>51</v>
      </c>
      <c r="BO8" s="42" t="s">
        <v>45</v>
      </c>
      <c r="BP8" s="691"/>
      <c r="BQ8" s="43" t="s">
        <v>43</v>
      </c>
      <c r="BR8" s="41" t="s">
        <v>44</v>
      </c>
      <c r="BS8" s="304" t="s">
        <v>45</v>
      </c>
      <c r="BT8" s="44" t="s">
        <v>83</v>
      </c>
      <c r="BU8" s="41" t="s">
        <v>47</v>
      </c>
      <c r="BV8" s="41" t="s">
        <v>48</v>
      </c>
      <c r="BW8" s="41" t="s">
        <v>49</v>
      </c>
      <c r="BX8" s="41" t="s">
        <v>50</v>
      </c>
      <c r="BY8" s="41" t="s">
        <v>51</v>
      </c>
      <c r="BZ8" s="42" t="s">
        <v>45</v>
      </c>
      <c r="CA8" s="691"/>
      <c r="CB8" s="43" t="s">
        <v>43</v>
      </c>
      <c r="CC8" s="41" t="s">
        <v>44</v>
      </c>
      <c r="CD8" s="304" t="s">
        <v>45</v>
      </c>
      <c r="CE8" s="44" t="s">
        <v>83</v>
      </c>
      <c r="CF8" s="41" t="s">
        <v>47</v>
      </c>
      <c r="CG8" s="41" t="s">
        <v>48</v>
      </c>
      <c r="CH8" s="41" t="s">
        <v>49</v>
      </c>
      <c r="CI8" s="41" t="s">
        <v>50</v>
      </c>
      <c r="CJ8" s="41" t="s">
        <v>51</v>
      </c>
      <c r="CK8" s="42" t="s">
        <v>45</v>
      </c>
      <c r="CL8" s="688"/>
      <c r="CM8" s="43" t="s">
        <v>43</v>
      </c>
      <c r="CN8" s="41" t="s">
        <v>44</v>
      </c>
      <c r="CO8" s="42" t="s">
        <v>45</v>
      </c>
      <c r="CP8" s="44" t="s">
        <v>83</v>
      </c>
      <c r="CQ8" s="41" t="s">
        <v>47</v>
      </c>
      <c r="CR8" s="41" t="s">
        <v>48</v>
      </c>
      <c r="CS8" s="41" t="s">
        <v>49</v>
      </c>
      <c r="CT8" s="41" t="s">
        <v>50</v>
      </c>
      <c r="CU8" s="41" t="s">
        <v>51</v>
      </c>
      <c r="CV8" s="42" t="s">
        <v>45</v>
      </c>
      <c r="CW8" s="688"/>
      <c r="CX8" s="43" t="s">
        <v>43</v>
      </c>
      <c r="CY8" s="41" t="s">
        <v>44</v>
      </c>
      <c r="CZ8" s="42" t="s">
        <v>45</v>
      </c>
      <c r="DA8" s="44" t="s">
        <v>83</v>
      </c>
      <c r="DB8" s="41" t="s">
        <v>47</v>
      </c>
      <c r="DC8" s="41" t="s">
        <v>48</v>
      </c>
      <c r="DD8" s="41" t="s">
        <v>49</v>
      </c>
      <c r="DE8" s="41" t="s">
        <v>50</v>
      </c>
      <c r="DF8" s="41" t="s">
        <v>51</v>
      </c>
      <c r="DG8" s="42" t="s">
        <v>45</v>
      </c>
      <c r="DH8" s="688"/>
      <c r="DI8" s="43" t="s">
        <v>43</v>
      </c>
      <c r="DJ8" s="41" t="s">
        <v>44</v>
      </c>
      <c r="DK8" s="42" t="s">
        <v>45</v>
      </c>
      <c r="DL8" s="44" t="s">
        <v>83</v>
      </c>
      <c r="DM8" s="41" t="s">
        <v>47</v>
      </c>
      <c r="DN8" s="41" t="s">
        <v>48</v>
      </c>
      <c r="DO8" s="41" t="s">
        <v>49</v>
      </c>
      <c r="DP8" s="41" t="s">
        <v>50</v>
      </c>
      <c r="DQ8" s="41" t="s">
        <v>51</v>
      </c>
      <c r="DR8" s="42" t="s">
        <v>45</v>
      </c>
      <c r="DS8" s="688"/>
      <c r="DT8" s="43" t="s">
        <v>43</v>
      </c>
      <c r="DU8" s="41" t="s">
        <v>44</v>
      </c>
      <c r="DV8" s="304" t="s">
        <v>45</v>
      </c>
      <c r="DW8" s="44" t="s">
        <v>83</v>
      </c>
      <c r="DX8" s="41" t="s">
        <v>47</v>
      </c>
      <c r="DY8" s="41" t="s">
        <v>48</v>
      </c>
      <c r="DZ8" s="41" t="s">
        <v>49</v>
      </c>
      <c r="EA8" s="41" t="s">
        <v>50</v>
      </c>
      <c r="EB8" s="41" t="s">
        <v>51</v>
      </c>
      <c r="EC8" s="42" t="s">
        <v>45</v>
      </c>
      <c r="ED8" s="691"/>
      <c r="EE8" s="43" t="s">
        <v>43</v>
      </c>
      <c r="EF8" s="41" t="s">
        <v>44</v>
      </c>
      <c r="EG8" s="304" t="s">
        <v>45</v>
      </c>
      <c r="EH8" s="44" t="s">
        <v>83</v>
      </c>
      <c r="EI8" s="41" t="s">
        <v>47</v>
      </c>
      <c r="EJ8" s="41" t="s">
        <v>48</v>
      </c>
      <c r="EK8" s="41" t="s">
        <v>49</v>
      </c>
      <c r="EL8" s="41" t="s">
        <v>50</v>
      </c>
      <c r="EM8" s="41" t="s">
        <v>51</v>
      </c>
      <c r="EN8" s="42" t="s">
        <v>45</v>
      </c>
      <c r="EO8" s="691"/>
      <c r="EP8" s="43" t="s">
        <v>43</v>
      </c>
      <c r="EQ8" s="41" t="s">
        <v>44</v>
      </c>
      <c r="ER8" s="304" t="s">
        <v>45</v>
      </c>
      <c r="ES8" s="44" t="s">
        <v>83</v>
      </c>
      <c r="ET8" s="41" t="s">
        <v>47</v>
      </c>
      <c r="EU8" s="41" t="s">
        <v>48</v>
      </c>
      <c r="EV8" s="41" t="s">
        <v>49</v>
      </c>
      <c r="EW8" s="41" t="s">
        <v>50</v>
      </c>
      <c r="EX8" s="41" t="s">
        <v>51</v>
      </c>
      <c r="EY8" s="42" t="s">
        <v>45</v>
      </c>
      <c r="EZ8" s="691"/>
      <c r="FA8" s="43" t="s">
        <v>43</v>
      </c>
      <c r="FB8" s="41" t="s">
        <v>44</v>
      </c>
      <c r="FC8" s="304" t="s">
        <v>45</v>
      </c>
      <c r="FD8" s="44" t="s">
        <v>83</v>
      </c>
      <c r="FE8" s="41" t="s">
        <v>47</v>
      </c>
      <c r="FF8" s="41" t="s">
        <v>48</v>
      </c>
      <c r="FG8" s="41" t="s">
        <v>49</v>
      </c>
      <c r="FH8" s="41" t="s">
        <v>50</v>
      </c>
      <c r="FI8" s="41" t="s">
        <v>51</v>
      </c>
      <c r="FJ8" s="42" t="s">
        <v>45</v>
      </c>
      <c r="FK8" s="691"/>
      <c r="FL8" s="43" t="s">
        <v>43</v>
      </c>
      <c r="FM8" s="41" t="s">
        <v>44</v>
      </c>
      <c r="FN8" s="304" t="s">
        <v>45</v>
      </c>
      <c r="FO8" s="44" t="s">
        <v>83</v>
      </c>
      <c r="FP8" s="41" t="s">
        <v>47</v>
      </c>
      <c r="FQ8" s="41" t="s">
        <v>48</v>
      </c>
      <c r="FR8" s="41" t="s">
        <v>49</v>
      </c>
      <c r="FS8" s="41" t="s">
        <v>50</v>
      </c>
      <c r="FT8" s="41" t="s">
        <v>51</v>
      </c>
      <c r="FU8" s="42" t="s">
        <v>45</v>
      </c>
      <c r="FV8" s="703"/>
      <c r="FW8" s="43" t="s">
        <v>43</v>
      </c>
      <c r="FX8" s="41" t="s">
        <v>44</v>
      </c>
      <c r="FY8" s="304" t="s">
        <v>45</v>
      </c>
      <c r="FZ8" s="44" t="s">
        <v>83</v>
      </c>
      <c r="GA8" s="41" t="s">
        <v>47</v>
      </c>
      <c r="GB8" s="41" t="s">
        <v>48</v>
      </c>
      <c r="GC8" s="41" t="s">
        <v>49</v>
      </c>
      <c r="GD8" s="41" t="s">
        <v>50</v>
      </c>
      <c r="GE8" s="41" t="s">
        <v>51</v>
      </c>
      <c r="GF8" s="42" t="s">
        <v>45</v>
      </c>
      <c r="GG8" s="691"/>
      <c r="GH8" s="43" t="s">
        <v>43</v>
      </c>
      <c r="GI8" s="41" t="s">
        <v>44</v>
      </c>
      <c r="GJ8" s="304" t="s">
        <v>45</v>
      </c>
      <c r="GK8" s="44" t="s">
        <v>83</v>
      </c>
      <c r="GL8" s="41" t="s">
        <v>47</v>
      </c>
      <c r="GM8" s="41" t="s">
        <v>48</v>
      </c>
      <c r="GN8" s="41" t="s">
        <v>49</v>
      </c>
      <c r="GO8" s="41" t="s">
        <v>50</v>
      </c>
      <c r="GP8" s="41" t="s">
        <v>51</v>
      </c>
      <c r="GQ8" s="42" t="s">
        <v>45</v>
      </c>
      <c r="GR8" s="701"/>
      <c r="GS8" s="43" t="s">
        <v>43</v>
      </c>
      <c r="GT8" s="41" t="s">
        <v>44</v>
      </c>
      <c r="GU8" s="304" t="s">
        <v>45</v>
      </c>
      <c r="GV8" s="44" t="s">
        <v>83</v>
      </c>
      <c r="GW8" s="41" t="s">
        <v>47</v>
      </c>
      <c r="GX8" s="41" t="s">
        <v>48</v>
      </c>
      <c r="GY8" s="41" t="s">
        <v>49</v>
      </c>
      <c r="GZ8" s="41" t="s">
        <v>50</v>
      </c>
      <c r="HA8" s="41" t="s">
        <v>51</v>
      </c>
      <c r="HB8" s="42" t="s">
        <v>45</v>
      </c>
      <c r="HC8" s="701"/>
      <c r="HD8" s="43" t="s">
        <v>43</v>
      </c>
      <c r="HE8" s="41" t="s">
        <v>44</v>
      </c>
      <c r="HF8" s="304" t="s">
        <v>45</v>
      </c>
      <c r="HG8" s="44" t="s">
        <v>83</v>
      </c>
      <c r="HH8" s="41" t="s">
        <v>47</v>
      </c>
      <c r="HI8" s="41" t="s">
        <v>48</v>
      </c>
      <c r="HJ8" s="41" t="s">
        <v>49</v>
      </c>
      <c r="HK8" s="41" t="s">
        <v>50</v>
      </c>
      <c r="HL8" s="41" t="s">
        <v>51</v>
      </c>
      <c r="HM8" s="42" t="s">
        <v>45</v>
      </c>
      <c r="HN8" s="691"/>
      <c r="HO8" s="43" t="s">
        <v>43</v>
      </c>
      <c r="HP8" s="41" t="s">
        <v>44</v>
      </c>
      <c r="HQ8" s="304" t="s">
        <v>45</v>
      </c>
      <c r="HR8" s="44" t="s">
        <v>83</v>
      </c>
      <c r="HS8" s="41" t="s">
        <v>47</v>
      </c>
      <c r="HT8" s="41" t="s">
        <v>48</v>
      </c>
      <c r="HU8" s="41" t="s">
        <v>49</v>
      </c>
      <c r="HV8" s="41" t="s">
        <v>50</v>
      </c>
      <c r="HW8" s="41" t="s">
        <v>51</v>
      </c>
      <c r="HX8" s="42" t="s">
        <v>45</v>
      </c>
      <c r="HY8" s="691"/>
      <c r="HZ8" s="342" t="s">
        <v>43</v>
      </c>
      <c r="IA8" s="343" t="s">
        <v>44</v>
      </c>
      <c r="IB8" s="36" t="s">
        <v>45</v>
      </c>
      <c r="IC8" s="37" t="s">
        <v>83</v>
      </c>
      <c r="ID8" s="343" t="s">
        <v>47</v>
      </c>
      <c r="IE8" s="343" t="s">
        <v>48</v>
      </c>
      <c r="IF8" s="343" t="s">
        <v>49</v>
      </c>
      <c r="IG8" s="343" t="s">
        <v>50</v>
      </c>
      <c r="IH8" s="343" t="s">
        <v>51</v>
      </c>
      <c r="II8" s="14" t="s">
        <v>45</v>
      </c>
      <c r="IJ8" s="626"/>
      <c r="IK8" s="342" t="s">
        <v>43</v>
      </c>
      <c r="IL8" s="343" t="s">
        <v>44</v>
      </c>
      <c r="IM8" s="36" t="s">
        <v>45</v>
      </c>
      <c r="IN8" s="37" t="s">
        <v>83</v>
      </c>
      <c r="IO8" s="51" t="s">
        <v>47</v>
      </c>
      <c r="IP8" s="51" t="s">
        <v>48</v>
      </c>
      <c r="IQ8" s="51" t="s">
        <v>49</v>
      </c>
      <c r="IR8" s="51" t="s">
        <v>50</v>
      </c>
      <c r="IS8" s="51" t="s">
        <v>51</v>
      </c>
      <c r="IT8" s="54" t="s">
        <v>45</v>
      </c>
      <c r="IU8" s="625"/>
      <c r="IV8" s="53" t="s">
        <v>43</v>
      </c>
      <c r="IW8" s="51" t="s">
        <v>44</v>
      </c>
      <c r="IX8" s="54" t="s">
        <v>45</v>
      </c>
      <c r="IY8" s="28" t="s">
        <v>83</v>
      </c>
      <c r="IZ8" s="51" t="s">
        <v>47</v>
      </c>
      <c r="JA8" s="51" t="s">
        <v>48</v>
      </c>
      <c r="JB8" s="51" t="s">
        <v>49</v>
      </c>
      <c r="JC8" s="51" t="s">
        <v>50</v>
      </c>
      <c r="JD8" s="51" t="s">
        <v>51</v>
      </c>
      <c r="JE8" s="54" t="s">
        <v>45</v>
      </c>
      <c r="JF8" s="625"/>
      <c r="JG8" s="53" t="s">
        <v>43</v>
      </c>
      <c r="JH8" s="51" t="s">
        <v>44</v>
      </c>
      <c r="JI8" s="52" t="s">
        <v>45</v>
      </c>
      <c r="JJ8" s="28" t="s">
        <v>83</v>
      </c>
      <c r="JK8" s="51" t="s">
        <v>47</v>
      </c>
      <c r="JL8" s="51" t="s">
        <v>48</v>
      </c>
      <c r="JM8" s="51" t="s">
        <v>49</v>
      </c>
      <c r="JN8" s="51" t="s">
        <v>50</v>
      </c>
      <c r="JO8" s="51" t="s">
        <v>51</v>
      </c>
      <c r="JP8" s="54" t="s">
        <v>45</v>
      </c>
      <c r="JQ8" s="585"/>
      <c r="JR8" s="53" t="s">
        <v>43</v>
      </c>
      <c r="JS8" s="51" t="s">
        <v>44</v>
      </c>
      <c r="JT8" s="52" t="s">
        <v>45</v>
      </c>
      <c r="JU8" s="28" t="s">
        <v>83</v>
      </c>
      <c r="JV8" s="51" t="s">
        <v>47</v>
      </c>
      <c r="JW8" s="51" t="s">
        <v>48</v>
      </c>
      <c r="JX8" s="51" t="s">
        <v>49</v>
      </c>
      <c r="JY8" s="51" t="s">
        <v>50</v>
      </c>
      <c r="JZ8" s="51" t="s">
        <v>51</v>
      </c>
      <c r="KA8" s="54" t="s">
        <v>45</v>
      </c>
      <c r="KB8" s="585"/>
      <c r="KC8" s="53" t="s">
        <v>43</v>
      </c>
      <c r="KD8" s="51" t="s">
        <v>44</v>
      </c>
      <c r="KE8" s="52" t="s">
        <v>45</v>
      </c>
      <c r="KF8" s="28" t="s">
        <v>83</v>
      </c>
      <c r="KG8" s="51" t="s">
        <v>47</v>
      </c>
      <c r="KH8" s="51" t="s">
        <v>48</v>
      </c>
      <c r="KI8" s="51" t="s">
        <v>49</v>
      </c>
      <c r="KJ8" s="51" t="s">
        <v>50</v>
      </c>
      <c r="KK8" s="51" t="s">
        <v>51</v>
      </c>
      <c r="KL8" s="54" t="s">
        <v>45</v>
      </c>
      <c r="KM8" s="585"/>
      <c r="KN8" s="53" t="s">
        <v>43</v>
      </c>
      <c r="KO8" s="51" t="s">
        <v>44</v>
      </c>
      <c r="KP8" s="52" t="s">
        <v>45</v>
      </c>
      <c r="KQ8" s="37" t="s">
        <v>83</v>
      </c>
      <c r="KR8" s="51" t="s">
        <v>47</v>
      </c>
      <c r="KS8" s="51" t="s">
        <v>48</v>
      </c>
      <c r="KT8" s="51" t="s">
        <v>49</v>
      </c>
      <c r="KU8" s="51" t="s">
        <v>50</v>
      </c>
      <c r="KV8" s="51" t="s">
        <v>51</v>
      </c>
      <c r="KW8" s="54" t="s">
        <v>45</v>
      </c>
      <c r="KX8" s="585"/>
      <c r="KY8" s="53" t="s">
        <v>43</v>
      </c>
      <c r="KZ8" s="51" t="s">
        <v>44</v>
      </c>
      <c r="LA8" s="52" t="s">
        <v>45</v>
      </c>
      <c r="LB8" s="37" t="s">
        <v>83</v>
      </c>
      <c r="LC8" s="51" t="s">
        <v>47</v>
      </c>
      <c r="LD8" s="51" t="s">
        <v>48</v>
      </c>
      <c r="LE8" s="51" t="s">
        <v>49</v>
      </c>
      <c r="LF8" s="51" t="s">
        <v>50</v>
      </c>
      <c r="LG8" s="51" t="s">
        <v>51</v>
      </c>
      <c r="LH8" s="54" t="s">
        <v>45</v>
      </c>
      <c r="LI8" s="585"/>
      <c r="LJ8" s="53" t="s">
        <v>43</v>
      </c>
      <c r="LK8" s="51" t="s">
        <v>44</v>
      </c>
      <c r="LL8" s="52" t="s">
        <v>45</v>
      </c>
      <c r="LM8" s="37" t="s">
        <v>83</v>
      </c>
      <c r="LN8" s="51" t="s">
        <v>47</v>
      </c>
      <c r="LO8" s="51" t="s">
        <v>48</v>
      </c>
      <c r="LP8" s="51" t="s">
        <v>49</v>
      </c>
      <c r="LQ8" s="51" t="s">
        <v>50</v>
      </c>
      <c r="LR8" s="51" t="s">
        <v>51</v>
      </c>
      <c r="LS8" s="54" t="s">
        <v>45</v>
      </c>
      <c r="LT8" s="585"/>
      <c r="LU8" s="53" t="s">
        <v>43</v>
      </c>
      <c r="LV8" s="51" t="s">
        <v>44</v>
      </c>
      <c r="LW8" s="52" t="s">
        <v>45</v>
      </c>
      <c r="LX8" s="37" t="s">
        <v>83</v>
      </c>
      <c r="LY8" s="51" t="s">
        <v>47</v>
      </c>
      <c r="LZ8" s="51" t="s">
        <v>48</v>
      </c>
      <c r="MA8" s="51" t="s">
        <v>49</v>
      </c>
      <c r="MB8" s="51" t="s">
        <v>50</v>
      </c>
      <c r="MC8" s="51" t="s">
        <v>51</v>
      </c>
      <c r="MD8" s="54" t="s">
        <v>45</v>
      </c>
      <c r="ME8" s="585"/>
      <c r="MF8" s="53" t="s">
        <v>43</v>
      </c>
      <c r="MG8" s="51" t="s">
        <v>44</v>
      </c>
      <c r="MH8" s="52" t="s">
        <v>45</v>
      </c>
      <c r="MI8" s="37" t="s">
        <v>83</v>
      </c>
      <c r="MJ8" s="51" t="s">
        <v>47</v>
      </c>
      <c r="MK8" s="51" t="s">
        <v>48</v>
      </c>
      <c r="ML8" s="51" t="s">
        <v>49</v>
      </c>
      <c r="MM8" s="51" t="s">
        <v>50</v>
      </c>
      <c r="MN8" s="51" t="s">
        <v>51</v>
      </c>
      <c r="MO8" s="54" t="s">
        <v>45</v>
      </c>
      <c r="MP8" s="585"/>
      <c r="MQ8" s="53" t="s">
        <v>43</v>
      </c>
      <c r="MR8" s="51" t="s">
        <v>44</v>
      </c>
      <c r="MS8" s="52" t="s">
        <v>45</v>
      </c>
      <c r="MT8" s="37" t="s">
        <v>83</v>
      </c>
      <c r="MU8" s="51" t="s">
        <v>47</v>
      </c>
      <c r="MV8" s="51" t="s">
        <v>48</v>
      </c>
      <c r="MW8" s="51" t="s">
        <v>49</v>
      </c>
      <c r="MX8" s="51" t="s">
        <v>50</v>
      </c>
      <c r="MY8" s="51" t="s">
        <v>51</v>
      </c>
      <c r="MZ8" s="54" t="s">
        <v>45</v>
      </c>
      <c r="NA8" s="585"/>
      <c r="NB8" s="53" t="s">
        <v>43</v>
      </c>
      <c r="NC8" s="51" t="s">
        <v>44</v>
      </c>
      <c r="ND8" s="52" t="s">
        <v>45</v>
      </c>
      <c r="NE8" s="37" t="s">
        <v>83</v>
      </c>
      <c r="NF8" s="51" t="s">
        <v>47</v>
      </c>
      <c r="NG8" s="51" t="s">
        <v>48</v>
      </c>
      <c r="NH8" s="51" t="s">
        <v>49</v>
      </c>
      <c r="NI8" s="51" t="s">
        <v>50</v>
      </c>
      <c r="NJ8" s="51" t="s">
        <v>51</v>
      </c>
      <c r="NK8" s="54" t="s">
        <v>45</v>
      </c>
      <c r="NL8" s="585"/>
      <c r="NM8" s="53" t="s">
        <v>43</v>
      </c>
      <c r="NN8" s="51" t="s">
        <v>44</v>
      </c>
      <c r="NO8" s="52" t="s">
        <v>45</v>
      </c>
      <c r="NP8" s="37" t="s">
        <v>83</v>
      </c>
      <c r="NQ8" s="51" t="s">
        <v>47</v>
      </c>
      <c r="NR8" s="51" t="s">
        <v>48</v>
      </c>
      <c r="NS8" s="51" t="s">
        <v>49</v>
      </c>
      <c r="NT8" s="51" t="s">
        <v>50</v>
      </c>
      <c r="NU8" s="51" t="s">
        <v>51</v>
      </c>
      <c r="NV8" s="54" t="s">
        <v>45</v>
      </c>
      <c r="NW8" s="585"/>
      <c r="NX8" s="53" t="s">
        <v>43</v>
      </c>
      <c r="NY8" s="51" t="s">
        <v>44</v>
      </c>
      <c r="NZ8" s="52" t="s">
        <v>45</v>
      </c>
      <c r="OA8" s="37" t="s">
        <v>83</v>
      </c>
      <c r="OB8" s="51" t="s">
        <v>47</v>
      </c>
      <c r="OC8" s="51" t="s">
        <v>48</v>
      </c>
      <c r="OD8" s="51" t="s">
        <v>49</v>
      </c>
      <c r="OE8" s="51" t="s">
        <v>50</v>
      </c>
      <c r="OF8" s="51" t="s">
        <v>51</v>
      </c>
      <c r="OG8" s="54" t="s">
        <v>45</v>
      </c>
      <c r="OH8" s="585"/>
      <c r="OI8" s="53" t="s">
        <v>43</v>
      </c>
      <c r="OJ8" s="51" t="s">
        <v>44</v>
      </c>
      <c r="OK8" s="52" t="s">
        <v>45</v>
      </c>
      <c r="OL8" s="28" t="s">
        <v>83</v>
      </c>
      <c r="OM8" s="51" t="s">
        <v>47</v>
      </c>
      <c r="ON8" s="51" t="s">
        <v>48</v>
      </c>
      <c r="OO8" s="51" t="s">
        <v>49</v>
      </c>
      <c r="OP8" s="51" t="s">
        <v>50</v>
      </c>
      <c r="OQ8" s="51" t="s">
        <v>51</v>
      </c>
      <c r="OR8" s="54" t="s">
        <v>45</v>
      </c>
      <c r="OS8" s="585"/>
    </row>
    <row r="9" spans="1:409" s="444" customFormat="1" ht="21" customHeight="1" x14ac:dyDescent="0.2">
      <c r="A9" s="39"/>
      <c r="B9" s="470" t="s">
        <v>4</v>
      </c>
      <c r="C9" s="360">
        <v>26541177</v>
      </c>
      <c r="D9" s="361">
        <v>46422163</v>
      </c>
      <c r="E9" s="362">
        <v>72963340</v>
      </c>
      <c r="F9" s="363">
        <v>0</v>
      </c>
      <c r="G9" s="361">
        <v>295205143</v>
      </c>
      <c r="H9" s="361">
        <v>393209000</v>
      </c>
      <c r="I9" s="361">
        <v>334057462</v>
      </c>
      <c r="J9" s="361">
        <v>305052194</v>
      </c>
      <c r="K9" s="361">
        <v>206487978</v>
      </c>
      <c r="L9" s="364">
        <v>1534011777</v>
      </c>
      <c r="M9" s="365">
        <v>1606975117</v>
      </c>
      <c r="N9" s="360">
        <v>7976851</v>
      </c>
      <c r="O9" s="361">
        <v>15238515</v>
      </c>
      <c r="P9" s="366">
        <v>23215366</v>
      </c>
      <c r="Q9" s="360">
        <v>0</v>
      </c>
      <c r="R9" s="361">
        <v>94275838</v>
      </c>
      <c r="S9" s="361">
        <v>134242120</v>
      </c>
      <c r="T9" s="361">
        <v>112069824</v>
      </c>
      <c r="U9" s="361">
        <v>116187682</v>
      </c>
      <c r="V9" s="361">
        <v>108169887</v>
      </c>
      <c r="W9" s="366">
        <v>564945351</v>
      </c>
      <c r="X9" s="365">
        <v>588160717</v>
      </c>
      <c r="Y9" s="360">
        <v>0</v>
      </c>
      <c r="Z9" s="361">
        <v>0</v>
      </c>
      <c r="AA9" s="366">
        <v>0</v>
      </c>
      <c r="AB9" s="367">
        <v>0</v>
      </c>
      <c r="AC9" s="368">
        <v>39216546</v>
      </c>
      <c r="AD9" s="368">
        <v>54993591</v>
      </c>
      <c r="AE9" s="368">
        <v>51873458</v>
      </c>
      <c r="AF9" s="368">
        <v>59406680</v>
      </c>
      <c r="AG9" s="368">
        <v>59233351</v>
      </c>
      <c r="AH9" s="366">
        <v>264723626</v>
      </c>
      <c r="AI9" s="365">
        <v>264723626</v>
      </c>
      <c r="AJ9" s="369">
        <v>0</v>
      </c>
      <c r="AK9" s="368">
        <v>8210</v>
      </c>
      <c r="AL9" s="366">
        <v>8210</v>
      </c>
      <c r="AM9" s="367">
        <v>0</v>
      </c>
      <c r="AN9" s="368">
        <v>310040</v>
      </c>
      <c r="AO9" s="364">
        <v>1446650</v>
      </c>
      <c r="AP9" s="368">
        <v>3382150</v>
      </c>
      <c r="AQ9" s="368">
        <v>7467112</v>
      </c>
      <c r="AR9" s="368">
        <v>12416084</v>
      </c>
      <c r="AS9" s="366">
        <v>25022036</v>
      </c>
      <c r="AT9" s="365">
        <v>25030246</v>
      </c>
      <c r="AU9" s="369">
        <v>4159348</v>
      </c>
      <c r="AV9" s="368">
        <v>10110414</v>
      </c>
      <c r="AW9" s="366">
        <v>14269762</v>
      </c>
      <c r="AX9" s="367">
        <v>0</v>
      </c>
      <c r="AY9" s="368">
        <v>35603883</v>
      </c>
      <c r="AZ9" s="368">
        <v>54270194</v>
      </c>
      <c r="BA9" s="368">
        <v>36213393</v>
      </c>
      <c r="BB9" s="368">
        <v>29534086</v>
      </c>
      <c r="BC9" s="368">
        <v>24060317</v>
      </c>
      <c r="BD9" s="366">
        <v>179681873</v>
      </c>
      <c r="BE9" s="370">
        <v>193951635</v>
      </c>
      <c r="BF9" s="369">
        <v>452479</v>
      </c>
      <c r="BG9" s="364">
        <v>1571787</v>
      </c>
      <c r="BH9" s="371">
        <v>2024266</v>
      </c>
      <c r="BI9" s="367">
        <v>0</v>
      </c>
      <c r="BJ9" s="368">
        <v>2399503</v>
      </c>
      <c r="BK9" s="368">
        <v>4030837</v>
      </c>
      <c r="BL9" s="368">
        <v>2821532</v>
      </c>
      <c r="BM9" s="368">
        <v>2997932</v>
      </c>
      <c r="BN9" s="368">
        <v>1153025</v>
      </c>
      <c r="BO9" s="366">
        <v>13402829</v>
      </c>
      <c r="BP9" s="365">
        <v>15427095</v>
      </c>
      <c r="BQ9" s="369">
        <v>3365024</v>
      </c>
      <c r="BR9" s="368">
        <v>3548104</v>
      </c>
      <c r="BS9" s="366">
        <v>6913128</v>
      </c>
      <c r="BT9" s="367">
        <v>0</v>
      </c>
      <c r="BU9" s="368">
        <v>16745866</v>
      </c>
      <c r="BV9" s="368">
        <v>19500848</v>
      </c>
      <c r="BW9" s="368">
        <v>17779291</v>
      </c>
      <c r="BX9" s="368">
        <v>16781872</v>
      </c>
      <c r="BY9" s="368">
        <v>11307110</v>
      </c>
      <c r="BZ9" s="366">
        <v>82114987</v>
      </c>
      <c r="CA9" s="365">
        <v>89028115</v>
      </c>
      <c r="CB9" s="369">
        <v>3057443</v>
      </c>
      <c r="CC9" s="368">
        <v>7176314</v>
      </c>
      <c r="CD9" s="366">
        <v>10233757</v>
      </c>
      <c r="CE9" s="367">
        <v>0</v>
      </c>
      <c r="CF9" s="368">
        <v>86736166</v>
      </c>
      <c r="CG9" s="368">
        <v>111481845</v>
      </c>
      <c r="CH9" s="372">
        <v>81003873</v>
      </c>
      <c r="CI9" s="368">
        <v>47007251</v>
      </c>
      <c r="CJ9" s="368">
        <v>20546303</v>
      </c>
      <c r="CK9" s="366">
        <v>346775438</v>
      </c>
      <c r="CL9" s="365">
        <v>357009195</v>
      </c>
      <c r="CM9" s="360">
        <v>0</v>
      </c>
      <c r="CN9" s="361">
        <v>0</v>
      </c>
      <c r="CO9" s="366">
        <v>0</v>
      </c>
      <c r="CP9" s="367">
        <v>0</v>
      </c>
      <c r="CQ9" s="368">
        <v>70817387</v>
      </c>
      <c r="CR9" s="368">
        <v>81443707</v>
      </c>
      <c r="CS9" s="368">
        <v>56637746</v>
      </c>
      <c r="CT9" s="368">
        <v>32415621</v>
      </c>
      <c r="CU9" s="368">
        <v>15542024</v>
      </c>
      <c r="CV9" s="373">
        <v>256856485</v>
      </c>
      <c r="CW9" s="365">
        <v>256856485</v>
      </c>
      <c r="CX9" s="369">
        <v>3057443</v>
      </c>
      <c r="CY9" s="368">
        <v>7176314</v>
      </c>
      <c r="CZ9" s="366">
        <v>10233757</v>
      </c>
      <c r="DA9" s="367">
        <v>0</v>
      </c>
      <c r="DB9" s="368">
        <v>15918779</v>
      </c>
      <c r="DC9" s="368">
        <v>30038138</v>
      </c>
      <c r="DD9" s="368">
        <v>24366127</v>
      </c>
      <c r="DE9" s="368">
        <v>14591630</v>
      </c>
      <c r="DF9" s="368">
        <v>5004279</v>
      </c>
      <c r="DG9" s="366">
        <v>89918953</v>
      </c>
      <c r="DH9" s="365">
        <v>100152710</v>
      </c>
      <c r="DI9" s="369">
        <v>311030</v>
      </c>
      <c r="DJ9" s="368">
        <v>1052276</v>
      </c>
      <c r="DK9" s="371">
        <v>1363306</v>
      </c>
      <c r="DL9" s="367">
        <v>0</v>
      </c>
      <c r="DM9" s="368">
        <v>9757421</v>
      </c>
      <c r="DN9" s="368">
        <v>18696265</v>
      </c>
      <c r="DO9" s="368">
        <v>30403154</v>
      </c>
      <c r="DP9" s="368">
        <v>24939231</v>
      </c>
      <c r="DQ9" s="368">
        <v>10944769</v>
      </c>
      <c r="DR9" s="374">
        <v>94740840</v>
      </c>
      <c r="DS9" s="365">
        <v>96104146</v>
      </c>
      <c r="DT9" s="369">
        <v>285717</v>
      </c>
      <c r="DU9" s="368">
        <v>903820</v>
      </c>
      <c r="DV9" s="366">
        <v>1189537</v>
      </c>
      <c r="DW9" s="367">
        <v>0</v>
      </c>
      <c r="DX9" s="368">
        <v>8653851</v>
      </c>
      <c r="DY9" s="368">
        <v>16457728</v>
      </c>
      <c r="DZ9" s="368">
        <v>25981774</v>
      </c>
      <c r="EA9" s="368">
        <v>21945273</v>
      </c>
      <c r="EB9" s="368">
        <v>9202458</v>
      </c>
      <c r="EC9" s="366">
        <v>82241084</v>
      </c>
      <c r="ED9" s="365">
        <v>83430621</v>
      </c>
      <c r="EE9" s="369">
        <v>25313</v>
      </c>
      <c r="EF9" s="364">
        <v>148456</v>
      </c>
      <c r="EG9" s="366">
        <v>173769</v>
      </c>
      <c r="EH9" s="370">
        <v>0</v>
      </c>
      <c r="EI9" s="368">
        <v>1103570</v>
      </c>
      <c r="EJ9" s="368">
        <v>2238537</v>
      </c>
      <c r="EK9" s="368">
        <v>4421380</v>
      </c>
      <c r="EL9" s="368">
        <v>2993958</v>
      </c>
      <c r="EM9" s="372">
        <v>1742311</v>
      </c>
      <c r="EN9" s="364">
        <v>12499756</v>
      </c>
      <c r="EO9" s="365">
        <v>12673525</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4943101</v>
      </c>
      <c r="FM9" s="368">
        <v>9963812</v>
      </c>
      <c r="FN9" s="366">
        <v>14906913</v>
      </c>
      <c r="FO9" s="367">
        <v>0</v>
      </c>
      <c r="FP9" s="368">
        <v>14687599</v>
      </c>
      <c r="FQ9" s="368">
        <v>38190222</v>
      </c>
      <c r="FR9" s="368">
        <v>27365483</v>
      </c>
      <c r="FS9" s="368">
        <v>23797592</v>
      </c>
      <c r="FT9" s="368">
        <v>14386996</v>
      </c>
      <c r="FU9" s="366">
        <v>118427892</v>
      </c>
      <c r="FV9" s="365">
        <v>133334805</v>
      </c>
      <c r="FW9" s="369">
        <v>2516272</v>
      </c>
      <c r="FX9" s="368">
        <v>6303282</v>
      </c>
      <c r="FY9" s="364">
        <v>8819554</v>
      </c>
      <c r="FZ9" s="370">
        <v>0</v>
      </c>
      <c r="GA9" s="368">
        <v>10265828</v>
      </c>
      <c r="GB9" s="376">
        <v>33556311</v>
      </c>
      <c r="GC9" s="368">
        <v>24599168</v>
      </c>
      <c r="GD9" s="376">
        <v>21524800</v>
      </c>
      <c r="GE9" s="368">
        <v>13720116</v>
      </c>
      <c r="GF9" s="373">
        <v>103666223</v>
      </c>
      <c r="GG9" s="377">
        <v>112485777</v>
      </c>
      <c r="GH9" s="378">
        <v>263299</v>
      </c>
      <c r="GI9" s="368">
        <v>360504</v>
      </c>
      <c r="GJ9" s="376">
        <v>623803</v>
      </c>
      <c r="GK9" s="363">
        <v>0</v>
      </c>
      <c r="GL9" s="368">
        <v>1149366</v>
      </c>
      <c r="GM9" s="364">
        <v>1087440</v>
      </c>
      <c r="GN9" s="368">
        <v>911307</v>
      </c>
      <c r="GO9" s="364">
        <v>907736</v>
      </c>
      <c r="GP9" s="368">
        <v>268320</v>
      </c>
      <c r="GQ9" s="374">
        <v>4324169</v>
      </c>
      <c r="GR9" s="365">
        <v>4947972</v>
      </c>
      <c r="GS9" s="364">
        <v>2163530</v>
      </c>
      <c r="GT9" s="368">
        <v>3300026</v>
      </c>
      <c r="GU9" s="366">
        <v>5463556</v>
      </c>
      <c r="GV9" s="364">
        <v>0</v>
      </c>
      <c r="GW9" s="368">
        <v>3272405</v>
      </c>
      <c r="GX9" s="364">
        <v>3546471</v>
      </c>
      <c r="GY9" s="368">
        <v>1855008</v>
      </c>
      <c r="GZ9" s="364">
        <v>1365056</v>
      </c>
      <c r="HA9" s="368">
        <v>398560</v>
      </c>
      <c r="HB9" s="364">
        <v>10437500</v>
      </c>
      <c r="HC9" s="365">
        <v>15901056</v>
      </c>
      <c r="HD9" s="364">
        <v>10252752</v>
      </c>
      <c r="HE9" s="368">
        <v>12991246</v>
      </c>
      <c r="HF9" s="364">
        <v>23243998</v>
      </c>
      <c r="HG9" s="370">
        <v>0</v>
      </c>
      <c r="HH9" s="368">
        <v>89748119</v>
      </c>
      <c r="HI9" s="376">
        <v>90598548</v>
      </c>
      <c r="HJ9" s="368">
        <v>83215128</v>
      </c>
      <c r="HK9" s="376">
        <v>93120438</v>
      </c>
      <c r="HL9" s="368">
        <v>52440023</v>
      </c>
      <c r="HM9" s="373">
        <v>409122256</v>
      </c>
      <c r="HN9" s="364">
        <v>432366254</v>
      </c>
      <c r="HO9" s="439"/>
      <c r="HP9" s="440"/>
      <c r="HQ9" s="441"/>
      <c r="HR9" s="442"/>
      <c r="HS9" s="440"/>
      <c r="HT9" s="442"/>
      <c r="HU9" s="440"/>
      <c r="HV9" s="442"/>
      <c r="HW9" s="440"/>
      <c r="HX9" s="442"/>
      <c r="HY9" s="443"/>
      <c r="HZ9" s="379">
        <v>697993</v>
      </c>
      <c r="IA9" s="380">
        <v>493410</v>
      </c>
      <c r="IB9" s="381">
        <v>1191403</v>
      </c>
      <c r="IC9" s="382">
        <v>0</v>
      </c>
      <c r="ID9" s="380">
        <v>74521858</v>
      </c>
      <c r="IE9" s="383">
        <v>97699734</v>
      </c>
      <c r="IF9" s="384">
        <v>105115254</v>
      </c>
      <c r="IG9" s="380">
        <v>81860706</v>
      </c>
      <c r="IH9" s="384">
        <v>51714449</v>
      </c>
      <c r="II9" s="385">
        <v>410912001</v>
      </c>
      <c r="IJ9" s="386">
        <v>412103404</v>
      </c>
      <c r="IK9" s="387">
        <v>0</v>
      </c>
      <c r="IL9" s="388">
        <v>0</v>
      </c>
      <c r="IM9" s="389">
        <v>0</v>
      </c>
      <c r="IN9" s="390"/>
      <c r="IO9" s="391">
        <v>1268285</v>
      </c>
      <c r="IP9" s="391">
        <v>2892116</v>
      </c>
      <c r="IQ9" s="391">
        <v>4629820</v>
      </c>
      <c r="IR9" s="391">
        <v>6610951</v>
      </c>
      <c r="IS9" s="391">
        <v>4628756</v>
      </c>
      <c r="IT9" s="392">
        <v>20029928</v>
      </c>
      <c r="IU9" s="393">
        <v>20029928</v>
      </c>
      <c r="IV9" s="394">
        <v>0</v>
      </c>
      <c r="IW9" s="391">
        <v>0</v>
      </c>
      <c r="IX9" s="395">
        <v>0</v>
      </c>
      <c r="IY9" s="396"/>
      <c r="IZ9" s="391">
        <v>161598</v>
      </c>
      <c r="JA9" s="391">
        <v>527339</v>
      </c>
      <c r="JB9" s="391">
        <v>777609</v>
      </c>
      <c r="JC9" s="391">
        <v>927545</v>
      </c>
      <c r="JD9" s="391">
        <v>666557</v>
      </c>
      <c r="JE9" s="395">
        <v>3060648</v>
      </c>
      <c r="JF9" s="397">
        <v>3060648</v>
      </c>
      <c r="JG9" s="394">
        <v>0</v>
      </c>
      <c r="JH9" s="391">
        <v>0</v>
      </c>
      <c r="JI9" s="392">
        <v>0</v>
      </c>
      <c r="JJ9" s="398">
        <v>0</v>
      </c>
      <c r="JK9" s="391">
        <v>34664941</v>
      </c>
      <c r="JL9" s="391">
        <v>38474610</v>
      </c>
      <c r="JM9" s="391">
        <v>26509271</v>
      </c>
      <c r="JN9" s="391">
        <v>14478063</v>
      </c>
      <c r="JO9" s="391">
        <v>7584294</v>
      </c>
      <c r="JP9" s="395">
        <v>121711179</v>
      </c>
      <c r="JQ9" s="393">
        <v>121711179</v>
      </c>
      <c r="JR9" s="394">
        <v>26763</v>
      </c>
      <c r="JS9" s="391">
        <v>0</v>
      </c>
      <c r="JT9" s="392">
        <v>26763</v>
      </c>
      <c r="JU9" s="398">
        <v>0</v>
      </c>
      <c r="JV9" s="391">
        <v>5615847</v>
      </c>
      <c r="JW9" s="391">
        <v>5585011</v>
      </c>
      <c r="JX9" s="391">
        <v>9092133</v>
      </c>
      <c r="JY9" s="391">
        <v>4226752</v>
      </c>
      <c r="JZ9" s="391">
        <v>3216287</v>
      </c>
      <c r="KA9" s="395">
        <v>27736030</v>
      </c>
      <c r="KB9" s="393">
        <v>27762793</v>
      </c>
      <c r="KC9" s="399">
        <v>671230</v>
      </c>
      <c r="KD9" s="400">
        <v>493410</v>
      </c>
      <c r="KE9" s="395">
        <v>1164640</v>
      </c>
      <c r="KF9" s="398">
        <v>0</v>
      </c>
      <c r="KG9" s="391">
        <v>8134697</v>
      </c>
      <c r="KH9" s="391">
        <v>13239733</v>
      </c>
      <c r="KI9" s="391">
        <v>17978549</v>
      </c>
      <c r="KJ9" s="391">
        <v>12708230</v>
      </c>
      <c r="KK9" s="391">
        <v>4631356</v>
      </c>
      <c r="KL9" s="395">
        <v>56692565</v>
      </c>
      <c r="KM9" s="401">
        <v>57857205</v>
      </c>
      <c r="KN9" s="387">
        <v>0</v>
      </c>
      <c r="KO9" s="388">
        <v>0</v>
      </c>
      <c r="KP9" s="389">
        <v>0</v>
      </c>
      <c r="KQ9" s="390"/>
      <c r="KR9" s="391">
        <v>21646095</v>
      </c>
      <c r="KS9" s="391">
        <v>33321133</v>
      </c>
      <c r="KT9" s="391">
        <v>36353390</v>
      </c>
      <c r="KU9" s="391">
        <v>25030332</v>
      </c>
      <c r="KV9" s="391">
        <v>17455137</v>
      </c>
      <c r="KW9" s="395">
        <v>133806087</v>
      </c>
      <c r="KX9" s="393">
        <v>133806087</v>
      </c>
      <c r="KY9" s="394">
        <v>0</v>
      </c>
      <c r="KZ9" s="391">
        <v>0</v>
      </c>
      <c r="LA9" s="395">
        <v>0</v>
      </c>
      <c r="LB9" s="402"/>
      <c r="LC9" s="391">
        <v>321021</v>
      </c>
      <c r="LD9" s="391">
        <v>1003904</v>
      </c>
      <c r="LE9" s="391">
        <v>1720069</v>
      </c>
      <c r="LF9" s="391">
        <v>631896</v>
      </c>
      <c r="LG9" s="391">
        <v>479630</v>
      </c>
      <c r="LH9" s="395">
        <v>4156520</v>
      </c>
      <c r="LI9" s="397">
        <v>4156520</v>
      </c>
      <c r="LJ9" s="394">
        <v>0</v>
      </c>
      <c r="LK9" s="391">
        <v>0</v>
      </c>
      <c r="LL9" s="395">
        <v>0</v>
      </c>
      <c r="LM9" s="402"/>
      <c r="LN9" s="391">
        <v>0</v>
      </c>
      <c r="LO9" s="391">
        <v>549335</v>
      </c>
      <c r="LP9" s="391">
        <v>3457542</v>
      </c>
      <c r="LQ9" s="391">
        <v>6766304</v>
      </c>
      <c r="LR9" s="391">
        <v>2852074</v>
      </c>
      <c r="LS9" s="395">
        <v>13625255</v>
      </c>
      <c r="LT9" s="393">
        <v>13625255</v>
      </c>
      <c r="LU9" s="394">
        <v>0</v>
      </c>
      <c r="LV9" s="391">
        <v>0</v>
      </c>
      <c r="LW9" s="395">
        <v>0</v>
      </c>
      <c r="LX9" s="402"/>
      <c r="LY9" s="391">
        <v>2709374</v>
      </c>
      <c r="LZ9" s="391">
        <v>2106553</v>
      </c>
      <c r="MA9" s="391">
        <v>4596871</v>
      </c>
      <c r="MB9" s="391">
        <v>10480633</v>
      </c>
      <c r="MC9" s="391">
        <v>10200358</v>
      </c>
      <c r="MD9" s="395">
        <v>30093789</v>
      </c>
      <c r="ME9" s="397">
        <v>30093789</v>
      </c>
      <c r="MF9" s="394">
        <v>0</v>
      </c>
      <c r="MG9" s="391">
        <v>0</v>
      </c>
      <c r="MH9" s="395">
        <v>0</v>
      </c>
      <c r="MI9" s="402"/>
      <c r="MJ9" s="391">
        <v>24912030</v>
      </c>
      <c r="MK9" s="391">
        <v>62029540</v>
      </c>
      <c r="ML9" s="391">
        <v>179904259</v>
      </c>
      <c r="MM9" s="391">
        <v>274223623</v>
      </c>
      <c r="MN9" s="391">
        <v>151134456</v>
      </c>
      <c r="MO9" s="395">
        <v>692203908</v>
      </c>
      <c r="MP9" s="401">
        <v>692203908</v>
      </c>
      <c r="MQ9" s="394">
        <v>0</v>
      </c>
      <c r="MR9" s="391">
        <v>0</v>
      </c>
      <c r="MS9" s="395">
        <v>0</v>
      </c>
      <c r="MT9" s="402"/>
      <c r="MU9" s="391">
        <v>2396328</v>
      </c>
      <c r="MV9" s="391">
        <v>13101598</v>
      </c>
      <c r="MW9" s="391">
        <v>111889536</v>
      </c>
      <c r="MX9" s="391">
        <v>180924568</v>
      </c>
      <c r="MY9" s="391">
        <v>95888971</v>
      </c>
      <c r="MZ9" s="395">
        <v>404201001</v>
      </c>
      <c r="NA9" s="401">
        <v>404201001</v>
      </c>
      <c r="NB9" s="394">
        <v>0</v>
      </c>
      <c r="NC9" s="391">
        <v>0</v>
      </c>
      <c r="ND9" s="395">
        <v>0</v>
      </c>
      <c r="NE9" s="402"/>
      <c r="NF9" s="391">
        <v>22515702</v>
      </c>
      <c r="NG9" s="391">
        <v>48697586</v>
      </c>
      <c r="NH9" s="391">
        <v>67359151</v>
      </c>
      <c r="NI9" s="391">
        <v>84297856</v>
      </c>
      <c r="NJ9" s="391">
        <v>46276406</v>
      </c>
      <c r="NK9" s="395">
        <v>269146701</v>
      </c>
      <c r="NL9" s="393">
        <v>269146701</v>
      </c>
      <c r="NM9" s="394">
        <v>0</v>
      </c>
      <c r="NN9" s="391">
        <v>0</v>
      </c>
      <c r="NO9" s="395">
        <v>0</v>
      </c>
      <c r="NP9" s="402"/>
      <c r="NQ9" s="391">
        <v>0</v>
      </c>
      <c r="NR9" s="391">
        <v>0</v>
      </c>
      <c r="NS9" s="391">
        <v>0</v>
      </c>
      <c r="NT9" s="391">
        <v>3698806</v>
      </c>
      <c r="NU9" s="391">
        <v>1673794</v>
      </c>
      <c r="NV9" s="395">
        <v>5372600</v>
      </c>
      <c r="NW9" s="397">
        <v>5372600</v>
      </c>
      <c r="NX9" s="394">
        <v>0</v>
      </c>
      <c r="NY9" s="391">
        <v>0</v>
      </c>
      <c r="NZ9" s="395">
        <v>0</v>
      </c>
      <c r="OA9" s="402"/>
      <c r="OB9" s="391">
        <v>0</v>
      </c>
      <c r="OC9" s="391">
        <v>230356</v>
      </c>
      <c r="OD9" s="391">
        <v>655572</v>
      </c>
      <c r="OE9" s="391">
        <v>5302393</v>
      </c>
      <c r="OF9" s="391">
        <v>7295285</v>
      </c>
      <c r="OG9" s="395">
        <v>13483606</v>
      </c>
      <c r="OH9" s="397">
        <v>13483606</v>
      </c>
      <c r="OI9" s="394">
        <v>27239170</v>
      </c>
      <c r="OJ9" s="391">
        <v>46915573</v>
      </c>
      <c r="OK9" s="392">
        <v>74154743</v>
      </c>
      <c r="OL9" s="398">
        <v>0</v>
      </c>
      <c r="OM9" s="391">
        <v>394639031</v>
      </c>
      <c r="ON9" s="391">
        <v>552938274</v>
      </c>
      <c r="OO9" s="391">
        <v>619076975</v>
      </c>
      <c r="OP9" s="391">
        <v>661136523</v>
      </c>
      <c r="OQ9" s="391">
        <v>409336883</v>
      </c>
      <c r="OR9" s="395">
        <v>2637127686</v>
      </c>
      <c r="OS9" s="401">
        <v>2711282429</v>
      </c>
    </row>
    <row r="10" spans="1:409" s="444" customFormat="1" ht="21" customHeight="1" x14ac:dyDescent="0.2">
      <c r="A10" s="39"/>
      <c r="B10" s="471" t="s">
        <v>5</v>
      </c>
      <c r="C10" s="404">
        <v>11602792</v>
      </c>
      <c r="D10" s="405">
        <v>24495125</v>
      </c>
      <c r="E10" s="406">
        <v>36097917</v>
      </c>
      <c r="F10" s="407">
        <v>0</v>
      </c>
      <c r="G10" s="405">
        <v>108350938</v>
      </c>
      <c r="H10" s="405">
        <v>181929829</v>
      </c>
      <c r="I10" s="405">
        <v>152086142</v>
      </c>
      <c r="J10" s="405">
        <v>133508017</v>
      </c>
      <c r="K10" s="405">
        <v>92876146</v>
      </c>
      <c r="L10" s="407">
        <v>668751072</v>
      </c>
      <c r="M10" s="408">
        <v>704848989</v>
      </c>
      <c r="N10" s="404">
        <v>3919041</v>
      </c>
      <c r="O10" s="405">
        <v>8789200</v>
      </c>
      <c r="P10" s="406">
        <v>12708241</v>
      </c>
      <c r="Q10" s="404">
        <v>0</v>
      </c>
      <c r="R10" s="405">
        <v>37526904</v>
      </c>
      <c r="S10" s="405">
        <v>66556762</v>
      </c>
      <c r="T10" s="405">
        <v>52423100</v>
      </c>
      <c r="U10" s="405">
        <v>50147636</v>
      </c>
      <c r="V10" s="405">
        <v>48023268</v>
      </c>
      <c r="W10" s="406">
        <v>254677670</v>
      </c>
      <c r="X10" s="408">
        <v>267385911</v>
      </c>
      <c r="Y10" s="404">
        <v>0</v>
      </c>
      <c r="Z10" s="405">
        <v>0</v>
      </c>
      <c r="AA10" s="406">
        <v>0</v>
      </c>
      <c r="AB10" s="404">
        <v>0</v>
      </c>
      <c r="AC10" s="405">
        <v>15703778</v>
      </c>
      <c r="AD10" s="405">
        <v>24981980</v>
      </c>
      <c r="AE10" s="405">
        <v>23806899</v>
      </c>
      <c r="AF10" s="405">
        <v>22234347</v>
      </c>
      <c r="AG10" s="405">
        <v>25097285</v>
      </c>
      <c r="AH10" s="406">
        <v>111824289</v>
      </c>
      <c r="AI10" s="408">
        <v>111824289</v>
      </c>
      <c r="AJ10" s="404">
        <v>0</v>
      </c>
      <c r="AK10" s="405">
        <v>8210</v>
      </c>
      <c r="AL10" s="406">
        <v>8210</v>
      </c>
      <c r="AM10" s="404">
        <v>0</v>
      </c>
      <c r="AN10" s="405">
        <v>0</v>
      </c>
      <c r="AO10" s="405">
        <v>499542</v>
      </c>
      <c r="AP10" s="405">
        <v>1140578</v>
      </c>
      <c r="AQ10" s="405">
        <v>3621082</v>
      </c>
      <c r="AR10" s="405">
        <v>6383931</v>
      </c>
      <c r="AS10" s="406">
        <v>11645133</v>
      </c>
      <c r="AT10" s="408">
        <v>11653343</v>
      </c>
      <c r="AU10" s="404">
        <v>2281870</v>
      </c>
      <c r="AV10" s="405">
        <v>5896926</v>
      </c>
      <c r="AW10" s="406">
        <v>8178796</v>
      </c>
      <c r="AX10" s="404">
        <v>0</v>
      </c>
      <c r="AY10" s="405">
        <v>14719459</v>
      </c>
      <c r="AZ10" s="405">
        <v>30714818</v>
      </c>
      <c r="BA10" s="405">
        <v>18563109</v>
      </c>
      <c r="BB10" s="405">
        <v>15673661</v>
      </c>
      <c r="BC10" s="405">
        <v>11028649</v>
      </c>
      <c r="BD10" s="406">
        <v>90699696</v>
      </c>
      <c r="BE10" s="408">
        <v>98878492</v>
      </c>
      <c r="BF10" s="404">
        <v>128083</v>
      </c>
      <c r="BG10" s="405">
        <v>754832</v>
      </c>
      <c r="BH10" s="409">
        <v>882915</v>
      </c>
      <c r="BI10" s="410">
        <v>0</v>
      </c>
      <c r="BJ10" s="405">
        <v>856937</v>
      </c>
      <c r="BK10" s="405">
        <v>1456718</v>
      </c>
      <c r="BL10" s="405">
        <v>1039154</v>
      </c>
      <c r="BM10" s="405">
        <v>1057466</v>
      </c>
      <c r="BN10" s="405">
        <v>595333</v>
      </c>
      <c r="BO10" s="406">
        <v>5005608</v>
      </c>
      <c r="BP10" s="408">
        <v>5888523</v>
      </c>
      <c r="BQ10" s="404">
        <v>1509088</v>
      </c>
      <c r="BR10" s="405">
        <v>2129232</v>
      </c>
      <c r="BS10" s="406">
        <v>3638320</v>
      </c>
      <c r="BT10" s="404">
        <v>0</v>
      </c>
      <c r="BU10" s="405">
        <v>6246730</v>
      </c>
      <c r="BV10" s="405">
        <v>8903704</v>
      </c>
      <c r="BW10" s="405">
        <v>7873360</v>
      </c>
      <c r="BX10" s="405">
        <v>7561080</v>
      </c>
      <c r="BY10" s="405">
        <v>4918070</v>
      </c>
      <c r="BZ10" s="406">
        <v>35502944</v>
      </c>
      <c r="CA10" s="408">
        <v>39141264</v>
      </c>
      <c r="CB10" s="404">
        <v>1605223</v>
      </c>
      <c r="CC10" s="405">
        <v>3748146</v>
      </c>
      <c r="CD10" s="406">
        <v>5353369</v>
      </c>
      <c r="CE10" s="404">
        <v>0</v>
      </c>
      <c r="CF10" s="405">
        <v>29901573</v>
      </c>
      <c r="CG10" s="405">
        <v>48580044</v>
      </c>
      <c r="CH10" s="405">
        <v>34394276</v>
      </c>
      <c r="CI10" s="405">
        <v>19331538</v>
      </c>
      <c r="CJ10" s="405">
        <v>8298094</v>
      </c>
      <c r="CK10" s="406">
        <v>140505525</v>
      </c>
      <c r="CL10" s="408">
        <v>145858894</v>
      </c>
      <c r="CM10" s="404">
        <v>0</v>
      </c>
      <c r="CN10" s="405">
        <v>0</v>
      </c>
      <c r="CO10" s="406">
        <v>0</v>
      </c>
      <c r="CP10" s="410">
        <v>0</v>
      </c>
      <c r="CQ10" s="405">
        <v>24328412</v>
      </c>
      <c r="CR10" s="405">
        <v>35082433</v>
      </c>
      <c r="CS10" s="405">
        <v>23344552</v>
      </c>
      <c r="CT10" s="405">
        <v>11419676</v>
      </c>
      <c r="CU10" s="405">
        <v>5975408</v>
      </c>
      <c r="CV10" s="406">
        <v>100150481</v>
      </c>
      <c r="CW10" s="408">
        <v>100150481</v>
      </c>
      <c r="CX10" s="404">
        <v>1605223</v>
      </c>
      <c r="CY10" s="405">
        <v>3748146</v>
      </c>
      <c r="CZ10" s="406">
        <v>5353369</v>
      </c>
      <c r="DA10" s="404">
        <v>0</v>
      </c>
      <c r="DB10" s="405">
        <v>5573161</v>
      </c>
      <c r="DC10" s="405">
        <v>13497611</v>
      </c>
      <c r="DD10" s="405">
        <v>11049724</v>
      </c>
      <c r="DE10" s="405">
        <v>7911862</v>
      </c>
      <c r="DF10" s="405">
        <v>2322686</v>
      </c>
      <c r="DG10" s="406">
        <v>40355044</v>
      </c>
      <c r="DH10" s="408">
        <v>45708413</v>
      </c>
      <c r="DI10" s="404">
        <v>68976</v>
      </c>
      <c r="DJ10" s="405">
        <v>551401</v>
      </c>
      <c r="DK10" s="409">
        <v>620377</v>
      </c>
      <c r="DL10" s="410">
        <v>0</v>
      </c>
      <c r="DM10" s="405">
        <v>3921796</v>
      </c>
      <c r="DN10" s="405">
        <v>7304361</v>
      </c>
      <c r="DO10" s="405">
        <v>14441090</v>
      </c>
      <c r="DP10" s="405">
        <v>9756600</v>
      </c>
      <c r="DQ10" s="405">
        <v>5496886</v>
      </c>
      <c r="DR10" s="406">
        <v>40920733</v>
      </c>
      <c r="DS10" s="408">
        <v>41541110</v>
      </c>
      <c r="DT10" s="404">
        <v>68976</v>
      </c>
      <c r="DU10" s="405">
        <v>402945</v>
      </c>
      <c r="DV10" s="406">
        <v>471921</v>
      </c>
      <c r="DW10" s="404">
        <v>0</v>
      </c>
      <c r="DX10" s="405">
        <v>3110235</v>
      </c>
      <c r="DY10" s="405">
        <v>5629218</v>
      </c>
      <c r="DZ10" s="405">
        <v>11588179</v>
      </c>
      <c r="EA10" s="405">
        <v>8155727</v>
      </c>
      <c r="EB10" s="405">
        <v>4457117</v>
      </c>
      <c r="EC10" s="406">
        <v>32940476</v>
      </c>
      <c r="ED10" s="408">
        <v>33412397</v>
      </c>
      <c r="EE10" s="404">
        <v>0</v>
      </c>
      <c r="EF10" s="409">
        <v>148456</v>
      </c>
      <c r="EG10" s="406">
        <v>148456</v>
      </c>
      <c r="EH10" s="404">
        <v>0</v>
      </c>
      <c r="EI10" s="405">
        <v>811561</v>
      </c>
      <c r="EJ10" s="405">
        <v>1675143</v>
      </c>
      <c r="EK10" s="405">
        <v>2852911</v>
      </c>
      <c r="EL10" s="405">
        <v>1600873</v>
      </c>
      <c r="EM10" s="405">
        <v>1039769</v>
      </c>
      <c r="EN10" s="409">
        <v>7980257</v>
      </c>
      <c r="EO10" s="408">
        <v>8128713</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1951967</v>
      </c>
      <c r="FM10" s="405">
        <v>4339726</v>
      </c>
      <c r="FN10" s="406">
        <v>6291693</v>
      </c>
      <c r="FO10" s="404">
        <v>0</v>
      </c>
      <c r="FP10" s="405">
        <v>4444493</v>
      </c>
      <c r="FQ10" s="405">
        <v>17304970</v>
      </c>
      <c r="FR10" s="405">
        <v>12006803</v>
      </c>
      <c r="FS10" s="405">
        <v>9604496</v>
      </c>
      <c r="FT10" s="405">
        <v>5964132</v>
      </c>
      <c r="FU10" s="406">
        <v>49324894</v>
      </c>
      <c r="FV10" s="408">
        <v>55616587</v>
      </c>
      <c r="FW10" s="412">
        <v>848024</v>
      </c>
      <c r="FX10" s="405">
        <v>2967422</v>
      </c>
      <c r="FY10" s="409">
        <v>3815446</v>
      </c>
      <c r="FZ10" s="410">
        <v>0</v>
      </c>
      <c r="GA10" s="405">
        <v>3332512</v>
      </c>
      <c r="GB10" s="405">
        <v>14998376</v>
      </c>
      <c r="GC10" s="405">
        <v>10649360</v>
      </c>
      <c r="GD10" s="405">
        <v>8756264</v>
      </c>
      <c r="GE10" s="405">
        <v>5726828</v>
      </c>
      <c r="GF10" s="406">
        <v>43463340</v>
      </c>
      <c r="GG10" s="413">
        <v>47278786</v>
      </c>
      <c r="GH10" s="412">
        <v>16403</v>
      </c>
      <c r="GI10" s="405">
        <v>253392</v>
      </c>
      <c r="GJ10" s="409">
        <v>269795</v>
      </c>
      <c r="GK10" s="410">
        <v>0</v>
      </c>
      <c r="GL10" s="405">
        <v>343504</v>
      </c>
      <c r="GM10" s="405">
        <v>693462</v>
      </c>
      <c r="GN10" s="405">
        <v>378771</v>
      </c>
      <c r="GO10" s="405">
        <v>455912</v>
      </c>
      <c r="GP10" s="405">
        <v>127704</v>
      </c>
      <c r="GQ10" s="406">
        <v>1999353</v>
      </c>
      <c r="GR10" s="408">
        <v>2269148</v>
      </c>
      <c r="GS10" s="404">
        <v>1087540</v>
      </c>
      <c r="GT10" s="405">
        <v>1118912</v>
      </c>
      <c r="GU10" s="406">
        <v>2206452</v>
      </c>
      <c r="GV10" s="404">
        <v>0</v>
      </c>
      <c r="GW10" s="405">
        <v>768477</v>
      </c>
      <c r="GX10" s="405">
        <v>1613132</v>
      </c>
      <c r="GY10" s="405">
        <v>978672</v>
      </c>
      <c r="GZ10" s="405">
        <v>392320</v>
      </c>
      <c r="HA10" s="405">
        <v>109600</v>
      </c>
      <c r="HB10" s="409">
        <v>3862201</v>
      </c>
      <c r="HC10" s="408">
        <v>6068653</v>
      </c>
      <c r="HD10" s="404">
        <v>4057585</v>
      </c>
      <c r="HE10" s="405">
        <v>7066652</v>
      </c>
      <c r="HF10" s="409">
        <v>11124237</v>
      </c>
      <c r="HG10" s="410">
        <v>0</v>
      </c>
      <c r="HH10" s="405">
        <v>32556172</v>
      </c>
      <c r="HI10" s="405">
        <v>42183692</v>
      </c>
      <c r="HJ10" s="405">
        <v>38820873</v>
      </c>
      <c r="HK10" s="405">
        <v>44667747</v>
      </c>
      <c r="HL10" s="405">
        <v>25093766</v>
      </c>
      <c r="HM10" s="406">
        <v>183322250</v>
      </c>
      <c r="HN10" s="407">
        <v>194446487</v>
      </c>
      <c r="HO10" s="445"/>
      <c r="HP10" s="446"/>
      <c r="HQ10" s="447"/>
      <c r="HR10" s="448"/>
      <c r="HS10" s="446"/>
      <c r="HT10" s="446"/>
      <c r="HU10" s="446"/>
      <c r="HV10" s="446"/>
      <c r="HW10" s="446"/>
      <c r="HX10" s="449"/>
      <c r="HY10" s="450"/>
      <c r="HZ10" s="414">
        <v>304113</v>
      </c>
      <c r="IA10" s="415">
        <v>336772</v>
      </c>
      <c r="IB10" s="416">
        <v>640885</v>
      </c>
      <c r="IC10" s="417">
        <v>0</v>
      </c>
      <c r="ID10" s="418">
        <v>28155682</v>
      </c>
      <c r="IE10" s="419">
        <v>43462771</v>
      </c>
      <c r="IF10" s="420">
        <v>39549842</v>
      </c>
      <c r="IG10" s="418">
        <v>36727061</v>
      </c>
      <c r="IH10" s="420">
        <v>25810615</v>
      </c>
      <c r="II10" s="421">
        <v>173705971</v>
      </c>
      <c r="IJ10" s="422">
        <v>174346856</v>
      </c>
      <c r="IK10" s="423">
        <v>0</v>
      </c>
      <c r="IL10" s="424">
        <v>0</v>
      </c>
      <c r="IM10" s="425">
        <v>0</v>
      </c>
      <c r="IN10" s="426"/>
      <c r="IO10" s="427">
        <v>352776</v>
      </c>
      <c r="IP10" s="427">
        <v>1427819</v>
      </c>
      <c r="IQ10" s="427">
        <v>1981450</v>
      </c>
      <c r="IR10" s="427">
        <v>4374060</v>
      </c>
      <c r="IS10" s="427">
        <v>2230112</v>
      </c>
      <c r="IT10" s="428">
        <v>10366217</v>
      </c>
      <c r="IU10" s="429">
        <v>10366217</v>
      </c>
      <c r="IV10" s="430">
        <v>0</v>
      </c>
      <c r="IW10" s="427">
        <v>0</v>
      </c>
      <c r="IX10" s="431">
        <v>0</v>
      </c>
      <c r="IY10" s="432"/>
      <c r="IZ10" s="427">
        <v>99258</v>
      </c>
      <c r="JA10" s="427">
        <v>436062</v>
      </c>
      <c r="JB10" s="427">
        <v>450936</v>
      </c>
      <c r="JC10" s="427">
        <v>892247</v>
      </c>
      <c r="JD10" s="427">
        <v>533789</v>
      </c>
      <c r="JE10" s="431">
        <v>2412292</v>
      </c>
      <c r="JF10" s="433">
        <v>2412292</v>
      </c>
      <c r="JG10" s="430">
        <v>0</v>
      </c>
      <c r="JH10" s="427">
        <v>0</v>
      </c>
      <c r="JI10" s="428">
        <v>0</v>
      </c>
      <c r="JJ10" s="434">
        <v>0</v>
      </c>
      <c r="JK10" s="427">
        <v>13732799</v>
      </c>
      <c r="JL10" s="427">
        <v>18130039</v>
      </c>
      <c r="JM10" s="427">
        <v>12255891</v>
      </c>
      <c r="JN10" s="427">
        <v>7566488</v>
      </c>
      <c r="JO10" s="427">
        <v>3738861</v>
      </c>
      <c r="JP10" s="431">
        <v>55424078</v>
      </c>
      <c r="JQ10" s="429">
        <v>55424078</v>
      </c>
      <c r="JR10" s="430">
        <v>0</v>
      </c>
      <c r="JS10" s="427">
        <v>0</v>
      </c>
      <c r="JT10" s="428">
        <v>0</v>
      </c>
      <c r="JU10" s="434">
        <v>0</v>
      </c>
      <c r="JV10" s="427">
        <v>2845715</v>
      </c>
      <c r="JW10" s="427">
        <v>2841829</v>
      </c>
      <c r="JX10" s="427">
        <v>4893000</v>
      </c>
      <c r="JY10" s="427">
        <v>2260849</v>
      </c>
      <c r="JZ10" s="427">
        <v>1685596</v>
      </c>
      <c r="KA10" s="431">
        <v>14526989</v>
      </c>
      <c r="KB10" s="429">
        <v>14526989</v>
      </c>
      <c r="KC10" s="435">
        <v>304113</v>
      </c>
      <c r="KD10" s="436">
        <v>336772</v>
      </c>
      <c r="KE10" s="431">
        <v>640885</v>
      </c>
      <c r="KF10" s="434">
        <v>0</v>
      </c>
      <c r="KG10" s="427">
        <v>2213903</v>
      </c>
      <c r="KH10" s="427">
        <v>6199149</v>
      </c>
      <c r="KI10" s="427">
        <v>6323055</v>
      </c>
      <c r="KJ10" s="427">
        <v>4770172</v>
      </c>
      <c r="KK10" s="427">
        <v>2069014</v>
      </c>
      <c r="KL10" s="431">
        <v>21575293</v>
      </c>
      <c r="KM10" s="437">
        <v>22216178</v>
      </c>
      <c r="KN10" s="423">
        <v>0</v>
      </c>
      <c r="KO10" s="424">
        <v>0</v>
      </c>
      <c r="KP10" s="425">
        <v>0</v>
      </c>
      <c r="KQ10" s="426"/>
      <c r="KR10" s="427">
        <v>8419397</v>
      </c>
      <c r="KS10" s="427">
        <v>13547543</v>
      </c>
      <c r="KT10" s="427">
        <v>11719767</v>
      </c>
      <c r="KU10" s="427">
        <v>11760968</v>
      </c>
      <c r="KV10" s="427">
        <v>7803372</v>
      </c>
      <c r="KW10" s="431">
        <v>53251047</v>
      </c>
      <c r="KX10" s="429">
        <v>53251047</v>
      </c>
      <c r="KY10" s="430">
        <v>0</v>
      </c>
      <c r="KZ10" s="427">
        <v>0</v>
      </c>
      <c r="LA10" s="431">
        <v>0</v>
      </c>
      <c r="LB10" s="438"/>
      <c r="LC10" s="427">
        <v>0</v>
      </c>
      <c r="LD10" s="427">
        <v>0</v>
      </c>
      <c r="LE10" s="427">
        <v>0</v>
      </c>
      <c r="LF10" s="427">
        <v>0</v>
      </c>
      <c r="LG10" s="427">
        <v>0</v>
      </c>
      <c r="LH10" s="431">
        <v>0</v>
      </c>
      <c r="LI10" s="433">
        <v>0</v>
      </c>
      <c r="LJ10" s="430">
        <v>0</v>
      </c>
      <c r="LK10" s="427">
        <v>0</v>
      </c>
      <c r="LL10" s="431">
        <v>0</v>
      </c>
      <c r="LM10" s="438"/>
      <c r="LN10" s="427">
        <v>0</v>
      </c>
      <c r="LO10" s="427">
        <v>250024</v>
      </c>
      <c r="LP10" s="427">
        <v>828251</v>
      </c>
      <c r="LQ10" s="427">
        <v>1159721</v>
      </c>
      <c r="LR10" s="427">
        <v>1414890</v>
      </c>
      <c r="LS10" s="431">
        <v>3652886</v>
      </c>
      <c r="LT10" s="429">
        <v>3652886</v>
      </c>
      <c r="LU10" s="430">
        <v>0</v>
      </c>
      <c r="LV10" s="427">
        <v>0</v>
      </c>
      <c r="LW10" s="431">
        <v>0</v>
      </c>
      <c r="LX10" s="438"/>
      <c r="LY10" s="427">
        <v>491834</v>
      </c>
      <c r="LZ10" s="427">
        <v>630306</v>
      </c>
      <c r="MA10" s="427">
        <v>1097492</v>
      </c>
      <c r="MB10" s="427">
        <v>3942556</v>
      </c>
      <c r="MC10" s="427">
        <v>6334981</v>
      </c>
      <c r="MD10" s="431">
        <v>12497169</v>
      </c>
      <c r="ME10" s="433">
        <v>12497169</v>
      </c>
      <c r="MF10" s="430">
        <v>0</v>
      </c>
      <c r="MG10" s="427">
        <v>0</v>
      </c>
      <c r="MH10" s="431">
        <v>0</v>
      </c>
      <c r="MI10" s="438"/>
      <c r="MJ10" s="427">
        <v>10872388</v>
      </c>
      <c r="MK10" s="427">
        <v>40467639</v>
      </c>
      <c r="ML10" s="427">
        <v>94714860</v>
      </c>
      <c r="MM10" s="427">
        <v>121428328</v>
      </c>
      <c r="MN10" s="427">
        <v>70524409</v>
      </c>
      <c r="MO10" s="431">
        <v>338007624</v>
      </c>
      <c r="MP10" s="437">
        <v>338007624</v>
      </c>
      <c r="MQ10" s="430">
        <v>0</v>
      </c>
      <c r="MR10" s="427">
        <v>0</v>
      </c>
      <c r="MS10" s="431">
        <v>0</v>
      </c>
      <c r="MT10" s="438"/>
      <c r="MU10" s="427">
        <v>1552405</v>
      </c>
      <c r="MV10" s="427">
        <v>11114761</v>
      </c>
      <c r="MW10" s="427">
        <v>59059817</v>
      </c>
      <c r="MX10" s="427">
        <v>75382913</v>
      </c>
      <c r="MY10" s="427">
        <v>44542241</v>
      </c>
      <c r="MZ10" s="431">
        <v>191652137</v>
      </c>
      <c r="NA10" s="437">
        <v>191652137</v>
      </c>
      <c r="NB10" s="430">
        <v>0</v>
      </c>
      <c r="NC10" s="427">
        <v>0</v>
      </c>
      <c r="ND10" s="431">
        <v>0</v>
      </c>
      <c r="NE10" s="438"/>
      <c r="NF10" s="427">
        <v>9319983</v>
      </c>
      <c r="NG10" s="427">
        <v>29352878</v>
      </c>
      <c r="NH10" s="427">
        <v>35321255</v>
      </c>
      <c r="NI10" s="427">
        <v>43086580</v>
      </c>
      <c r="NJ10" s="427">
        <v>23386239</v>
      </c>
      <c r="NK10" s="431">
        <v>140466935</v>
      </c>
      <c r="NL10" s="429">
        <v>140466935</v>
      </c>
      <c r="NM10" s="430">
        <v>0</v>
      </c>
      <c r="NN10" s="427">
        <v>0</v>
      </c>
      <c r="NO10" s="431">
        <v>0</v>
      </c>
      <c r="NP10" s="438"/>
      <c r="NQ10" s="427">
        <v>0</v>
      </c>
      <c r="NR10" s="427">
        <v>0</v>
      </c>
      <c r="NS10" s="427">
        <v>0</v>
      </c>
      <c r="NT10" s="427">
        <v>1584041</v>
      </c>
      <c r="NU10" s="427">
        <v>344334</v>
      </c>
      <c r="NV10" s="431">
        <v>1928375</v>
      </c>
      <c r="NW10" s="433">
        <v>1928375</v>
      </c>
      <c r="NX10" s="430">
        <v>0</v>
      </c>
      <c r="NY10" s="427">
        <v>0</v>
      </c>
      <c r="NZ10" s="431">
        <v>0</v>
      </c>
      <c r="OA10" s="438"/>
      <c r="OB10" s="427">
        <v>0</v>
      </c>
      <c r="OC10" s="427">
        <v>0</v>
      </c>
      <c r="OD10" s="427">
        <v>333788</v>
      </c>
      <c r="OE10" s="427">
        <v>1374794</v>
      </c>
      <c r="OF10" s="427">
        <v>2251595</v>
      </c>
      <c r="OG10" s="431">
        <v>3960177</v>
      </c>
      <c r="OH10" s="433">
        <v>3960177</v>
      </c>
      <c r="OI10" s="430">
        <v>11906905</v>
      </c>
      <c r="OJ10" s="427">
        <v>24831897</v>
      </c>
      <c r="OK10" s="428">
        <v>36738802</v>
      </c>
      <c r="OL10" s="434">
        <v>0</v>
      </c>
      <c r="OM10" s="427">
        <v>147379008</v>
      </c>
      <c r="ON10" s="427">
        <v>265860239</v>
      </c>
      <c r="OO10" s="427">
        <v>286350844</v>
      </c>
      <c r="OP10" s="427">
        <v>291663406</v>
      </c>
      <c r="OQ10" s="427">
        <v>189211170</v>
      </c>
      <c r="OR10" s="431">
        <v>1180464667</v>
      </c>
      <c r="OS10" s="437">
        <v>1217203469</v>
      </c>
    </row>
    <row r="11" spans="1:409" ht="21" customHeight="1" x14ac:dyDescent="0.2">
      <c r="B11" s="472" t="s">
        <v>6</v>
      </c>
      <c r="C11" s="100">
        <v>3631757</v>
      </c>
      <c r="D11" s="104">
        <v>4666563</v>
      </c>
      <c r="E11" s="103">
        <v>8298320</v>
      </c>
      <c r="F11" s="99">
        <v>0</v>
      </c>
      <c r="G11" s="104">
        <v>43365074</v>
      </c>
      <c r="H11" s="104">
        <v>47385373</v>
      </c>
      <c r="I11" s="104">
        <v>39071143</v>
      </c>
      <c r="J11" s="104">
        <v>37397077</v>
      </c>
      <c r="K11" s="104">
        <v>27020141</v>
      </c>
      <c r="L11" s="99">
        <v>194238808</v>
      </c>
      <c r="M11" s="106">
        <v>202537128</v>
      </c>
      <c r="N11" s="100">
        <v>959363</v>
      </c>
      <c r="O11" s="104">
        <v>1653420</v>
      </c>
      <c r="P11" s="103">
        <v>2612783</v>
      </c>
      <c r="Q11" s="100">
        <v>0</v>
      </c>
      <c r="R11" s="104">
        <v>14411357</v>
      </c>
      <c r="S11" s="104">
        <v>15598504</v>
      </c>
      <c r="T11" s="104">
        <v>12517568</v>
      </c>
      <c r="U11" s="104">
        <v>13265162</v>
      </c>
      <c r="V11" s="104">
        <v>12782674</v>
      </c>
      <c r="W11" s="103">
        <v>68575265</v>
      </c>
      <c r="X11" s="106">
        <v>71188048</v>
      </c>
      <c r="Y11" s="100">
        <v>0</v>
      </c>
      <c r="Z11" s="104">
        <v>0</v>
      </c>
      <c r="AA11" s="103">
        <v>0</v>
      </c>
      <c r="AB11" s="100">
        <v>0</v>
      </c>
      <c r="AC11" s="104">
        <v>5310287</v>
      </c>
      <c r="AD11" s="104">
        <v>5841011</v>
      </c>
      <c r="AE11" s="104">
        <v>6000067</v>
      </c>
      <c r="AF11" s="104">
        <v>6544924</v>
      </c>
      <c r="AG11" s="104">
        <v>6313964</v>
      </c>
      <c r="AH11" s="103">
        <v>30010253</v>
      </c>
      <c r="AI11" s="106">
        <v>30010253</v>
      </c>
      <c r="AJ11" s="100">
        <v>0</v>
      </c>
      <c r="AK11" s="104">
        <v>0</v>
      </c>
      <c r="AL11" s="103">
        <v>0</v>
      </c>
      <c r="AM11" s="100">
        <v>0</v>
      </c>
      <c r="AN11" s="104">
        <v>170108</v>
      </c>
      <c r="AO11" s="104">
        <v>158358</v>
      </c>
      <c r="AP11" s="104">
        <v>536557</v>
      </c>
      <c r="AQ11" s="104">
        <v>579288</v>
      </c>
      <c r="AR11" s="104">
        <v>1361364</v>
      </c>
      <c r="AS11" s="103">
        <v>2805675</v>
      </c>
      <c r="AT11" s="106">
        <v>2805675</v>
      </c>
      <c r="AU11" s="100">
        <v>407225</v>
      </c>
      <c r="AV11" s="104">
        <v>1024929</v>
      </c>
      <c r="AW11" s="103">
        <v>1432154</v>
      </c>
      <c r="AX11" s="100">
        <v>0</v>
      </c>
      <c r="AY11" s="104">
        <v>5560561</v>
      </c>
      <c r="AZ11" s="104">
        <v>6264454</v>
      </c>
      <c r="BA11" s="104">
        <v>3273922</v>
      </c>
      <c r="BB11" s="104">
        <v>3433622</v>
      </c>
      <c r="BC11" s="104">
        <v>3326819</v>
      </c>
      <c r="BD11" s="103">
        <v>21859378</v>
      </c>
      <c r="BE11" s="106">
        <v>23291532</v>
      </c>
      <c r="BF11" s="100">
        <v>50082</v>
      </c>
      <c r="BG11" s="104">
        <v>180283</v>
      </c>
      <c r="BH11" s="102">
        <v>230365</v>
      </c>
      <c r="BI11" s="101">
        <v>0</v>
      </c>
      <c r="BJ11" s="104">
        <v>385513</v>
      </c>
      <c r="BK11" s="104">
        <v>556073</v>
      </c>
      <c r="BL11" s="104">
        <v>342462</v>
      </c>
      <c r="BM11" s="104">
        <v>349648</v>
      </c>
      <c r="BN11" s="104">
        <v>136719</v>
      </c>
      <c r="BO11" s="103">
        <v>1770415</v>
      </c>
      <c r="BP11" s="106">
        <v>2000780</v>
      </c>
      <c r="BQ11" s="100">
        <v>502056</v>
      </c>
      <c r="BR11" s="104">
        <v>448208</v>
      </c>
      <c r="BS11" s="103">
        <v>950264</v>
      </c>
      <c r="BT11" s="100">
        <v>0</v>
      </c>
      <c r="BU11" s="104">
        <v>2984888</v>
      </c>
      <c r="BV11" s="104">
        <v>2778608</v>
      </c>
      <c r="BW11" s="104">
        <v>2364560</v>
      </c>
      <c r="BX11" s="104">
        <v>2357680</v>
      </c>
      <c r="BY11" s="104">
        <v>1643808</v>
      </c>
      <c r="BZ11" s="103">
        <v>12129544</v>
      </c>
      <c r="CA11" s="106">
        <v>13079808</v>
      </c>
      <c r="CB11" s="100">
        <v>198284</v>
      </c>
      <c r="CC11" s="104">
        <v>408758</v>
      </c>
      <c r="CD11" s="103">
        <v>607042</v>
      </c>
      <c r="CE11" s="100">
        <v>0</v>
      </c>
      <c r="CF11" s="104">
        <v>11595007</v>
      </c>
      <c r="CG11" s="104">
        <v>14167472</v>
      </c>
      <c r="CH11" s="104">
        <v>8304252</v>
      </c>
      <c r="CI11" s="104">
        <v>5854575</v>
      </c>
      <c r="CJ11" s="104">
        <v>4276928</v>
      </c>
      <c r="CK11" s="103">
        <v>44198234</v>
      </c>
      <c r="CL11" s="106">
        <v>44805276</v>
      </c>
      <c r="CM11" s="100">
        <v>0</v>
      </c>
      <c r="CN11" s="104">
        <v>0</v>
      </c>
      <c r="CO11" s="103">
        <v>0</v>
      </c>
      <c r="CP11" s="101">
        <v>0</v>
      </c>
      <c r="CQ11" s="104">
        <v>9814766</v>
      </c>
      <c r="CR11" s="104">
        <v>10631699</v>
      </c>
      <c r="CS11" s="104">
        <v>5646606</v>
      </c>
      <c r="CT11" s="104">
        <v>4467088</v>
      </c>
      <c r="CU11" s="104">
        <v>3330815</v>
      </c>
      <c r="CV11" s="103">
        <v>33890974</v>
      </c>
      <c r="CW11" s="106">
        <v>33890974</v>
      </c>
      <c r="CX11" s="100">
        <v>198284</v>
      </c>
      <c r="CY11" s="104">
        <v>408758</v>
      </c>
      <c r="CZ11" s="103">
        <v>607042</v>
      </c>
      <c r="DA11" s="100">
        <v>0</v>
      </c>
      <c r="DB11" s="104">
        <v>1780241</v>
      </c>
      <c r="DC11" s="104">
        <v>3535773</v>
      </c>
      <c r="DD11" s="104">
        <v>2657646</v>
      </c>
      <c r="DE11" s="104">
        <v>1387487</v>
      </c>
      <c r="DF11" s="104">
        <v>946113</v>
      </c>
      <c r="DG11" s="103">
        <v>10307260</v>
      </c>
      <c r="DH11" s="106">
        <v>10914302</v>
      </c>
      <c r="DI11" s="100">
        <v>44354</v>
      </c>
      <c r="DJ11" s="104">
        <v>56218</v>
      </c>
      <c r="DK11" s="102">
        <v>100572</v>
      </c>
      <c r="DL11" s="101">
        <v>0</v>
      </c>
      <c r="DM11" s="104">
        <v>1171738</v>
      </c>
      <c r="DN11" s="104">
        <v>1597599</v>
      </c>
      <c r="DO11" s="104">
        <v>3137173</v>
      </c>
      <c r="DP11" s="104">
        <v>2214137</v>
      </c>
      <c r="DQ11" s="104">
        <v>1250109</v>
      </c>
      <c r="DR11" s="103">
        <v>9370756</v>
      </c>
      <c r="DS11" s="106">
        <v>9471328</v>
      </c>
      <c r="DT11" s="100">
        <v>44354</v>
      </c>
      <c r="DU11" s="104">
        <v>56218</v>
      </c>
      <c r="DV11" s="103">
        <v>100572</v>
      </c>
      <c r="DW11" s="100">
        <v>0</v>
      </c>
      <c r="DX11" s="104">
        <v>1111502</v>
      </c>
      <c r="DY11" s="104">
        <v>1597599</v>
      </c>
      <c r="DZ11" s="104">
        <v>2815241</v>
      </c>
      <c r="EA11" s="104">
        <v>1689950</v>
      </c>
      <c r="EB11" s="104">
        <v>871585</v>
      </c>
      <c r="EC11" s="103">
        <v>8085877</v>
      </c>
      <c r="ED11" s="106">
        <v>8186449</v>
      </c>
      <c r="EE11" s="100">
        <v>0</v>
      </c>
      <c r="EF11" s="102">
        <v>0</v>
      </c>
      <c r="EG11" s="103">
        <v>0</v>
      </c>
      <c r="EH11" s="100">
        <v>0</v>
      </c>
      <c r="EI11" s="104">
        <v>60236</v>
      </c>
      <c r="EJ11" s="104">
        <v>0</v>
      </c>
      <c r="EK11" s="104">
        <v>321932</v>
      </c>
      <c r="EL11" s="104">
        <v>524187</v>
      </c>
      <c r="EM11" s="104">
        <v>378524</v>
      </c>
      <c r="EN11" s="102">
        <v>1284879</v>
      </c>
      <c r="EO11" s="106">
        <v>1284879</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615272</v>
      </c>
      <c r="FM11" s="104">
        <v>1124448</v>
      </c>
      <c r="FN11" s="103">
        <v>1739720</v>
      </c>
      <c r="FO11" s="100">
        <v>0</v>
      </c>
      <c r="FP11" s="104">
        <v>2352672</v>
      </c>
      <c r="FQ11" s="104">
        <v>4056464</v>
      </c>
      <c r="FR11" s="104">
        <v>3294456</v>
      </c>
      <c r="FS11" s="104">
        <v>2954464</v>
      </c>
      <c r="FT11" s="104">
        <v>1955648</v>
      </c>
      <c r="FU11" s="103">
        <v>14613704</v>
      </c>
      <c r="FV11" s="106">
        <v>16353424</v>
      </c>
      <c r="FW11" s="105">
        <v>429344</v>
      </c>
      <c r="FX11" s="104">
        <v>636640</v>
      </c>
      <c r="FY11" s="102">
        <v>1065984</v>
      </c>
      <c r="FZ11" s="101">
        <v>0</v>
      </c>
      <c r="GA11" s="104">
        <v>1589296</v>
      </c>
      <c r="GB11" s="104">
        <v>3343888</v>
      </c>
      <c r="GC11" s="104">
        <v>2879560</v>
      </c>
      <c r="GD11" s="104">
        <v>2733200</v>
      </c>
      <c r="GE11" s="104">
        <v>1888512</v>
      </c>
      <c r="GF11" s="103">
        <v>12434456</v>
      </c>
      <c r="GG11" s="296">
        <v>13500440</v>
      </c>
      <c r="GH11" s="105">
        <v>56568</v>
      </c>
      <c r="GI11" s="104">
        <v>46280</v>
      </c>
      <c r="GJ11" s="102">
        <v>102848</v>
      </c>
      <c r="GK11" s="101">
        <v>0</v>
      </c>
      <c r="GL11" s="104">
        <v>176176</v>
      </c>
      <c r="GM11" s="104">
        <v>43264</v>
      </c>
      <c r="GN11" s="104">
        <v>102176</v>
      </c>
      <c r="GO11" s="104">
        <v>133264</v>
      </c>
      <c r="GP11" s="104">
        <v>67136</v>
      </c>
      <c r="GQ11" s="103">
        <v>522016</v>
      </c>
      <c r="GR11" s="106">
        <v>624864</v>
      </c>
      <c r="GS11" s="100">
        <v>129360</v>
      </c>
      <c r="GT11" s="104">
        <v>441528</v>
      </c>
      <c r="GU11" s="103">
        <v>570888</v>
      </c>
      <c r="GV11" s="100">
        <v>0</v>
      </c>
      <c r="GW11" s="104">
        <v>587200</v>
      </c>
      <c r="GX11" s="104">
        <v>669312</v>
      </c>
      <c r="GY11" s="104">
        <v>312720</v>
      </c>
      <c r="GZ11" s="104">
        <v>88000</v>
      </c>
      <c r="HA11" s="104">
        <v>0</v>
      </c>
      <c r="HB11" s="102">
        <v>1657232</v>
      </c>
      <c r="HC11" s="106">
        <v>2228120</v>
      </c>
      <c r="HD11" s="100">
        <v>1814484</v>
      </c>
      <c r="HE11" s="104">
        <v>1423719</v>
      </c>
      <c r="HF11" s="102">
        <v>3238203</v>
      </c>
      <c r="HG11" s="101">
        <v>0</v>
      </c>
      <c r="HH11" s="104">
        <v>13834300</v>
      </c>
      <c r="HI11" s="104">
        <v>11965334</v>
      </c>
      <c r="HJ11" s="104">
        <v>11817694</v>
      </c>
      <c r="HK11" s="104">
        <v>13108739</v>
      </c>
      <c r="HL11" s="104">
        <v>6754782</v>
      </c>
      <c r="HM11" s="103">
        <v>57480849</v>
      </c>
      <c r="HN11" s="99">
        <v>60719052</v>
      </c>
      <c r="HO11" s="306"/>
      <c r="HP11" s="307"/>
      <c r="HQ11" s="308"/>
      <c r="HR11" s="309"/>
      <c r="HS11" s="307"/>
      <c r="HT11" s="307"/>
      <c r="HU11" s="307"/>
      <c r="HV11" s="307"/>
      <c r="HW11" s="307"/>
      <c r="HX11" s="310"/>
      <c r="HY11" s="311"/>
      <c r="HZ11" s="118">
        <v>183216</v>
      </c>
      <c r="IA11" s="119">
        <v>0</v>
      </c>
      <c r="IB11" s="120">
        <v>183216</v>
      </c>
      <c r="IC11" s="133">
        <v>0</v>
      </c>
      <c r="ID11" s="119">
        <v>13876969</v>
      </c>
      <c r="IE11" s="134">
        <v>11560543</v>
      </c>
      <c r="IF11" s="120">
        <v>12897163</v>
      </c>
      <c r="IG11" s="119">
        <v>13611903</v>
      </c>
      <c r="IH11" s="120">
        <v>7549185</v>
      </c>
      <c r="II11" s="135">
        <v>59495763</v>
      </c>
      <c r="IJ11" s="126">
        <v>59678979</v>
      </c>
      <c r="IK11" s="219">
        <v>0</v>
      </c>
      <c r="IL11" s="223">
        <v>0</v>
      </c>
      <c r="IM11" s="224">
        <v>0</v>
      </c>
      <c r="IN11" s="127"/>
      <c r="IO11" s="109">
        <v>300593</v>
      </c>
      <c r="IP11" s="109">
        <v>319604</v>
      </c>
      <c r="IQ11" s="109">
        <v>330761</v>
      </c>
      <c r="IR11" s="109">
        <v>1127617</v>
      </c>
      <c r="IS11" s="109">
        <v>752294</v>
      </c>
      <c r="IT11" s="128">
        <v>2830869</v>
      </c>
      <c r="IU11" s="298">
        <v>2830869</v>
      </c>
      <c r="IV11" s="129">
        <v>0</v>
      </c>
      <c r="IW11" s="109">
        <v>0</v>
      </c>
      <c r="IX11" s="110">
        <v>0</v>
      </c>
      <c r="IY11" s="131"/>
      <c r="IZ11" s="109">
        <v>51648</v>
      </c>
      <c r="JA11" s="109">
        <v>91277</v>
      </c>
      <c r="JB11" s="109">
        <v>288893</v>
      </c>
      <c r="JC11" s="109">
        <v>35298</v>
      </c>
      <c r="JD11" s="109">
        <v>132768</v>
      </c>
      <c r="JE11" s="110">
        <v>599884</v>
      </c>
      <c r="JF11" s="111">
        <v>599884</v>
      </c>
      <c r="JG11" s="129">
        <v>0</v>
      </c>
      <c r="JH11" s="109">
        <v>0</v>
      </c>
      <c r="JI11" s="128">
        <v>0</v>
      </c>
      <c r="JJ11" s="108">
        <v>0</v>
      </c>
      <c r="JK11" s="109">
        <v>3666448</v>
      </c>
      <c r="JL11" s="109">
        <v>3366260</v>
      </c>
      <c r="JM11" s="109">
        <v>2005515</v>
      </c>
      <c r="JN11" s="109">
        <v>2342073</v>
      </c>
      <c r="JO11" s="109">
        <v>1112457</v>
      </c>
      <c r="JP11" s="110">
        <v>12492753</v>
      </c>
      <c r="JQ11" s="298">
        <v>12492753</v>
      </c>
      <c r="JR11" s="129">
        <v>0</v>
      </c>
      <c r="JS11" s="109">
        <v>0</v>
      </c>
      <c r="JT11" s="128">
        <v>0</v>
      </c>
      <c r="JU11" s="108">
        <v>0</v>
      </c>
      <c r="JV11" s="109">
        <v>1529945</v>
      </c>
      <c r="JW11" s="109">
        <v>892170</v>
      </c>
      <c r="JX11" s="109">
        <v>1510382</v>
      </c>
      <c r="JY11" s="109">
        <v>627327</v>
      </c>
      <c r="JZ11" s="109">
        <v>982086</v>
      </c>
      <c r="KA11" s="110">
        <v>5541910</v>
      </c>
      <c r="KB11" s="298">
        <v>5541910</v>
      </c>
      <c r="KC11" s="221">
        <v>183216</v>
      </c>
      <c r="KD11" s="217">
        <v>0</v>
      </c>
      <c r="KE11" s="110">
        <v>183216</v>
      </c>
      <c r="KF11" s="108">
        <v>0</v>
      </c>
      <c r="KG11" s="109">
        <v>1569233</v>
      </c>
      <c r="KH11" s="109">
        <v>1536757</v>
      </c>
      <c r="KI11" s="109">
        <v>1653987</v>
      </c>
      <c r="KJ11" s="109">
        <v>2210757</v>
      </c>
      <c r="KK11" s="109">
        <v>850099</v>
      </c>
      <c r="KL11" s="110">
        <v>7820833</v>
      </c>
      <c r="KM11" s="130">
        <v>8004049</v>
      </c>
      <c r="KN11" s="219">
        <v>0</v>
      </c>
      <c r="KO11" s="223">
        <v>0</v>
      </c>
      <c r="KP11" s="224">
        <v>0</v>
      </c>
      <c r="KQ11" s="127"/>
      <c r="KR11" s="109">
        <v>5592031</v>
      </c>
      <c r="KS11" s="109">
        <v>5260151</v>
      </c>
      <c r="KT11" s="109">
        <v>5809827</v>
      </c>
      <c r="KU11" s="109">
        <v>3810007</v>
      </c>
      <c r="KV11" s="109">
        <v>2674342</v>
      </c>
      <c r="KW11" s="110">
        <v>23146358</v>
      </c>
      <c r="KX11" s="298">
        <v>23146358</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0</v>
      </c>
      <c r="LO11" s="109">
        <v>0</v>
      </c>
      <c r="LP11" s="109">
        <v>976083</v>
      </c>
      <c r="LQ11" s="109">
        <v>1739536</v>
      </c>
      <c r="LR11" s="109">
        <v>313126</v>
      </c>
      <c r="LS11" s="110">
        <v>3028745</v>
      </c>
      <c r="LT11" s="298">
        <v>3028745</v>
      </c>
      <c r="LU11" s="129">
        <v>0</v>
      </c>
      <c r="LV11" s="109">
        <v>0</v>
      </c>
      <c r="LW11" s="110">
        <v>0</v>
      </c>
      <c r="LX11" s="132"/>
      <c r="LY11" s="109">
        <v>1167071</v>
      </c>
      <c r="LZ11" s="109">
        <v>94324</v>
      </c>
      <c r="MA11" s="109">
        <v>321715</v>
      </c>
      <c r="MB11" s="109">
        <v>1719288</v>
      </c>
      <c r="MC11" s="109">
        <v>732013</v>
      </c>
      <c r="MD11" s="110">
        <v>4034411</v>
      </c>
      <c r="ME11" s="111">
        <v>4034411</v>
      </c>
      <c r="MF11" s="129">
        <v>0</v>
      </c>
      <c r="MG11" s="109">
        <v>0</v>
      </c>
      <c r="MH11" s="110">
        <v>0</v>
      </c>
      <c r="MI11" s="132"/>
      <c r="MJ11" s="109">
        <v>1632873</v>
      </c>
      <c r="MK11" s="109">
        <v>4603194</v>
      </c>
      <c r="ML11" s="109">
        <v>18005330</v>
      </c>
      <c r="MM11" s="109">
        <v>29633421</v>
      </c>
      <c r="MN11" s="109">
        <v>17528706</v>
      </c>
      <c r="MO11" s="110">
        <v>71403524</v>
      </c>
      <c r="MP11" s="130">
        <v>71403524</v>
      </c>
      <c r="MQ11" s="129">
        <v>0</v>
      </c>
      <c r="MR11" s="109">
        <v>0</v>
      </c>
      <c r="MS11" s="110">
        <v>0</v>
      </c>
      <c r="MT11" s="132"/>
      <c r="MU11" s="109">
        <v>425257</v>
      </c>
      <c r="MV11" s="109">
        <v>411817</v>
      </c>
      <c r="MW11" s="109">
        <v>11710720</v>
      </c>
      <c r="MX11" s="109">
        <v>18804444</v>
      </c>
      <c r="MY11" s="109">
        <v>10792321</v>
      </c>
      <c r="MZ11" s="110">
        <v>42144559</v>
      </c>
      <c r="NA11" s="130">
        <v>42144559</v>
      </c>
      <c r="NB11" s="129">
        <v>0</v>
      </c>
      <c r="NC11" s="109">
        <v>0</v>
      </c>
      <c r="ND11" s="110">
        <v>0</v>
      </c>
      <c r="NE11" s="132"/>
      <c r="NF11" s="109">
        <v>1207616</v>
      </c>
      <c r="NG11" s="109">
        <v>4191377</v>
      </c>
      <c r="NH11" s="109">
        <v>6294610</v>
      </c>
      <c r="NI11" s="109">
        <v>7767466</v>
      </c>
      <c r="NJ11" s="109">
        <v>4533567</v>
      </c>
      <c r="NK11" s="110">
        <v>23994636</v>
      </c>
      <c r="NL11" s="298">
        <v>23994636</v>
      </c>
      <c r="NM11" s="129">
        <v>0</v>
      </c>
      <c r="NN11" s="109">
        <v>0</v>
      </c>
      <c r="NO11" s="110">
        <v>0</v>
      </c>
      <c r="NP11" s="132"/>
      <c r="NQ11" s="109">
        <v>0</v>
      </c>
      <c r="NR11" s="109">
        <v>0</v>
      </c>
      <c r="NS11" s="109">
        <v>0</v>
      </c>
      <c r="NT11" s="109">
        <v>1997478</v>
      </c>
      <c r="NU11" s="109">
        <v>666260</v>
      </c>
      <c r="NV11" s="110">
        <v>2663738</v>
      </c>
      <c r="NW11" s="111">
        <v>2663738</v>
      </c>
      <c r="NX11" s="129">
        <v>0</v>
      </c>
      <c r="NY11" s="109">
        <v>0</v>
      </c>
      <c r="NZ11" s="110">
        <v>0</v>
      </c>
      <c r="OA11" s="132"/>
      <c r="OB11" s="109">
        <v>0</v>
      </c>
      <c r="OC11" s="109">
        <v>0</v>
      </c>
      <c r="OD11" s="109">
        <v>0</v>
      </c>
      <c r="OE11" s="109">
        <v>1064033</v>
      </c>
      <c r="OF11" s="109">
        <v>1536558</v>
      </c>
      <c r="OG11" s="110">
        <v>2600591</v>
      </c>
      <c r="OH11" s="111">
        <v>2600591</v>
      </c>
      <c r="OI11" s="129">
        <v>3814973</v>
      </c>
      <c r="OJ11" s="109">
        <v>4666563</v>
      </c>
      <c r="OK11" s="128">
        <v>8481536</v>
      </c>
      <c r="OL11" s="108">
        <v>0</v>
      </c>
      <c r="OM11" s="109">
        <v>58874916</v>
      </c>
      <c r="ON11" s="109">
        <v>63549110</v>
      </c>
      <c r="OO11" s="109">
        <v>69973636</v>
      </c>
      <c r="OP11" s="109">
        <v>80642401</v>
      </c>
      <c r="OQ11" s="109">
        <v>52098032</v>
      </c>
      <c r="OR11" s="110">
        <v>325138095</v>
      </c>
      <c r="OS11" s="130">
        <v>333619631</v>
      </c>
    </row>
    <row r="12" spans="1:409" ht="21" customHeight="1" x14ac:dyDescent="0.2">
      <c r="B12" s="472" t="s">
        <v>14</v>
      </c>
      <c r="C12" s="100">
        <v>1408960</v>
      </c>
      <c r="D12" s="104">
        <v>2618287</v>
      </c>
      <c r="E12" s="103">
        <v>4027247</v>
      </c>
      <c r="F12" s="99">
        <v>0</v>
      </c>
      <c r="G12" s="104">
        <v>17702772</v>
      </c>
      <c r="H12" s="104">
        <v>27070878</v>
      </c>
      <c r="I12" s="104">
        <v>25274098</v>
      </c>
      <c r="J12" s="104">
        <v>20344659</v>
      </c>
      <c r="K12" s="104">
        <v>13101617</v>
      </c>
      <c r="L12" s="102">
        <v>103494024</v>
      </c>
      <c r="M12" s="106">
        <v>107521271</v>
      </c>
      <c r="N12" s="100">
        <v>421575</v>
      </c>
      <c r="O12" s="104">
        <v>937892</v>
      </c>
      <c r="P12" s="103">
        <v>1359467</v>
      </c>
      <c r="Q12" s="100">
        <v>0</v>
      </c>
      <c r="R12" s="104">
        <v>4707531</v>
      </c>
      <c r="S12" s="104">
        <v>8857334</v>
      </c>
      <c r="T12" s="104">
        <v>8641115</v>
      </c>
      <c r="U12" s="104">
        <v>8205633</v>
      </c>
      <c r="V12" s="104">
        <v>6638390</v>
      </c>
      <c r="W12" s="103">
        <v>37050003</v>
      </c>
      <c r="X12" s="106">
        <v>38409470</v>
      </c>
      <c r="Y12" s="100">
        <v>0</v>
      </c>
      <c r="Z12" s="104">
        <v>0</v>
      </c>
      <c r="AA12" s="103">
        <v>0</v>
      </c>
      <c r="AB12" s="100">
        <v>0</v>
      </c>
      <c r="AC12" s="104">
        <v>1845476</v>
      </c>
      <c r="AD12" s="104">
        <v>4214330</v>
      </c>
      <c r="AE12" s="104">
        <v>4086945</v>
      </c>
      <c r="AF12" s="104">
        <v>4828980</v>
      </c>
      <c r="AG12" s="104">
        <v>3832117</v>
      </c>
      <c r="AH12" s="103">
        <v>18807848</v>
      </c>
      <c r="AI12" s="106">
        <v>18807848</v>
      </c>
      <c r="AJ12" s="100">
        <v>0</v>
      </c>
      <c r="AK12" s="104">
        <v>0</v>
      </c>
      <c r="AL12" s="103">
        <v>0</v>
      </c>
      <c r="AM12" s="100">
        <v>0</v>
      </c>
      <c r="AN12" s="104">
        <v>0</v>
      </c>
      <c r="AO12" s="104">
        <v>72940</v>
      </c>
      <c r="AP12" s="104">
        <v>320998</v>
      </c>
      <c r="AQ12" s="104">
        <v>478943</v>
      </c>
      <c r="AR12" s="104">
        <v>499344</v>
      </c>
      <c r="AS12" s="103">
        <v>1372225</v>
      </c>
      <c r="AT12" s="106">
        <v>1372225</v>
      </c>
      <c r="AU12" s="100">
        <v>155567</v>
      </c>
      <c r="AV12" s="104">
        <v>603175</v>
      </c>
      <c r="AW12" s="103">
        <v>758742</v>
      </c>
      <c r="AX12" s="100">
        <v>0</v>
      </c>
      <c r="AY12" s="104">
        <v>1756127</v>
      </c>
      <c r="AZ12" s="104">
        <v>3152082</v>
      </c>
      <c r="BA12" s="104">
        <v>2685102</v>
      </c>
      <c r="BB12" s="104">
        <v>1520220</v>
      </c>
      <c r="BC12" s="104">
        <v>1458969</v>
      </c>
      <c r="BD12" s="103">
        <v>10572500</v>
      </c>
      <c r="BE12" s="106">
        <v>11331242</v>
      </c>
      <c r="BF12" s="100">
        <v>32712</v>
      </c>
      <c r="BG12" s="104">
        <v>91469</v>
      </c>
      <c r="BH12" s="102">
        <v>124181</v>
      </c>
      <c r="BI12" s="101">
        <v>0</v>
      </c>
      <c r="BJ12" s="104">
        <v>31536</v>
      </c>
      <c r="BK12" s="104">
        <v>65366</v>
      </c>
      <c r="BL12" s="104">
        <v>183752</v>
      </c>
      <c r="BM12" s="104">
        <v>195802</v>
      </c>
      <c r="BN12" s="104">
        <v>0</v>
      </c>
      <c r="BO12" s="103">
        <v>476456</v>
      </c>
      <c r="BP12" s="106">
        <v>600637</v>
      </c>
      <c r="BQ12" s="100">
        <v>233296</v>
      </c>
      <c r="BR12" s="104">
        <v>243248</v>
      </c>
      <c r="BS12" s="103">
        <v>476544</v>
      </c>
      <c r="BT12" s="100">
        <v>0</v>
      </c>
      <c r="BU12" s="104">
        <v>1074392</v>
      </c>
      <c r="BV12" s="104">
        <v>1352616</v>
      </c>
      <c r="BW12" s="104">
        <v>1364318</v>
      </c>
      <c r="BX12" s="104">
        <v>1181688</v>
      </c>
      <c r="BY12" s="104">
        <v>847960</v>
      </c>
      <c r="BZ12" s="103">
        <v>5820974</v>
      </c>
      <c r="CA12" s="106">
        <v>6297518</v>
      </c>
      <c r="CB12" s="100">
        <v>100422</v>
      </c>
      <c r="CC12" s="104">
        <v>416261</v>
      </c>
      <c r="CD12" s="103">
        <v>516683</v>
      </c>
      <c r="CE12" s="100">
        <v>0</v>
      </c>
      <c r="CF12" s="104">
        <v>6158602</v>
      </c>
      <c r="CG12" s="104">
        <v>8375986</v>
      </c>
      <c r="CH12" s="104">
        <v>7521479</v>
      </c>
      <c r="CI12" s="104">
        <v>3857822</v>
      </c>
      <c r="CJ12" s="104">
        <v>1036385</v>
      </c>
      <c r="CK12" s="103">
        <v>26950274</v>
      </c>
      <c r="CL12" s="106">
        <v>27466957</v>
      </c>
      <c r="CM12" s="100">
        <v>0</v>
      </c>
      <c r="CN12" s="104">
        <v>0</v>
      </c>
      <c r="CO12" s="103">
        <v>0</v>
      </c>
      <c r="CP12" s="101">
        <v>0</v>
      </c>
      <c r="CQ12" s="104">
        <v>5577496</v>
      </c>
      <c r="CR12" s="104">
        <v>6457379</v>
      </c>
      <c r="CS12" s="104">
        <v>6261556</v>
      </c>
      <c r="CT12" s="104">
        <v>3204796</v>
      </c>
      <c r="CU12" s="104">
        <v>1020217</v>
      </c>
      <c r="CV12" s="103">
        <v>22521444</v>
      </c>
      <c r="CW12" s="106">
        <v>22521444</v>
      </c>
      <c r="CX12" s="100">
        <v>100422</v>
      </c>
      <c r="CY12" s="104">
        <v>416261</v>
      </c>
      <c r="CZ12" s="103">
        <v>516683</v>
      </c>
      <c r="DA12" s="100">
        <v>0</v>
      </c>
      <c r="DB12" s="104">
        <v>581106</v>
      </c>
      <c r="DC12" s="104">
        <v>1918607</v>
      </c>
      <c r="DD12" s="104">
        <v>1259923</v>
      </c>
      <c r="DE12" s="104">
        <v>653026</v>
      </c>
      <c r="DF12" s="104">
        <v>16168</v>
      </c>
      <c r="DG12" s="103">
        <v>4428830</v>
      </c>
      <c r="DH12" s="106">
        <v>4945513</v>
      </c>
      <c r="DI12" s="100">
        <v>35816</v>
      </c>
      <c r="DJ12" s="104">
        <v>0</v>
      </c>
      <c r="DK12" s="102">
        <v>35816</v>
      </c>
      <c r="DL12" s="101">
        <v>0</v>
      </c>
      <c r="DM12" s="104">
        <v>508523</v>
      </c>
      <c r="DN12" s="104">
        <v>1775517</v>
      </c>
      <c r="DO12" s="104">
        <v>1629513</v>
      </c>
      <c r="DP12" s="104">
        <v>1641212</v>
      </c>
      <c r="DQ12" s="104">
        <v>815470</v>
      </c>
      <c r="DR12" s="103">
        <v>6370235</v>
      </c>
      <c r="DS12" s="106">
        <v>6406051</v>
      </c>
      <c r="DT12" s="100">
        <v>35816</v>
      </c>
      <c r="DU12" s="104">
        <v>0</v>
      </c>
      <c r="DV12" s="103">
        <v>35816</v>
      </c>
      <c r="DW12" s="100">
        <v>0</v>
      </c>
      <c r="DX12" s="104">
        <v>508523</v>
      </c>
      <c r="DY12" s="104">
        <v>1717598</v>
      </c>
      <c r="DZ12" s="104">
        <v>1629513</v>
      </c>
      <c r="EA12" s="104">
        <v>1624383</v>
      </c>
      <c r="EB12" s="104">
        <v>765292</v>
      </c>
      <c r="EC12" s="103">
        <v>6245309</v>
      </c>
      <c r="ED12" s="106">
        <v>6281125</v>
      </c>
      <c r="EE12" s="100">
        <v>0</v>
      </c>
      <c r="EF12" s="102">
        <v>0</v>
      </c>
      <c r="EG12" s="103">
        <v>0</v>
      </c>
      <c r="EH12" s="100">
        <v>0</v>
      </c>
      <c r="EI12" s="104">
        <v>0</v>
      </c>
      <c r="EJ12" s="104">
        <v>57919</v>
      </c>
      <c r="EK12" s="104">
        <v>0</v>
      </c>
      <c r="EL12" s="104">
        <v>16829</v>
      </c>
      <c r="EM12" s="104">
        <v>50178</v>
      </c>
      <c r="EN12" s="102">
        <v>124926</v>
      </c>
      <c r="EO12" s="106">
        <v>124926</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167840</v>
      </c>
      <c r="FM12" s="104">
        <v>617432</v>
      </c>
      <c r="FN12" s="103">
        <v>785272</v>
      </c>
      <c r="FO12" s="100">
        <v>0</v>
      </c>
      <c r="FP12" s="104">
        <v>1010288</v>
      </c>
      <c r="FQ12" s="104">
        <v>3281848</v>
      </c>
      <c r="FR12" s="104">
        <v>2185544</v>
      </c>
      <c r="FS12" s="104">
        <v>1877312</v>
      </c>
      <c r="FT12" s="104">
        <v>1018224</v>
      </c>
      <c r="FU12" s="103">
        <v>9373216</v>
      </c>
      <c r="FV12" s="106">
        <v>10158488</v>
      </c>
      <c r="FW12" s="105">
        <v>167840</v>
      </c>
      <c r="FX12" s="104">
        <v>585400</v>
      </c>
      <c r="FY12" s="102">
        <v>753240</v>
      </c>
      <c r="FZ12" s="101">
        <v>0</v>
      </c>
      <c r="GA12" s="104">
        <v>646480</v>
      </c>
      <c r="GB12" s="104">
        <v>2738576</v>
      </c>
      <c r="GC12" s="104">
        <v>1997928</v>
      </c>
      <c r="GD12" s="104">
        <v>1617312</v>
      </c>
      <c r="GE12" s="104">
        <v>972464</v>
      </c>
      <c r="GF12" s="103">
        <v>7972760</v>
      </c>
      <c r="GG12" s="296">
        <v>8726000</v>
      </c>
      <c r="GH12" s="105">
        <v>0</v>
      </c>
      <c r="GI12" s="104">
        <v>32032</v>
      </c>
      <c r="GJ12" s="102">
        <v>32032</v>
      </c>
      <c r="GK12" s="101">
        <v>0</v>
      </c>
      <c r="GL12" s="104">
        <v>19200</v>
      </c>
      <c r="GM12" s="104">
        <v>39072</v>
      </c>
      <c r="GN12" s="104">
        <v>0</v>
      </c>
      <c r="GO12" s="104">
        <v>68000</v>
      </c>
      <c r="GP12" s="104">
        <v>0</v>
      </c>
      <c r="GQ12" s="103">
        <v>126272</v>
      </c>
      <c r="GR12" s="106">
        <v>158304</v>
      </c>
      <c r="GS12" s="100">
        <v>0</v>
      </c>
      <c r="GT12" s="104">
        <v>0</v>
      </c>
      <c r="GU12" s="103">
        <v>0</v>
      </c>
      <c r="GV12" s="100">
        <v>0</v>
      </c>
      <c r="GW12" s="104">
        <v>344608</v>
      </c>
      <c r="GX12" s="104">
        <v>504200</v>
      </c>
      <c r="GY12" s="104">
        <v>187616</v>
      </c>
      <c r="GZ12" s="104">
        <v>192000</v>
      </c>
      <c r="HA12" s="104">
        <v>45760</v>
      </c>
      <c r="HB12" s="102">
        <v>1274184</v>
      </c>
      <c r="HC12" s="106">
        <v>1274184</v>
      </c>
      <c r="HD12" s="100">
        <v>683307</v>
      </c>
      <c r="HE12" s="104">
        <v>646702</v>
      </c>
      <c r="HF12" s="102">
        <v>1330009</v>
      </c>
      <c r="HG12" s="101">
        <v>0</v>
      </c>
      <c r="HH12" s="104">
        <v>5317828</v>
      </c>
      <c r="HI12" s="104">
        <v>4780193</v>
      </c>
      <c r="HJ12" s="104">
        <v>5296447</v>
      </c>
      <c r="HK12" s="104">
        <v>4762680</v>
      </c>
      <c r="HL12" s="104">
        <v>3593148</v>
      </c>
      <c r="HM12" s="103">
        <v>23750296</v>
      </c>
      <c r="HN12" s="99">
        <v>25080305</v>
      </c>
      <c r="HO12" s="306"/>
      <c r="HP12" s="307"/>
      <c r="HQ12" s="308"/>
      <c r="HR12" s="309"/>
      <c r="HS12" s="307"/>
      <c r="HT12" s="307"/>
      <c r="HU12" s="307"/>
      <c r="HV12" s="307"/>
      <c r="HW12" s="307"/>
      <c r="HX12" s="310"/>
      <c r="HY12" s="311"/>
      <c r="HZ12" s="118">
        <v>0</v>
      </c>
      <c r="IA12" s="119">
        <v>77050</v>
      </c>
      <c r="IB12" s="120">
        <v>77050</v>
      </c>
      <c r="IC12" s="121">
        <v>0</v>
      </c>
      <c r="ID12" s="122">
        <v>4033964</v>
      </c>
      <c r="IE12" s="123">
        <v>7847882</v>
      </c>
      <c r="IF12" s="124">
        <v>9276357</v>
      </c>
      <c r="IG12" s="122">
        <v>4926372</v>
      </c>
      <c r="IH12" s="124">
        <v>3201571</v>
      </c>
      <c r="II12" s="125">
        <v>29286146</v>
      </c>
      <c r="IJ12" s="126">
        <v>29363196</v>
      </c>
      <c r="IK12" s="219">
        <v>0</v>
      </c>
      <c r="IL12" s="223">
        <v>0</v>
      </c>
      <c r="IM12" s="224">
        <v>0</v>
      </c>
      <c r="IN12" s="127"/>
      <c r="IO12" s="109">
        <v>152729</v>
      </c>
      <c r="IP12" s="109">
        <v>216703</v>
      </c>
      <c r="IQ12" s="109">
        <v>142289</v>
      </c>
      <c r="IR12" s="109">
        <v>0</v>
      </c>
      <c r="IS12" s="109">
        <v>347208</v>
      </c>
      <c r="IT12" s="128">
        <v>858929</v>
      </c>
      <c r="IU12" s="298">
        <v>858929</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2583968</v>
      </c>
      <c r="JL12" s="109">
        <v>3518320</v>
      </c>
      <c r="JM12" s="109">
        <v>3002221</v>
      </c>
      <c r="JN12" s="109">
        <v>1102777</v>
      </c>
      <c r="JO12" s="109">
        <v>1067888</v>
      </c>
      <c r="JP12" s="110">
        <v>11275174</v>
      </c>
      <c r="JQ12" s="298">
        <v>11275174</v>
      </c>
      <c r="JR12" s="129">
        <v>0</v>
      </c>
      <c r="JS12" s="109">
        <v>0</v>
      </c>
      <c r="JT12" s="128">
        <v>0</v>
      </c>
      <c r="JU12" s="108">
        <v>0</v>
      </c>
      <c r="JV12" s="109">
        <v>0</v>
      </c>
      <c r="JW12" s="109">
        <v>439240</v>
      </c>
      <c r="JX12" s="109">
        <v>259131</v>
      </c>
      <c r="JY12" s="109">
        <v>0</v>
      </c>
      <c r="JZ12" s="109">
        <v>0</v>
      </c>
      <c r="KA12" s="110">
        <v>698371</v>
      </c>
      <c r="KB12" s="298">
        <v>698371</v>
      </c>
      <c r="KC12" s="221">
        <v>0</v>
      </c>
      <c r="KD12" s="217">
        <v>77050</v>
      </c>
      <c r="KE12" s="110">
        <v>77050</v>
      </c>
      <c r="KF12" s="108">
        <v>0</v>
      </c>
      <c r="KG12" s="109">
        <v>915127</v>
      </c>
      <c r="KH12" s="109">
        <v>1582652</v>
      </c>
      <c r="KI12" s="109">
        <v>1459058</v>
      </c>
      <c r="KJ12" s="109">
        <v>984368</v>
      </c>
      <c r="KK12" s="109">
        <v>333844</v>
      </c>
      <c r="KL12" s="110">
        <v>5275049</v>
      </c>
      <c r="KM12" s="130">
        <v>5352099</v>
      </c>
      <c r="KN12" s="219">
        <v>0</v>
      </c>
      <c r="KO12" s="223">
        <v>0</v>
      </c>
      <c r="KP12" s="224">
        <v>0</v>
      </c>
      <c r="KQ12" s="127"/>
      <c r="KR12" s="109">
        <v>239612</v>
      </c>
      <c r="KS12" s="109">
        <v>1988538</v>
      </c>
      <c r="KT12" s="109">
        <v>3708606</v>
      </c>
      <c r="KU12" s="109">
        <v>1996631</v>
      </c>
      <c r="KV12" s="109">
        <v>1098071</v>
      </c>
      <c r="KW12" s="110">
        <v>9031458</v>
      </c>
      <c r="KX12" s="298">
        <v>9031458</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0</v>
      </c>
      <c r="LP12" s="109">
        <v>457468</v>
      </c>
      <c r="LQ12" s="109">
        <v>248836</v>
      </c>
      <c r="LR12" s="109">
        <v>0</v>
      </c>
      <c r="LS12" s="110">
        <v>706304</v>
      </c>
      <c r="LT12" s="298">
        <v>706304</v>
      </c>
      <c r="LU12" s="129">
        <v>0</v>
      </c>
      <c r="LV12" s="109">
        <v>0</v>
      </c>
      <c r="LW12" s="110">
        <v>0</v>
      </c>
      <c r="LX12" s="132"/>
      <c r="LY12" s="109">
        <v>142528</v>
      </c>
      <c r="LZ12" s="109">
        <v>102429</v>
      </c>
      <c r="MA12" s="109">
        <v>247584</v>
      </c>
      <c r="MB12" s="109">
        <v>593760</v>
      </c>
      <c r="MC12" s="109">
        <v>354560</v>
      </c>
      <c r="MD12" s="110">
        <v>1440861</v>
      </c>
      <c r="ME12" s="111">
        <v>1440861</v>
      </c>
      <c r="MF12" s="129">
        <v>0</v>
      </c>
      <c r="MG12" s="109">
        <v>0</v>
      </c>
      <c r="MH12" s="110">
        <v>0</v>
      </c>
      <c r="MI12" s="132"/>
      <c r="MJ12" s="109">
        <v>1958446</v>
      </c>
      <c r="MK12" s="109">
        <v>1454332</v>
      </c>
      <c r="ML12" s="109">
        <v>12454291</v>
      </c>
      <c r="MM12" s="109">
        <v>18906224</v>
      </c>
      <c r="MN12" s="109">
        <v>12825282</v>
      </c>
      <c r="MO12" s="110">
        <v>47598575</v>
      </c>
      <c r="MP12" s="130">
        <v>47598575</v>
      </c>
      <c r="MQ12" s="129">
        <v>0</v>
      </c>
      <c r="MR12" s="109">
        <v>0</v>
      </c>
      <c r="MS12" s="110">
        <v>0</v>
      </c>
      <c r="MT12" s="132"/>
      <c r="MU12" s="109">
        <v>0</v>
      </c>
      <c r="MV12" s="109">
        <v>0</v>
      </c>
      <c r="MW12" s="109">
        <v>8860106</v>
      </c>
      <c r="MX12" s="109">
        <v>14604507</v>
      </c>
      <c r="MY12" s="109">
        <v>7912428</v>
      </c>
      <c r="MZ12" s="110">
        <v>31377041</v>
      </c>
      <c r="NA12" s="130">
        <v>31377041</v>
      </c>
      <c r="NB12" s="129">
        <v>0</v>
      </c>
      <c r="NC12" s="109">
        <v>0</v>
      </c>
      <c r="ND12" s="110">
        <v>0</v>
      </c>
      <c r="NE12" s="132"/>
      <c r="NF12" s="109">
        <v>1958446</v>
      </c>
      <c r="NG12" s="109">
        <v>1454332</v>
      </c>
      <c r="NH12" s="109">
        <v>3594185</v>
      </c>
      <c r="NI12" s="109">
        <v>3409073</v>
      </c>
      <c r="NJ12" s="109">
        <v>2541640</v>
      </c>
      <c r="NK12" s="110">
        <v>12957676</v>
      </c>
      <c r="NL12" s="298">
        <v>12957676</v>
      </c>
      <c r="NM12" s="129">
        <v>0</v>
      </c>
      <c r="NN12" s="109">
        <v>0</v>
      </c>
      <c r="NO12" s="110">
        <v>0</v>
      </c>
      <c r="NP12" s="132"/>
      <c r="NQ12" s="109">
        <v>0</v>
      </c>
      <c r="NR12" s="109">
        <v>0</v>
      </c>
      <c r="NS12" s="109">
        <v>0</v>
      </c>
      <c r="NT12" s="109">
        <v>117287</v>
      </c>
      <c r="NU12" s="109">
        <v>311156</v>
      </c>
      <c r="NV12" s="110">
        <v>428443</v>
      </c>
      <c r="NW12" s="111">
        <v>428443</v>
      </c>
      <c r="NX12" s="129">
        <v>0</v>
      </c>
      <c r="NY12" s="109">
        <v>0</v>
      </c>
      <c r="NZ12" s="110">
        <v>0</v>
      </c>
      <c r="OA12" s="132"/>
      <c r="OB12" s="109">
        <v>0</v>
      </c>
      <c r="OC12" s="109">
        <v>0</v>
      </c>
      <c r="OD12" s="109">
        <v>0</v>
      </c>
      <c r="OE12" s="109">
        <v>775357</v>
      </c>
      <c r="OF12" s="109">
        <v>2060058</v>
      </c>
      <c r="OG12" s="110">
        <v>2835415</v>
      </c>
      <c r="OH12" s="111">
        <v>2835415</v>
      </c>
      <c r="OI12" s="129">
        <v>1408960</v>
      </c>
      <c r="OJ12" s="109">
        <v>2695337</v>
      </c>
      <c r="OK12" s="128">
        <v>4104297</v>
      </c>
      <c r="OL12" s="108">
        <v>0</v>
      </c>
      <c r="OM12" s="109">
        <v>23695182</v>
      </c>
      <c r="ON12" s="109">
        <v>36373092</v>
      </c>
      <c r="OO12" s="109">
        <v>47004746</v>
      </c>
      <c r="OP12" s="109">
        <v>44177255</v>
      </c>
      <c r="OQ12" s="109">
        <v>29128470</v>
      </c>
      <c r="OR12" s="110">
        <v>180378745</v>
      </c>
      <c r="OS12" s="130">
        <v>184483042</v>
      </c>
    </row>
    <row r="13" spans="1:409" ht="21" customHeight="1" x14ac:dyDescent="0.2">
      <c r="B13" s="472" t="s">
        <v>7</v>
      </c>
      <c r="C13" s="100">
        <v>936555</v>
      </c>
      <c r="D13" s="104">
        <v>1524853</v>
      </c>
      <c r="E13" s="103">
        <v>2461408</v>
      </c>
      <c r="F13" s="99">
        <v>0</v>
      </c>
      <c r="G13" s="104">
        <v>24343494</v>
      </c>
      <c r="H13" s="104">
        <v>24991249</v>
      </c>
      <c r="I13" s="104">
        <v>21447308</v>
      </c>
      <c r="J13" s="104">
        <v>16088627</v>
      </c>
      <c r="K13" s="104">
        <v>12084767</v>
      </c>
      <c r="L13" s="99">
        <v>98955445</v>
      </c>
      <c r="M13" s="106">
        <v>101416853</v>
      </c>
      <c r="N13" s="100">
        <v>229668</v>
      </c>
      <c r="O13" s="104">
        <v>245739</v>
      </c>
      <c r="P13" s="103">
        <v>475407</v>
      </c>
      <c r="Q13" s="100">
        <v>0</v>
      </c>
      <c r="R13" s="104">
        <v>7407433</v>
      </c>
      <c r="S13" s="104">
        <v>7660502</v>
      </c>
      <c r="T13" s="104">
        <v>7582852</v>
      </c>
      <c r="U13" s="104">
        <v>7466333</v>
      </c>
      <c r="V13" s="104">
        <v>6800270</v>
      </c>
      <c r="W13" s="103">
        <v>36917390</v>
      </c>
      <c r="X13" s="106">
        <v>37392797</v>
      </c>
      <c r="Y13" s="100">
        <v>0</v>
      </c>
      <c r="Z13" s="104">
        <v>0</v>
      </c>
      <c r="AA13" s="103">
        <v>0</v>
      </c>
      <c r="AB13" s="100">
        <v>0</v>
      </c>
      <c r="AC13" s="104">
        <v>3825208</v>
      </c>
      <c r="AD13" s="104">
        <v>4031116</v>
      </c>
      <c r="AE13" s="104">
        <v>3670416</v>
      </c>
      <c r="AF13" s="104">
        <v>4596404</v>
      </c>
      <c r="AG13" s="104">
        <v>4162160</v>
      </c>
      <c r="AH13" s="103">
        <v>20285304</v>
      </c>
      <c r="AI13" s="106">
        <v>20285304</v>
      </c>
      <c r="AJ13" s="100">
        <v>0</v>
      </c>
      <c r="AK13" s="104">
        <v>0</v>
      </c>
      <c r="AL13" s="103">
        <v>0</v>
      </c>
      <c r="AM13" s="100">
        <v>0</v>
      </c>
      <c r="AN13" s="104">
        <v>0</v>
      </c>
      <c r="AO13" s="104">
        <v>220965</v>
      </c>
      <c r="AP13" s="104">
        <v>403087</v>
      </c>
      <c r="AQ13" s="104">
        <v>724855</v>
      </c>
      <c r="AR13" s="104">
        <v>641873</v>
      </c>
      <c r="AS13" s="103">
        <v>1990780</v>
      </c>
      <c r="AT13" s="106">
        <v>1990780</v>
      </c>
      <c r="AU13" s="100">
        <v>79327</v>
      </c>
      <c r="AV13" s="104">
        <v>94395</v>
      </c>
      <c r="AW13" s="103">
        <v>173722</v>
      </c>
      <c r="AX13" s="100">
        <v>0</v>
      </c>
      <c r="AY13" s="104">
        <v>2041147</v>
      </c>
      <c r="AZ13" s="104">
        <v>2121683</v>
      </c>
      <c r="BA13" s="104">
        <v>1870445</v>
      </c>
      <c r="BB13" s="104">
        <v>1176073</v>
      </c>
      <c r="BC13" s="104">
        <v>1305450</v>
      </c>
      <c r="BD13" s="103">
        <v>8514798</v>
      </c>
      <c r="BE13" s="106">
        <v>8688520</v>
      </c>
      <c r="BF13" s="100">
        <v>5181</v>
      </c>
      <c r="BG13" s="104">
        <v>0</v>
      </c>
      <c r="BH13" s="102">
        <v>5181</v>
      </c>
      <c r="BI13" s="101">
        <v>0</v>
      </c>
      <c r="BJ13" s="104">
        <v>173886</v>
      </c>
      <c r="BK13" s="104">
        <v>124866</v>
      </c>
      <c r="BL13" s="104">
        <v>375579</v>
      </c>
      <c r="BM13" s="104">
        <v>186529</v>
      </c>
      <c r="BN13" s="104">
        <v>31395</v>
      </c>
      <c r="BO13" s="103">
        <v>892255</v>
      </c>
      <c r="BP13" s="106">
        <v>897436</v>
      </c>
      <c r="BQ13" s="100">
        <v>145160</v>
      </c>
      <c r="BR13" s="104">
        <v>151344</v>
      </c>
      <c r="BS13" s="103">
        <v>296504</v>
      </c>
      <c r="BT13" s="100">
        <v>0</v>
      </c>
      <c r="BU13" s="104">
        <v>1367192</v>
      </c>
      <c r="BV13" s="104">
        <v>1161872</v>
      </c>
      <c r="BW13" s="104">
        <v>1263325</v>
      </c>
      <c r="BX13" s="104">
        <v>782472</v>
      </c>
      <c r="BY13" s="104">
        <v>659392</v>
      </c>
      <c r="BZ13" s="103">
        <v>5234253</v>
      </c>
      <c r="CA13" s="106">
        <v>5530757</v>
      </c>
      <c r="CB13" s="100">
        <v>19225</v>
      </c>
      <c r="CC13" s="104">
        <v>116612</v>
      </c>
      <c r="CD13" s="103">
        <v>135837</v>
      </c>
      <c r="CE13" s="100">
        <v>0</v>
      </c>
      <c r="CF13" s="104">
        <v>7525611</v>
      </c>
      <c r="CG13" s="104">
        <v>6195256</v>
      </c>
      <c r="CH13" s="104">
        <v>4047676</v>
      </c>
      <c r="CI13" s="104">
        <v>2041441</v>
      </c>
      <c r="CJ13" s="104">
        <v>1070332</v>
      </c>
      <c r="CK13" s="103">
        <v>20880316</v>
      </c>
      <c r="CL13" s="106">
        <v>21016153</v>
      </c>
      <c r="CM13" s="100">
        <v>0</v>
      </c>
      <c r="CN13" s="104">
        <v>0</v>
      </c>
      <c r="CO13" s="103">
        <v>0</v>
      </c>
      <c r="CP13" s="101">
        <v>0</v>
      </c>
      <c r="CQ13" s="104">
        <v>6575654</v>
      </c>
      <c r="CR13" s="104">
        <v>4798675</v>
      </c>
      <c r="CS13" s="104">
        <v>3217705</v>
      </c>
      <c r="CT13" s="104">
        <v>1625785</v>
      </c>
      <c r="CU13" s="104">
        <v>1017946</v>
      </c>
      <c r="CV13" s="103">
        <v>17235765</v>
      </c>
      <c r="CW13" s="106">
        <v>17235765</v>
      </c>
      <c r="CX13" s="100">
        <v>19225</v>
      </c>
      <c r="CY13" s="104">
        <v>116612</v>
      </c>
      <c r="CZ13" s="103">
        <v>135837</v>
      </c>
      <c r="DA13" s="100">
        <v>0</v>
      </c>
      <c r="DB13" s="104">
        <v>949957</v>
      </c>
      <c r="DC13" s="104">
        <v>1396581</v>
      </c>
      <c r="DD13" s="104">
        <v>829971</v>
      </c>
      <c r="DE13" s="104">
        <v>415656</v>
      </c>
      <c r="DF13" s="104">
        <v>52386</v>
      </c>
      <c r="DG13" s="103">
        <v>3644551</v>
      </c>
      <c r="DH13" s="106">
        <v>3780388</v>
      </c>
      <c r="DI13" s="100">
        <v>0</v>
      </c>
      <c r="DJ13" s="104">
        <v>0</v>
      </c>
      <c r="DK13" s="102">
        <v>0</v>
      </c>
      <c r="DL13" s="101">
        <v>0</v>
      </c>
      <c r="DM13" s="104">
        <v>854286</v>
      </c>
      <c r="DN13" s="104">
        <v>2214674</v>
      </c>
      <c r="DO13" s="104">
        <v>2192392</v>
      </c>
      <c r="DP13" s="104">
        <v>1270724</v>
      </c>
      <c r="DQ13" s="104">
        <v>527457</v>
      </c>
      <c r="DR13" s="103">
        <v>7059533</v>
      </c>
      <c r="DS13" s="106">
        <v>7059533</v>
      </c>
      <c r="DT13" s="100">
        <v>0</v>
      </c>
      <c r="DU13" s="104">
        <v>0</v>
      </c>
      <c r="DV13" s="103">
        <v>0</v>
      </c>
      <c r="DW13" s="100">
        <v>0</v>
      </c>
      <c r="DX13" s="104">
        <v>854286</v>
      </c>
      <c r="DY13" s="104">
        <v>2214674</v>
      </c>
      <c r="DZ13" s="104">
        <v>2192392</v>
      </c>
      <c r="EA13" s="104">
        <v>1106889</v>
      </c>
      <c r="EB13" s="104">
        <v>484905</v>
      </c>
      <c r="EC13" s="103">
        <v>6853146</v>
      </c>
      <c r="ED13" s="106">
        <v>6853146</v>
      </c>
      <c r="EE13" s="100">
        <v>0</v>
      </c>
      <c r="EF13" s="102">
        <v>0</v>
      </c>
      <c r="EG13" s="103">
        <v>0</v>
      </c>
      <c r="EH13" s="100">
        <v>0</v>
      </c>
      <c r="EI13" s="104">
        <v>0</v>
      </c>
      <c r="EJ13" s="104">
        <v>0</v>
      </c>
      <c r="EK13" s="104">
        <v>0</v>
      </c>
      <c r="EL13" s="104">
        <v>163835</v>
      </c>
      <c r="EM13" s="104">
        <v>42552</v>
      </c>
      <c r="EN13" s="102">
        <v>206387</v>
      </c>
      <c r="EO13" s="106">
        <v>206387</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284740</v>
      </c>
      <c r="FM13" s="104">
        <v>174890</v>
      </c>
      <c r="FN13" s="103">
        <v>459630</v>
      </c>
      <c r="FO13" s="100">
        <v>0</v>
      </c>
      <c r="FP13" s="104">
        <v>1090800</v>
      </c>
      <c r="FQ13" s="104">
        <v>2455824</v>
      </c>
      <c r="FR13" s="104">
        <v>1505416</v>
      </c>
      <c r="FS13" s="104">
        <v>1208824</v>
      </c>
      <c r="FT13" s="104">
        <v>1056040</v>
      </c>
      <c r="FU13" s="103">
        <v>7316904</v>
      </c>
      <c r="FV13" s="106">
        <v>7776534</v>
      </c>
      <c r="FW13" s="105">
        <v>72528</v>
      </c>
      <c r="FX13" s="104">
        <v>128948</v>
      </c>
      <c r="FY13" s="102">
        <v>201476</v>
      </c>
      <c r="FZ13" s="101">
        <v>0</v>
      </c>
      <c r="GA13" s="104">
        <v>733680</v>
      </c>
      <c r="GB13" s="104">
        <v>2208960</v>
      </c>
      <c r="GC13" s="104">
        <v>1505416</v>
      </c>
      <c r="GD13" s="104">
        <v>1090824</v>
      </c>
      <c r="GE13" s="104">
        <v>966440</v>
      </c>
      <c r="GF13" s="103">
        <v>6505320</v>
      </c>
      <c r="GG13" s="296">
        <v>6706796</v>
      </c>
      <c r="GH13" s="105">
        <v>69440</v>
      </c>
      <c r="GI13" s="104">
        <v>0</v>
      </c>
      <c r="GJ13" s="102">
        <v>69440</v>
      </c>
      <c r="GK13" s="101">
        <v>0</v>
      </c>
      <c r="GL13" s="104">
        <v>60160</v>
      </c>
      <c r="GM13" s="104">
        <v>66464</v>
      </c>
      <c r="GN13" s="104">
        <v>0</v>
      </c>
      <c r="GO13" s="104">
        <v>39600</v>
      </c>
      <c r="GP13" s="104">
        <v>0</v>
      </c>
      <c r="GQ13" s="103">
        <v>166224</v>
      </c>
      <c r="GR13" s="106">
        <v>235664</v>
      </c>
      <c r="GS13" s="100">
        <v>142772</v>
      </c>
      <c r="GT13" s="104">
        <v>45942</v>
      </c>
      <c r="GU13" s="103">
        <v>188714</v>
      </c>
      <c r="GV13" s="100">
        <v>0</v>
      </c>
      <c r="GW13" s="104">
        <v>296960</v>
      </c>
      <c r="GX13" s="104">
        <v>180400</v>
      </c>
      <c r="GY13" s="104">
        <v>0</v>
      </c>
      <c r="GZ13" s="104">
        <v>78400</v>
      </c>
      <c r="HA13" s="104">
        <v>89600</v>
      </c>
      <c r="HB13" s="102">
        <v>645360</v>
      </c>
      <c r="HC13" s="106">
        <v>834074</v>
      </c>
      <c r="HD13" s="100">
        <v>402922</v>
      </c>
      <c r="HE13" s="104">
        <v>987612</v>
      </c>
      <c r="HF13" s="102">
        <v>1390534</v>
      </c>
      <c r="HG13" s="101">
        <v>0</v>
      </c>
      <c r="HH13" s="104">
        <v>7465364</v>
      </c>
      <c r="HI13" s="104">
        <v>6464993</v>
      </c>
      <c r="HJ13" s="104">
        <v>6118972</v>
      </c>
      <c r="HK13" s="104">
        <v>4101305</v>
      </c>
      <c r="HL13" s="104">
        <v>2630668</v>
      </c>
      <c r="HM13" s="103">
        <v>26781302</v>
      </c>
      <c r="HN13" s="99">
        <v>28171836</v>
      </c>
      <c r="HO13" s="306"/>
      <c r="HP13" s="307"/>
      <c r="HQ13" s="308"/>
      <c r="HR13" s="309"/>
      <c r="HS13" s="307"/>
      <c r="HT13" s="307"/>
      <c r="HU13" s="307"/>
      <c r="HV13" s="307"/>
      <c r="HW13" s="307"/>
      <c r="HX13" s="310"/>
      <c r="HY13" s="311"/>
      <c r="HZ13" s="118">
        <v>0</v>
      </c>
      <c r="IA13" s="119">
        <v>0</v>
      </c>
      <c r="IB13" s="120">
        <v>0</v>
      </c>
      <c r="IC13" s="133">
        <v>0</v>
      </c>
      <c r="ID13" s="119">
        <v>5634627</v>
      </c>
      <c r="IE13" s="134">
        <v>5027651</v>
      </c>
      <c r="IF13" s="120">
        <v>7068666</v>
      </c>
      <c r="IG13" s="119">
        <v>2909409</v>
      </c>
      <c r="IH13" s="120">
        <v>2803678</v>
      </c>
      <c r="II13" s="135">
        <v>23444031</v>
      </c>
      <c r="IJ13" s="126">
        <v>23444031</v>
      </c>
      <c r="IK13" s="219">
        <v>0</v>
      </c>
      <c r="IL13" s="223">
        <v>0</v>
      </c>
      <c r="IM13" s="224">
        <v>0</v>
      </c>
      <c r="IN13" s="127"/>
      <c r="IO13" s="109">
        <v>0</v>
      </c>
      <c r="IP13" s="109">
        <v>0</v>
      </c>
      <c r="IQ13" s="109">
        <v>0</v>
      </c>
      <c r="IR13" s="109">
        <v>0</v>
      </c>
      <c r="IS13" s="109">
        <v>54895</v>
      </c>
      <c r="IT13" s="128">
        <v>54895</v>
      </c>
      <c r="IU13" s="298">
        <v>54895</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3664984</v>
      </c>
      <c r="JL13" s="109">
        <v>2450857</v>
      </c>
      <c r="JM13" s="109">
        <v>1497251</v>
      </c>
      <c r="JN13" s="109">
        <v>502615</v>
      </c>
      <c r="JO13" s="109">
        <v>468423</v>
      </c>
      <c r="JP13" s="110">
        <v>8584130</v>
      </c>
      <c r="JQ13" s="298">
        <v>8584130</v>
      </c>
      <c r="JR13" s="129">
        <v>0</v>
      </c>
      <c r="JS13" s="109">
        <v>0</v>
      </c>
      <c r="JT13" s="128">
        <v>0</v>
      </c>
      <c r="JU13" s="108">
        <v>0</v>
      </c>
      <c r="JV13" s="109">
        <v>644243</v>
      </c>
      <c r="JW13" s="109">
        <v>850027</v>
      </c>
      <c r="JX13" s="109">
        <v>1102499</v>
      </c>
      <c r="JY13" s="109">
        <v>255174</v>
      </c>
      <c r="JZ13" s="109">
        <v>230478</v>
      </c>
      <c r="KA13" s="110">
        <v>3082421</v>
      </c>
      <c r="KB13" s="298">
        <v>3082421</v>
      </c>
      <c r="KC13" s="221">
        <v>0</v>
      </c>
      <c r="KD13" s="217">
        <v>0</v>
      </c>
      <c r="KE13" s="110">
        <v>0</v>
      </c>
      <c r="KF13" s="108">
        <v>0</v>
      </c>
      <c r="KG13" s="109">
        <v>371636</v>
      </c>
      <c r="KH13" s="109">
        <v>471465</v>
      </c>
      <c r="KI13" s="109">
        <v>630762</v>
      </c>
      <c r="KJ13" s="109">
        <v>371477</v>
      </c>
      <c r="KK13" s="109">
        <v>0</v>
      </c>
      <c r="KL13" s="110">
        <v>1845340</v>
      </c>
      <c r="KM13" s="130">
        <v>1845340</v>
      </c>
      <c r="KN13" s="219">
        <v>0</v>
      </c>
      <c r="KO13" s="223">
        <v>0</v>
      </c>
      <c r="KP13" s="224">
        <v>0</v>
      </c>
      <c r="KQ13" s="127"/>
      <c r="KR13" s="109">
        <v>953764</v>
      </c>
      <c r="KS13" s="109">
        <v>1255302</v>
      </c>
      <c r="KT13" s="109">
        <v>3460727</v>
      </c>
      <c r="KU13" s="109">
        <v>1487875</v>
      </c>
      <c r="KV13" s="109">
        <v>1377038</v>
      </c>
      <c r="KW13" s="110">
        <v>8534706</v>
      </c>
      <c r="KX13" s="298">
        <v>8534706</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0</v>
      </c>
      <c r="LZ13" s="109">
        <v>0</v>
      </c>
      <c r="MA13" s="109">
        <v>377427</v>
      </c>
      <c r="MB13" s="109">
        <v>292268</v>
      </c>
      <c r="MC13" s="109">
        <v>672844</v>
      </c>
      <c r="MD13" s="110">
        <v>1342539</v>
      </c>
      <c r="ME13" s="111">
        <v>1342539</v>
      </c>
      <c r="MF13" s="129">
        <v>0</v>
      </c>
      <c r="MG13" s="109">
        <v>0</v>
      </c>
      <c r="MH13" s="110">
        <v>0</v>
      </c>
      <c r="MI13" s="132"/>
      <c r="MJ13" s="109">
        <v>3105578</v>
      </c>
      <c r="MK13" s="109">
        <v>2000448</v>
      </c>
      <c r="ML13" s="109">
        <v>7759979</v>
      </c>
      <c r="MM13" s="109">
        <v>17815777</v>
      </c>
      <c r="MN13" s="109">
        <v>7663793</v>
      </c>
      <c r="MO13" s="110">
        <v>38345575</v>
      </c>
      <c r="MP13" s="130">
        <v>38345575</v>
      </c>
      <c r="MQ13" s="129">
        <v>0</v>
      </c>
      <c r="MR13" s="109">
        <v>0</v>
      </c>
      <c r="MS13" s="110">
        <v>0</v>
      </c>
      <c r="MT13" s="132"/>
      <c r="MU13" s="109">
        <v>0</v>
      </c>
      <c r="MV13" s="109">
        <v>462883</v>
      </c>
      <c r="MW13" s="109">
        <v>4344400</v>
      </c>
      <c r="MX13" s="109">
        <v>12366952</v>
      </c>
      <c r="MY13" s="109">
        <v>6084943</v>
      </c>
      <c r="MZ13" s="110">
        <v>23259178</v>
      </c>
      <c r="NA13" s="130">
        <v>23259178</v>
      </c>
      <c r="NB13" s="129">
        <v>0</v>
      </c>
      <c r="NC13" s="109">
        <v>0</v>
      </c>
      <c r="ND13" s="110">
        <v>0</v>
      </c>
      <c r="NE13" s="132"/>
      <c r="NF13" s="109">
        <v>3105578</v>
      </c>
      <c r="NG13" s="109">
        <v>1537565</v>
      </c>
      <c r="NH13" s="109">
        <v>3093795</v>
      </c>
      <c r="NI13" s="109">
        <v>5448825</v>
      </c>
      <c r="NJ13" s="109">
        <v>1578850</v>
      </c>
      <c r="NK13" s="110">
        <v>14764613</v>
      </c>
      <c r="NL13" s="298">
        <v>14764613</v>
      </c>
      <c r="NM13" s="129">
        <v>0</v>
      </c>
      <c r="NN13" s="109">
        <v>0</v>
      </c>
      <c r="NO13" s="110">
        <v>0</v>
      </c>
      <c r="NP13" s="132"/>
      <c r="NQ13" s="109">
        <v>0</v>
      </c>
      <c r="NR13" s="109">
        <v>0</v>
      </c>
      <c r="NS13" s="109">
        <v>0</v>
      </c>
      <c r="NT13" s="109">
        <v>0</v>
      </c>
      <c r="NU13" s="109">
        <v>0</v>
      </c>
      <c r="NV13" s="110">
        <v>0</v>
      </c>
      <c r="NW13" s="111">
        <v>0</v>
      </c>
      <c r="NX13" s="129">
        <v>0</v>
      </c>
      <c r="NY13" s="109">
        <v>0</v>
      </c>
      <c r="NZ13" s="110">
        <v>0</v>
      </c>
      <c r="OA13" s="132"/>
      <c r="OB13" s="109">
        <v>0</v>
      </c>
      <c r="OC13" s="109">
        <v>0</v>
      </c>
      <c r="OD13" s="109">
        <v>321784</v>
      </c>
      <c r="OE13" s="109">
        <v>0</v>
      </c>
      <c r="OF13" s="109">
        <v>0</v>
      </c>
      <c r="OG13" s="110">
        <v>321784</v>
      </c>
      <c r="OH13" s="111">
        <v>321784</v>
      </c>
      <c r="OI13" s="129">
        <v>936555</v>
      </c>
      <c r="OJ13" s="109">
        <v>1524853</v>
      </c>
      <c r="OK13" s="128">
        <v>2461408</v>
      </c>
      <c r="OL13" s="108">
        <v>0</v>
      </c>
      <c r="OM13" s="109">
        <v>33083699</v>
      </c>
      <c r="ON13" s="109">
        <v>32019348</v>
      </c>
      <c r="OO13" s="109">
        <v>36275953</v>
      </c>
      <c r="OP13" s="109">
        <v>36813813</v>
      </c>
      <c r="OQ13" s="109">
        <v>22552238</v>
      </c>
      <c r="OR13" s="110">
        <v>160745051</v>
      </c>
      <c r="OS13" s="130">
        <v>163206459</v>
      </c>
    </row>
    <row r="14" spans="1:409" ht="21" customHeight="1" x14ac:dyDescent="0.2">
      <c r="B14" s="472" t="s">
        <v>8</v>
      </c>
      <c r="C14" s="100">
        <v>651694</v>
      </c>
      <c r="D14" s="104">
        <v>720710</v>
      </c>
      <c r="E14" s="103">
        <v>1372404</v>
      </c>
      <c r="F14" s="99">
        <v>0</v>
      </c>
      <c r="G14" s="104">
        <v>7754784</v>
      </c>
      <c r="H14" s="104">
        <v>8740811</v>
      </c>
      <c r="I14" s="104">
        <v>10137006</v>
      </c>
      <c r="J14" s="104">
        <v>6096750</v>
      </c>
      <c r="K14" s="104">
        <v>7120057</v>
      </c>
      <c r="L14" s="99">
        <v>39849408</v>
      </c>
      <c r="M14" s="106">
        <v>41221812</v>
      </c>
      <c r="N14" s="100">
        <v>123515</v>
      </c>
      <c r="O14" s="104">
        <v>105798</v>
      </c>
      <c r="P14" s="103">
        <v>229313</v>
      </c>
      <c r="Q14" s="100">
        <v>0</v>
      </c>
      <c r="R14" s="104">
        <v>1859697</v>
      </c>
      <c r="S14" s="104">
        <v>4027425</v>
      </c>
      <c r="T14" s="104">
        <v>4123131</v>
      </c>
      <c r="U14" s="104">
        <v>2018475</v>
      </c>
      <c r="V14" s="104">
        <v>3191485</v>
      </c>
      <c r="W14" s="103">
        <v>15220213</v>
      </c>
      <c r="X14" s="106">
        <v>15449526</v>
      </c>
      <c r="Y14" s="100">
        <v>0</v>
      </c>
      <c r="Z14" s="104">
        <v>0</v>
      </c>
      <c r="AA14" s="103">
        <v>0</v>
      </c>
      <c r="AB14" s="100">
        <v>0</v>
      </c>
      <c r="AC14" s="104">
        <v>744832</v>
      </c>
      <c r="AD14" s="104">
        <v>2377555</v>
      </c>
      <c r="AE14" s="104">
        <v>2361260</v>
      </c>
      <c r="AF14" s="104">
        <v>1171835</v>
      </c>
      <c r="AG14" s="104">
        <v>1801611</v>
      </c>
      <c r="AH14" s="103">
        <v>8457093</v>
      </c>
      <c r="AI14" s="106">
        <v>8457093</v>
      </c>
      <c r="AJ14" s="100">
        <v>0</v>
      </c>
      <c r="AK14" s="104">
        <v>0</v>
      </c>
      <c r="AL14" s="103">
        <v>0</v>
      </c>
      <c r="AM14" s="100">
        <v>0</v>
      </c>
      <c r="AN14" s="104">
        <v>0</v>
      </c>
      <c r="AO14" s="104">
        <v>0</v>
      </c>
      <c r="AP14" s="104">
        <v>0</v>
      </c>
      <c r="AQ14" s="104">
        <v>0</v>
      </c>
      <c r="AR14" s="104">
        <v>397162</v>
      </c>
      <c r="AS14" s="103">
        <v>397162</v>
      </c>
      <c r="AT14" s="106">
        <v>397162</v>
      </c>
      <c r="AU14" s="100">
        <v>20715</v>
      </c>
      <c r="AV14" s="104">
        <v>54834</v>
      </c>
      <c r="AW14" s="103">
        <v>75549</v>
      </c>
      <c r="AX14" s="100">
        <v>0</v>
      </c>
      <c r="AY14" s="104">
        <v>698029</v>
      </c>
      <c r="AZ14" s="104">
        <v>1321564</v>
      </c>
      <c r="BA14" s="104">
        <v>1131522</v>
      </c>
      <c r="BB14" s="104">
        <v>494721</v>
      </c>
      <c r="BC14" s="104">
        <v>730552</v>
      </c>
      <c r="BD14" s="103">
        <v>4376388</v>
      </c>
      <c r="BE14" s="106">
        <v>4451937</v>
      </c>
      <c r="BF14" s="100">
        <v>0</v>
      </c>
      <c r="BG14" s="104">
        <v>20796</v>
      </c>
      <c r="BH14" s="102">
        <v>20796</v>
      </c>
      <c r="BI14" s="101">
        <v>0</v>
      </c>
      <c r="BJ14" s="104">
        <v>22652</v>
      </c>
      <c r="BK14" s="104">
        <v>67098</v>
      </c>
      <c r="BL14" s="104">
        <v>148701</v>
      </c>
      <c r="BM14" s="104">
        <v>117591</v>
      </c>
      <c r="BN14" s="104">
        <v>0</v>
      </c>
      <c r="BO14" s="103">
        <v>356042</v>
      </c>
      <c r="BP14" s="106">
        <v>376838</v>
      </c>
      <c r="BQ14" s="100">
        <v>102800</v>
      </c>
      <c r="BR14" s="104">
        <v>30168</v>
      </c>
      <c r="BS14" s="103">
        <v>132968</v>
      </c>
      <c r="BT14" s="100">
        <v>0</v>
      </c>
      <c r="BU14" s="104">
        <v>394184</v>
      </c>
      <c r="BV14" s="104">
        <v>261208</v>
      </c>
      <c r="BW14" s="104">
        <v>481648</v>
      </c>
      <c r="BX14" s="104">
        <v>234328</v>
      </c>
      <c r="BY14" s="104">
        <v>262160</v>
      </c>
      <c r="BZ14" s="103">
        <v>1633528</v>
      </c>
      <c r="CA14" s="106">
        <v>1766496</v>
      </c>
      <c r="CB14" s="100">
        <v>82814</v>
      </c>
      <c r="CC14" s="104">
        <v>79992</v>
      </c>
      <c r="CD14" s="103">
        <v>162806</v>
      </c>
      <c r="CE14" s="100">
        <v>0</v>
      </c>
      <c r="CF14" s="104">
        <v>2297461</v>
      </c>
      <c r="CG14" s="104">
        <v>2320659</v>
      </c>
      <c r="CH14" s="104">
        <v>2462035</v>
      </c>
      <c r="CI14" s="104">
        <v>1200468</v>
      </c>
      <c r="CJ14" s="104">
        <v>1561528</v>
      </c>
      <c r="CK14" s="103">
        <v>9842151</v>
      </c>
      <c r="CL14" s="106">
        <v>10004957</v>
      </c>
      <c r="CM14" s="100">
        <v>0</v>
      </c>
      <c r="CN14" s="104">
        <v>0</v>
      </c>
      <c r="CO14" s="103">
        <v>0</v>
      </c>
      <c r="CP14" s="101">
        <v>0</v>
      </c>
      <c r="CQ14" s="104">
        <v>1917793</v>
      </c>
      <c r="CR14" s="104">
        <v>1959713</v>
      </c>
      <c r="CS14" s="104">
        <v>1805909</v>
      </c>
      <c r="CT14" s="104">
        <v>984220</v>
      </c>
      <c r="CU14" s="104">
        <v>1561528</v>
      </c>
      <c r="CV14" s="103">
        <v>8229163</v>
      </c>
      <c r="CW14" s="106">
        <v>8229163</v>
      </c>
      <c r="CX14" s="100">
        <v>82814</v>
      </c>
      <c r="CY14" s="104">
        <v>79992</v>
      </c>
      <c r="CZ14" s="103">
        <v>162806</v>
      </c>
      <c r="DA14" s="100">
        <v>0</v>
      </c>
      <c r="DB14" s="104">
        <v>379668</v>
      </c>
      <c r="DC14" s="104">
        <v>360946</v>
      </c>
      <c r="DD14" s="104">
        <v>656126</v>
      </c>
      <c r="DE14" s="104">
        <v>216248</v>
      </c>
      <c r="DF14" s="104">
        <v>0</v>
      </c>
      <c r="DG14" s="103">
        <v>1612988</v>
      </c>
      <c r="DH14" s="106">
        <v>1775794</v>
      </c>
      <c r="DI14" s="100">
        <v>29100</v>
      </c>
      <c r="DJ14" s="104">
        <v>0</v>
      </c>
      <c r="DK14" s="102">
        <v>29100</v>
      </c>
      <c r="DL14" s="101">
        <v>0</v>
      </c>
      <c r="DM14" s="104">
        <v>350665</v>
      </c>
      <c r="DN14" s="104">
        <v>474222</v>
      </c>
      <c r="DO14" s="104">
        <v>1376197</v>
      </c>
      <c r="DP14" s="104">
        <v>564970</v>
      </c>
      <c r="DQ14" s="104">
        <v>263792</v>
      </c>
      <c r="DR14" s="103">
        <v>3029846</v>
      </c>
      <c r="DS14" s="106">
        <v>3058946</v>
      </c>
      <c r="DT14" s="100">
        <v>29100</v>
      </c>
      <c r="DU14" s="104">
        <v>0</v>
      </c>
      <c r="DV14" s="103">
        <v>29100</v>
      </c>
      <c r="DW14" s="100">
        <v>0</v>
      </c>
      <c r="DX14" s="104">
        <v>350665</v>
      </c>
      <c r="DY14" s="104">
        <v>474222</v>
      </c>
      <c r="DZ14" s="104">
        <v>1267092</v>
      </c>
      <c r="EA14" s="104">
        <v>564970</v>
      </c>
      <c r="EB14" s="104">
        <v>263792</v>
      </c>
      <c r="EC14" s="103">
        <v>2920741</v>
      </c>
      <c r="ED14" s="106">
        <v>2949841</v>
      </c>
      <c r="EE14" s="100">
        <v>0</v>
      </c>
      <c r="EF14" s="102">
        <v>0</v>
      </c>
      <c r="EG14" s="103">
        <v>0</v>
      </c>
      <c r="EH14" s="100">
        <v>0</v>
      </c>
      <c r="EI14" s="104">
        <v>0</v>
      </c>
      <c r="EJ14" s="104">
        <v>0</v>
      </c>
      <c r="EK14" s="104">
        <v>109105</v>
      </c>
      <c r="EL14" s="104">
        <v>0</v>
      </c>
      <c r="EM14" s="104">
        <v>0</v>
      </c>
      <c r="EN14" s="102">
        <v>109105</v>
      </c>
      <c r="EO14" s="106">
        <v>109105</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63776</v>
      </c>
      <c r="FM14" s="104">
        <v>164096</v>
      </c>
      <c r="FN14" s="103">
        <v>227872</v>
      </c>
      <c r="FO14" s="100">
        <v>0</v>
      </c>
      <c r="FP14" s="104">
        <v>485224</v>
      </c>
      <c r="FQ14" s="104">
        <v>825744</v>
      </c>
      <c r="FR14" s="104">
        <v>1004416</v>
      </c>
      <c r="FS14" s="104">
        <v>772392</v>
      </c>
      <c r="FT14" s="104">
        <v>434304</v>
      </c>
      <c r="FU14" s="103">
        <v>3522080</v>
      </c>
      <c r="FV14" s="106">
        <v>3749952</v>
      </c>
      <c r="FW14" s="105">
        <v>49776</v>
      </c>
      <c r="FX14" s="104">
        <v>111216</v>
      </c>
      <c r="FY14" s="102">
        <v>160992</v>
      </c>
      <c r="FZ14" s="101">
        <v>0</v>
      </c>
      <c r="GA14" s="104">
        <v>268664</v>
      </c>
      <c r="GB14" s="104">
        <v>825744</v>
      </c>
      <c r="GC14" s="104">
        <v>942144</v>
      </c>
      <c r="GD14" s="104">
        <v>626104</v>
      </c>
      <c r="GE14" s="104">
        <v>434304</v>
      </c>
      <c r="GF14" s="103">
        <v>3096960</v>
      </c>
      <c r="GG14" s="296">
        <v>3257952</v>
      </c>
      <c r="GH14" s="105">
        <v>14000</v>
      </c>
      <c r="GI14" s="104">
        <v>0</v>
      </c>
      <c r="GJ14" s="102">
        <v>14000</v>
      </c>
      <c r="GK14" s="101">
        <v>0</v>
      </c>
      <c r="GL14" s="104">
        <v>33440</v>
      </c>
      <c r="GM14" s="104">
        <v>0</v>
      </c>
      <c r="GN14" s="104">
        <v>62272</v>
      </c>
      <c r="GO14" s="104">
        <v>66688</v>
      </c>
      <c r="GP14" s="104">
        <v>0</v>
      </c>
      <c r="GQ14" s="103">
        <v>162400</v>
      </c>
      <c r="GR14" s="106">
        <v>176400</v>
      </c>
      <c r="GS14" s="100">
        <v>0</v>
      </c>
      <c r="GT14" s="104">
        <v>52880</v>
      </c>
      <c r="GU14" s="103">
        <v>52880</v>
      </c>
      <c r="GV14" s="100">
        <v>0</v>
      </c>
      <c r="GW14" s="104">
        <v>183120</v>
      </c>
      <c r="GX14" s="104">
        <v>0</v>
      </c>
      <c r="GY14" s="104">
        <v>0</v>
      </c>
      <c r="GZ14" s="104">
        <v>79600</v>
      </c>
      <c r="HA14" s="104">
        <v>0</v>
      </c>
      <c r="HB14" s="102">
        <v>262720</v>
      </c>
      <c r="HC14" s="106">
        <v>315600</v>
      </c>
      <c r="HD14" s="100">
        <v>352489</v>
      </c>
      <c r="HE14" s="104">
        <v>370824</v>
      </c>
      <c r="HF14" s="102">
        <v>723313</v>
      </c>
      <c r="HG14" s="101">
        <v>0</v>
      </c>
      <c r="HH14" s="104">
        <v>2761737</v>
      </c>
      <c r="HI14" s="104">
        <v>1092761</v>
      </c>
      <c r="HJ14" s="104">
        <v>1171227</v>
      </c>
      <c r="HK14" s="104">
        <v>1540445</v>
      </c>
      <c r="HL14" s="104">
        <v>1668948</v>
      </c>
      <c r="HM14" s="103">
        <v>8235118</v>
      </c>
      <c r="HN14" s="99">
        <v>8958431</v>
      </c>
      <c r="HO14" s="306"/>
      <c r="HP14" s="307"/>
      <c r="HQ14" s="308"/>
      <c r="HR14" s="309"/>
      <c r="HS14" s="307"/>
      <c r="HT14" s="307"/>
      <c r="HU14" s="307"/>
      <c r="HV14" s="307"/>
      <c r="HW14" s="307"/>
      <c r="HX14" s="310"/>
      <c r="HY14" s="311"/>
      <c r="HZ14" s="118">
        <v>0</v>
      </c>
      <c r="IA14" s="119">
        <v>79588</v>
      </c>
      <c r="IB14" s="120">
        <v>79588</v>
      </c>
      <c r="IC14" s="121">
        <v>0</v>
      </c>
      <c r="ID14" s="122">
        <v>2625694</v>
      </c>
      <c r="IE14" s="123">
        <v>2230850</v>
      </c>
      <c r="IF14" s="124">
        <v>3271707</v>
      </c>
      <c r="IG14" s="122">
        <v>2034045</v>
      </c>
      <c r="IH14" s="124">
        <v>1141682</v>
      </c>
      <c r="II14" s="125">
        <v>11303978</v>
      </c>
      <c r="IJ14" s="126">
        <v>11383566</v>
      </c>
      <c r="IK14" s="219">
        <v>0</v>
      </c>
      <c r="IL14" s="223">
        <v>0</v>
      </c>
      <c r="IM14" s="224">
        <v>0</v>
      </c>
      <c r="IN14" s="127"/>
      <c r="IO14" s="109">
        <v>0</v>
      </c>
      <c r="IP14" s="109">
        <v>0</v>
      </c>
      <c r="IQ14" s="109">
        <v>0</v>
      </c>
      <c r="IR14" s="109">
        <v>0</v>
      </c>
      <c r="IS14" s="109">
        <v>0</v>
      </c>
      <c r="IT14" s="128">
        <v>0</v>
      </c>
      <c r="IU14" s="298">
        <v>0</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1186384</v>
      </c>
      <c r="JL14" s="109">
        <v>1562761</v>
      </c>
      <c r="JM14" s="109">
        <v>1361816</v>
      </c>
      <c r="JN14" s="109">
        <v>138648</v>
      </c>
      <c r="JO14" s="109">
        <v>351309</v>
      </c>
      <c r="JP14" s="110">
        <v>4600918</v>
      </c>
      <c r="JQ14" s="298">
        <v>4600918</v>
      </c>
      <c r="JR14" s="129">
        <v>0</v>
      </c>
      <c r="JS14" s="109">
        <v>0</v>
      </c>
      <c r="JT14" s="128">
        <v>0</v>
      </c>
      <c r="JU14" s="108">
        <v>0</v>
      </c>
      <c r="JV14" s="109">
        <v>0</v>
      </c>
      <c r="JW14" s="109">
        <v>0</v>
      </c>
      <c r="JX14" s="109">
        <v>0</v>
      </c>
      <c r="JY14" s="109">
        <v>105381</v>
      </c>
      <c r="JZ14" s="109">
        <v>0</v>
      </c>
      <c r="KA14" s="110">
        <v>105381</v>
      </c>
      <c r="KB14" s="298">
        <v>105381</v>
      </c>
      <c r="KC14" s="221">
        <v>0</v>
      </c>
      <c r="KD14" s="217">
        <v>79588</v>
      </c>
      <c r="KE14" s="110">
        <v>79588</v>
      </c>
      <c r="KF14" s="108">
        <v>0</v>
      </c>
      <c r="KG14" s="109">
        <v>309559</v>
      </c>
      <c r="KH14" s="109">
        <v>172352</v>
      </c>
      <c r="KI14" s="109">
        <v>578830</v>
      </c>
      <c r="KJ14" s="109">
        <v>0</v>
      </c>
      <c r="KK14" s="109">
        <v>285280</v>
      </c>
      <c r="KL14" s="110">
        <v>1346021</v>
      </c>
      <c r="KM14" s="130">
        <v>1425609</v>
      </c>
      <c r="KN14" s="219">
        <v>0</v>
      </c>
      <c r="KO14" s="223">
        <v>0</v>
      </c>
      <c r="KP14" s="224">
        <v>0</v>
      </c>
      <c r="KQ14" s="127"/>
      <c r="KR14" s="109">
        <v>710615</v>
      </c>
      <c r="KS14" s="109">
        <v>495737</v>
      </c>
      <c r="KT14" s="109">
        <v>243175</v>
      </c>
      <c r="KU14" s="109">
        <v>1044904</v>
      </c>
      <c r="KV14" s="109">
        <v>265437</v>
      </c>
      <c r="KW14" s="110">
        <v>2759868</v>
      </c>
      <c r="KX14" s="298">
        <v>2759868</v>
      </c>
      <c r="KY14" s="129">
        <v>0</v>
      </c>
      <c r="KZ14" s="109">
        <v>0</v>
      </c>
      <c r="LA14" s="110">
        <v>0</v>
      </c>
      <c r="LB14" s="132"/>
      <c r="LC14" s="109">
        <v>0</v>
      </c>
      <c r="LD14" s="109">
        <v>0</v>
      </c>
      <c r="LE14" s="109">
        <v>569030</v>
      </c>
      <c r="LF14" s="109">
        <v>0</v>
      </c>
      <c r="LG14" s="109">
        <v>239656</v>
      </c>
      <c r="LH14" s="110">
        <v>808686</v>
      </c>
      <c r="LI14" s="111">
        <v>808686</v>
      </c>
      <c r="LJ14" s="129">
        <v>0</v>
      </c>
      <c r="LK14" s="109">
        <v>0</v>
      </c>
      <c r="LL14" s="110">
        <v>0</v>
      </c>
      <c r="LM14" s="132"/>
      <c r="LN14" s="109">
        <v>0</v>
      </c>
      <c r="LO14" s="109">
        <v>0</v>
      </c>
      <c r="LP14" s="109">
        <v>0</v>
      </c>
      <c r="LQ14" s="109">
        <v>248935</v>
      </c>
      <c r="LR14" s="109">
        <v>0</v>
      </c>
      <c r="LS14" s="110">
        <v>248935</v>
      </c>
      <c r="LT14" s="298">
        <v>248935</v>
      </c>
      <c r="LU14" s="129">
        <v>0</v>
      </c>
      <c r="LV14" s="109">
        <v>0</v>
      </c>
      <c r="LW14" s="110">
        <v>0</v>
      </c>
      <c r="LX14" s="132"/>
      <c r="LY14" s="109">
        <v>419136</v>
      </c>
      <c r="LZ14" s="109">
        <v>0</v>
      </c>
      <c r="MA14" s="109">
        <v>518856</v>
      </c>
      <c r="MB14" s="109">
        <v>496177</v>
      </c>
      <c r="MC14" s="109">
        <v>0</v>
      </c>
      <c r="MD14" s="110">
        <v>1434169</v>
      </c>
      <c r="ME14" s="111">
        <v>1434169</v>
      </c>
      <c r="MF14" s="129">
        <v>0</v>
      </c>
      <c r="MG14" s="109">
        <v>0</v>
      </c>
      <c r="MH14" s="110">
        <v>0</v>
      </c>
      <c r="MI14" s="132"/>
      <c r="MJ14" s="109">
        <v>411001</v>
      </c>
      <c r="MK14" s="109">
        <v>763215</v>
      </c>
      <c r="ML14" s="109">
        <v>5058476</v>
      </c>
      <c r="MM14" s="109">
        <v>5729980</v>
      </c>
      <c r="MN14" s="109">
        <v>4137519</v>
      </c>
      <c r="MO14" s="110">
        <v>16100191</v>
      </c>
      <c r="MP14" s="130">
        <v>16100191</v>
      </c>
      <c r="MQ14" s="129">
        <v>0</v>
      </c>
      <c r="MR14" s="109">
        <v>0</v>
      </c>
      <c r="MS14" s="110">
        <v>0</v>
      </c>
      <c r="MT14" s="132"/>
      <c r="MU14" s="109">
        <v>203356</v>
      </c>
      <c r="MV14" s="109">
        <v>205655</v>
      </c>
      <c r="MW14" s="109">
        <v>2288432</v>
      </c>
      <c r="MX14" s="109">
        <v>2735175</v>
      </c>
      <c r="MY14" s="109">
        <v>2187326</v>
      </c>
      <c r="MZ14" s="110">
        <v>7619944</v>
      </c>
      <c r="NA14" s="130">
        <v>7619944</v>
      </c>
      <c r="NB14" s="129">
        <v>0</v>
      </c>
      <c r="NC14" s="109">
        <v>0</v>
      </c>
      <c r="ND14" s="110">
        <v>0</v>
      </c>
      <c r="NE14" s="132"/>
      <c r="NF14" s="109">
        <v>207645</v>
      </c>
      <c r="NG14" s="109">
        <v>557560</v>
      </c>
      <c r="NH14" s="109">
        <v>2770044</v>
      </c>
      <c r="NI14" s="109">
        <v>2689597</v>
      </c>
      <c r="NJ14" s="109">
        <v>1629633</v>
      </c>
      <c r="NK14" s="110">
        <v>7854479</v>
      </c>
      <c r="NL14" s="298">
        <v>7854479</v>
      </c>
      <c r="NM14" s="129">
        <v>0</v>
      </c>
      <c r="NN14" s="109">
        <v>0</v>
      </c>
      <c r="NO14" s="110">
        <v>0</v>
      </c>
      <c r="NP14" s="132"/>
      <c r="NQ14" s="109">
        <v>0</v>
      </c>
      <c r="NR14" s="109">
        <v>0</v>
      </c>
      <c r="NS14" s="109">
        <v>0</v>
      </c>
      <c r="NT14" s="109">
        <v>0</v>
      </c>
      <c r="NU14" s="109">
        <v>0</v>
      </c>
      <c r="NV14" s="110">
        <v>0</v>
      </c>
      <c r="NW14" s="111">
        <v>0</v>
      </c>
      <c r="NX14" s="129">
        <v>0</v>
      </c>
      <c r="NY14" s="109">
        <v>0</v>
      </c>
      <c r="NZ14" s="110">
        <v>0</v>
      </c>
      <c r="OA14" s="132"/>
      <c r="OB14" s="109">
        <v>0</v>
      </c>
      <c r="OC14" s="109">
        <v>0</v>
      </c>
      <c r="OD14" s="109">
        <v>0</v>
      </c>
      <c r="OE14" s="109">
        <v>305208</v>
      </c>
      <c r="OF14" s="109">
        <v>320560</v>
      </c>
      <c r="OG14" s="110">
        <v>625768</v>
      </c>
      <c r="OH14" s="111">
        <v>625768</v>
      </c>
      <c r="OI14" s="129">
        <v>651694</v>
      </c>
      <c r="OJ14" s="109">
        <v>800298</v>
      </c>
      <c r="OK14" s="128">
        <v>1451992</v>
      </c>
      <c r="OL14" s="108">
        <v>0</v>
      </c>
      <c r="OM14" s="109">
        <v>10791479</v>
      </c>
      <c r="ON14" s="109">
        <v>11734876</v>
      </c>
      <c r="OO14" s="109">
        <v>18467189</v>
      </c>
      <c r="OP14" s="109">
        <v>13860775</v>
      </c>
      <c r="OQ14" s="109">
        <v>12399258</v>
      </c>
      <c r="OR14" s="110">
        <v>67253577</v>
      </c>
      <c r="OS14" s="130">
        <v>68705569</v>
      </c>
    </row>
    <row r="15" spans="1:409" ht="21" customHeight="1" x14ac:dyDescent="0.2">
      <c r="B15" s="472" t="s">
        <v>9</v>
      </c>
      <c r="C15" s="100">
        <v>859596</v>
      </c>
      <c r="D15" s="104">
        <v>813091</v>
      </c>
      <c r="E15" s="103">
        <v>1672687</v>
      </c>
      <c r="F15" s="101">
        <v>0</v>
      </c>
      <c r="G15" s="104">
        <v>12353312</v>
      </c>
      <c r="H15" s="104">
        <v>11729693</v>
      </c>
      <c r="I15" s="104">
        <v>12924805</v>
      </c>
      <c r="J15" s="104">
        <v>11299876</v>
      </c>
      <c r="K15" s="104">
        <v>7814844</v>
      </c>
      <c r="L15" s="99">
        <v>56122530</v>
      </c>
      <c r="M15" s="106">
        <v>57795217</v>
      </c>
      <c r="N15" s="100">
        <v>197751</v>
      </c>
      <c r="O15" s="104">
        <v>317050</v>
      </c>
      <c r="P15" s="103">
        <v>514801</v>
      </c>
      <c r="Q15" s="100">
        <v>0</v>
      </c>
      <c r="R15" s="104">
        <v>4152138</v>
      </c>
      <c r="S15" s="104">
        <v>4100697</v>
      </c>
      <c r="T15" s="104">
        <v>5131740</v>
      </c>
      <c r="U15" s="104">
        <v>4681377</v>
      </c>
      <c r="V15" s="104">
        <v>4492523</v>
      </c>
      <c r="W15" s="103">
        <v>22558475</v>
      </c>
      <c r="X15" s="106">
        <v>23073276</v>
      </c>
      <c r="Y15" s="100">
        <v>0</v>
      </c>
      <c r="Z15" s="104">
        <v>0</v>
      </c>
      <c r="AA15" s="103">
        <v>0</v>
      </c>
      <c r="AB15" s="100">
        <v>0</v>
      </c>
      <c r="AC15" s="104">
        <v>1633871</v>
      </c>
      <c r="AD15" s="104">
        <v>1875452</v>
      </c>
      <c r="AE15" s="104">
        <v>2446745</v>
      </c>
      <c r="AF15" s="104">
        <v>2740341</v>
      </c>
      <c r="AG15" s="104">
        <v>2964573</v>
      </c>
      <c r="AH15" s="103">
        <v>11660982</v>
      </c>
      <c r="AI15" s="106">
        <v>11660982</v>
      </c>
      <c r="AJ15" s="100">
        <v>0</v>
      </c>
      <c r="AK15" s="104">
        <v>0</v>
      </c>
      <c r="AL15" s="103">
        <v>0</v>
      </c>
      <c r="AM15" s="100">
        <v>0</v>
      </c>
      <c r="AN15" s="104">
        <v>0</v>
      </c>
      <c r="AO15" s="104">
        <v>48292</v>
      </c>
      <c r="AP15" s="104">
        <v>183799</v>
      </c>
      <c r="AQ15" s="104">
        <v>108660</v>
      </c>
      <c r="AR15" s="104">
        <v>279623</v>
      </c>
      <c r="AS15" s="103">
        <v>620374</v>
      </c>
      <c r="AT15" s="106">
        <v>620374</v>
      </c>
      <c r="AU15" s="100">
        <v>96231</v>
      </c>
      <c r="AV15" s="104">
        <v>257882</v>
      </c>
      <c r="AW15" s="103">
        <v>354113</v>
      </c>
      <c r="AX15" s="100">
        <v>0</v>
      </c>
      <c r="AY15" s="104">
        <v>1688198</v>
      </c>
      <c r="AZ15" s="104">
        <v>1367996</v>
      </c>
      <c r="BA15" s="104">
        <v>1677965</v>
      </c>
      <c r="BB15" s="104">
        <v>1140437</v>
      </c>
      <c r="BC15" s="104">
        <v>801158</v>
      </c>
      <c r="BD15" s="103">
        <v>6675754</v>
      </c>
      <c r="BE15" s="106">
        <v>7029867</v>
      </c>
      <c r="BF15" s="100">
        <v>0</v>
      </c>
      <c r="BG15" s="104">
        <v>0</v>
      </c>
      <c r="BH15" s="102">
        <v>0</v>
      </c>
      <c r="BI15" s="101">
        <v>0</v>
      </c>
      <c r="BJ15" s="104">
        <v>76693</v>
      </c>
      <c r="BK15" s="104">
        <v>254205</v>
      </c>
      <c r="BL15" s="104">
        <v>67231</v>
      </c>
      <c r="BM15" s="104">
        <v>142211</v>
      </c>
      <c r="BN15" s="104">
        <v>43561</v>
      </c>
      <c r="BO15" s="103">
        <v>583901</v>
      </c>
      <c r="BP15" s="106">
        <v>583901</v>
      </c>
      <c r="BQ15" s="100">
        <v>101520</v>
      </c>
      <c r="BR15" s="104">
        <v>59168</v>
      </c>
      <c r="BS15" s="103">
        <v>160688</v>
      </c>
      <c r="BT15" s="100">
        <v>0</v>
      </c>
      <c r="BU15" s="104">
        <v>753376</v>
      </c>
      <c r="BV15" s="104">
        <v>554752</v>
      </c>
      <c r="BW15" s="104">
        <v>756000</v>
      </c>
      <c r="BX15" s="104">
        <v>549728</v>
      </c>
      <c r="BY15" s="104">
        <v>403608</v>
      </c>
      <c r="BZ15" s="103">
        <v>3017464</v>
      </c>
      <c r="CA15" s="106">
        <v>3178152</v>
      </c>
      <c r="CB15" s="100">
        <v>65394</v>
      </c>
      <c r="CC15" s="104">
        <v>192591</v>
      </c>
      <c r="CD15" s="103">
        <v>257985</v>
      </c>
      <c r="CE15" s="100">
        <v>0</v>
      </c>
      <c r="CF15" s="104">
        <v>2687717</v>
      </c>
      <c r="CG15" s="104">
        <v>2397171</v>
      </c>
      <c r="CH15" s="104">
        <v>3161687</v>
      </c>
      <c r="CI15" s="104">
        <v>2175258</v>
      </c>
      <c r="CJ15" s="104">
        <v>310951</v>
      </c>
      <c r="CK15" s="103">
        <v>10732784</v>
      </c>
      <c r="CL15" s="106">
        <v>10990769</v>
      </c>
      <c r="CM15" s="100">
        <v>0</v>
      </c>
      <c r="CN15" s="104">
        <v>0</v>
      </c>
      <c r="CO15" s="103">
        <v>0</v>
      </c>
      <c r="CP15" s="101">
        <v>0</v>
      </c>
      <c r="CQ15" s="104">
        <v>1838566</v>
      </c>
      <c r="CR15" s="104">
        <v>1559267</v>
      </c>
      <c r="CS15" s="104">
        <v>2035113</v>
      </c>
      <c r="CT15" s="104">
        <v>1672736</v>
      </c>
      <c r="CU15" s="104">
        <v>108155</v>
      </c>
      <c r="CV15" s="103">
        <v>7213837</v>
      </c>
      <c r="CW15" s="106">
        <v>7213837</v>
      </c>
      <c r="CX15" s="100">
        <v>65394</v>
      </c>
      <c r="CY15" s="104">
        <v>192591</v>
      </c>
      <c r="CZ15" s="103">
        <v>257985</v>
      </c>
      <c r="DA15" s="100">
        <v>0</v>
      </c>
      <c r="DB15" s="104">
        <v>849151</v>
      </c>
      <c r="DC15" s="104">
        <v>837904</v>
      </c>
      <c r="DD15" s="104">
        <v>1126574</v>
      </c>
      <c r="DE15" s="104">
        <v>502522</v>
      </c>
      <c r="DF15" s="104">
        <v>202796</v>
      </c>
      <c r="DG15" s="103">
        <v>3518947</v>
      </c>
      <c r="DH15" s="106">
        <v>3776932</v>
      </c>
      <c r="DI15" s="100">
        <v>0</v>
      </c>
      <c r="DJ15" s="104">
        <v>16842</v>
      </c>
      <c r="DK15" s="102">
        <v>16842</v>
      </c>
      <c r="DL15" s="101">
        <v>0</v>
      </c>
      <c r="DM15" s="104">
        <v>610944</v>
      </c>
      <c r="DN15" s="104">
        <v>762929</v>
      </c>
      <c r="DO15" s="104">
        <v>681790</v>
      </c>
      <c r="DP15" s="104">
        <v>1039105</v>
      </c>
      <c r="DQ15" s="104">
        <v>383994</v>
      </c>
      <c r="DR15" s="103">
        <v>3478762</v>
      </c>
      <c r="DS15" s="106">
        <v>3495604</v>
      </c>
      <c r="DT15" s="100">
        <v>0</v>
      </c>
      <c r="DU15" s="104">
        <v>16842</v>
      </c>
      <c r="DV15" s="103">
        <v>16842</v>
      </c>
      <c r="DW15" s="100">
        <v>0</v>
      </c>
      <c r="DX15" s="104">
        <v>610944</v>
      </c>
      <c r="DY15" s="104">
        <v>649919</v>
      </c>
      <c r="DZ15" s="104">
        <v>681790</v>
      </c>
      <c r="EA15" s="104">
        <v>1014012</v>
      </c>
      <c r="EB15" s="104">
        <v>383994</v>
      </c>
      <c r="EC15" s="103">
        <v>3340659</v>
      </c>
      <c r="ED15" s="106">
        <v>3357501</v>
      </c>
      <c r="EE15" s="100">
        <v>0</v>
      </c>
      <c r="EF15" s="102">
        <v>0</v>
      </c>
      <c r="EG15" s="103">
        <v>0</v>
      </c>
      <c r="EH15" s="100">
        <v>0</v>
      </c>
      <c r="EI15" s="104">
        <v>0</v>
      </c>
      <c r="EJ15" s="104">
        <v>113010</v>
      </c>
      <c r="EK15" s="104">
        <v>0</v>
      </c>
      <c r="EL15" s="104">
        <v>25093</v>
      </c>
      <c r="EM15" s="104">
        <v>0</v>
      </c>
      <c r="EN15" s="102">
        <v>138103</v>
      </c>
      <c r="EO15" s="106">
        <v>138103</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195864</v>
      </c>
      <c r="FM15" s="104">
        <v>84752</v>
      </c>
      <c r="FN15" s="103">
        <v>280616</v>
      </c>
      <c r="FO15" s="100">
        <v>0</v>
      </c>
      <c r="FP15" s="104">
        <v>1005232</v>
      </c>
      <c r="FQ15" s="104">
        <v>1081696</v>
      </c>
      <c r="FR15" s="104">
        <v>1116808</v>
      </c>
      <c r="FS15" s="104">
        <v>848288</v>
      </c>
      <c r="FT15" s="104">
        <v>458856</v>
      </c>
      <c r="FU15" s="103">
        <v>4510880</v>
      </c>
      <c r="FV15" s="106">
        <v>4791496</v>
      </c>
      <c r="FW15" s="105">
        <v>131096</v>
      </c>
      <c r="FX15" s="104">
        <v>84752</v>
      </c>
      <c r="FY15" s="102">
        <v>215848</v>
      </c>
      <c r="FZ15" s="101">
        <v>0</v>
      </c>
      <c r="GA15" s="104">
        <v>582792</v>
      </c>
      <c r="GB15" s="104">
        <v>1016712</v>
      </c>
      <c r="GC15" s="104">
        <v>1064288</v>
      </c>
      <c r="GD15" s="104">
        <v>819088</v>
      </c>
      <c r="GE15" s="104">
        <v>458856</v>
      </c>
      <c r="GF15" s="103">
        <v>3941736</v>
      </c>
      <c r="GG15" s="296">
        <v>4157584</v>
      </c>
      <c r="GH15" s="105">
        <v>64768</v>
      </c>
      <c r="GI15" s="104">
        <v>0</v>
      </c>
      <c r="GJ15" s="102">
        <v>64768</v>
      </c>
      <c r="GK15" s="101">
        <v>0</v>
      </c>
      <c r="GL15" s="104">
        <v>86520</v>
      </c>
      <c r="GM15" s="104">
        <v>32304</v>
      </c>
      <c r="GN15" s="104">
        <v>18920</v>
      </c>
      <c r="GO15" s="104">
        <v>29200</v>
      </c>
      <c r="GP15" s="104">
        <v>0</v>
      </c>
      <c r="GQ15" s="103">
        <v>166944</v>
      </c>
      <c r="GR15" s="106">
        <v>231712</v>
      </c>
      <c r="GS15" s="100">
        <v>0</v>
      </c>
      <c r="GT15" s="104">
        <v>0</v>
      </c>
      <c r="GU15" s="103">
        <v>0</v>
      </c>
      <c r="GV15" s="100">
        <v>0</v>
      </c>
      <c r="GW15" s="104">
        <v>335920</v>
      </c>
      <c r="GX15" s="104">
        <v>32680</v>
      </c>
      <c r="GY15" s="104">
        <v>33600</v>
      </c>
      <c r="GZ15" s="104">
        <v>0</v>
      </c>
      <c r="HA15" s="104">
        <v>0</v>
      </c>
      <c r="HB15" s="102">
        <v>402200</v>
      </c>
      <c r="HC15" s="106">
        <v>402200</v>
      </c>
      <c r="HD15" s="100">
        <v>400587</v>
      </c>
      <c r="HE15" s="104">
        <v>201856</v>
      </c>
      <c r="HF15" s="102">
        <v>602443</v>
      </c>
      <c r="HG15" s="101">
        <v>0</v>
      </c>
      <c r="HH15" s="104">
        <v>3897281</v>
      </c>
      <c r="HI15" s="104">
        <v>3387200</v>
      </c>
      <c r="HJ15" s="104">
        <v>2832780</v>
      </c>
      <c r="HK15" s="104">
        <v>2555848</v>
      </c>
      <c r="HL15" s="104">
        <v>2168520</v>
      </c>
      <c r="HM15" s="103">
        <v>14841629</v>
      </c>
      <c r="HN15" s="99">
        <v>15444072</v>
      </c>
      <c r="HO15" s="306"/>
      <c r="HP15" s="307"/>
      <c r="HQ15" s="308"/>
      <c r="HR15" s="309"/>
      <c r="HS15" s="307"/>
      <c r="HT15" s="307"/>
      <c r="HU15" s="307"/>
      <c r="HV15" s="307"/>
      <c r="HW15" s="307"/>
      <c r="HX15" s="310"/>
      <c r="HY15" s="311"/>
      <c r="HZ15" s="115">
        <v>43484</v>
      </c>
      <c r="IA15" s="136">
        <v>0</v>
      </c>
      <c r="IB15" s="116">
        <v>43484</v>
      </c>
      <c r="IC15" s="133">
        <v>0</v>
      </c>
      <c r="ID15" s="119">
        <v>2602704</v>
      </c>
      <c r="IE15" s="134">
        <v>3005539</v>
      </c>
      <c r="IF15" s="120">
        <v>4286647</v>
      </c>
      <c r="IG15" s="119">
        <v>1140159</v>
      </c>
      <c r="IH15" s="120">
        <v>1119768</v>
      </c>
      <c r="II15" s="135">
        <v>12154817</v>
      </c>
      <c r="IJ15" s="117">
        <v>12198301</v>
      </c>
      <c r="IK15" s="219">
        <v>0</v>
      </c>
      <c r="IL15" s="223">
        <v>0</v>
      </c>
      <c r="IM15" s="224">
        <v>0</v>
      </c>
      <c r="IN15" s="127"/>
      <c r="IO15" s="109">
        <v>0</v>
      </c>
      <c r="IP15" s="109">
        <v>0</v>
      </c>
      <c r="IQ15" s="109">
        <v>0</v>
      </c>
      <c r="IR15" s="109">
        <v>0</v>
      </c>
      <c r="IS15" s="109">
        <v>0</v>
      </c>
      <c r="IT15" s="128">
        <v>0</v>
      </c>
      <c r="IU15" s="298">
        <v>0</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732910</v>
      </c>
      <c r="JL15" s="109">
        <v>879679</v>
      </c>
      <c r="JM15" s="109">
        <v>963697</v>
      </c>
      <c r="JN15" s="109">
        <v>513844</v>
      </c>
      <c r="JO15" s="109">
        <v>334195</v>
      </c>
      <c r="JP15" s="110">
        <v>4424325</v>
      </c>
      <c r="JQ15" s="298">
        <v>4424325</v>
      </c>
      <c r="JR15" s="129">
        <v>0</v>
      </c>
      <c r="JS15" s="109">
        <v>0</v>
      </c>
      <c r="JT15" s="128">
        <v>0</v>
      </c>
      <c r="JU15" s="108">
        <v>0</v>
      </c>
      <c r="JV15" s="109">
        <v>0</v>
      </c>
      <c r="JW15" s="109">
        <v>0</v>
      </c>
      <c r="JX15" s="109">
        <v>0</v>
      </c>
      <c r="JY15" s="109">
        <v>0</v>
      </c>
      <c r="JZ15" s="109">
        <v>189792</v>
      </c>
      <c r="KA15" s="110">
        <v>189792</v>
      </c>
      <c r="KB15" s="298">
        <v>189792</v>
      </c>
      <c r="KC15" s="221">
        <v>43484</v>
      </c>
      <c r="KD15" s="217">
        <v>0</v>
      </c>
      <c r="KE15" s="110">
        <v>43484</v>
      </c>
      <c r="KF15" s="108">
        <v>0</v>
      </c>
      <c r="KG15" s="109">
        <v>118514</v>
      </c>
      <c r="KH15" s="109">
        <v>503012</v>
      </c>
      <c r="KI15" s="109">
        <v>733907</v>
      </c>
      <c r="KJ15" s="109">
        <v>0</v>
      </c>
      <c r="KK15" s="109">
        <v>0</v>
      </c>
      <c r="KL15" s="110">
        <v>1355433</v>
      </c>
      <c r="KM15" s="130">
        <v>1398917</v>
      </c>
      <c r="KN15" s="219">
        <v>0</v>
      </c>
      <c r="KO15" s="223">
        <v>0</v>
      </c>
      <c r="KP15" s="224">
        <v>0</v>
      </c>
      <c r="KQ15" s="127"/>
      <c r="KR15" s="109">
        <v>751280</v>
      </c>
      <c r="KS15" s="109">
        <v>1248367</v>
      </c>
      <c r="KT15" s="109">
        <v>2589043</v>
      </c>
      <c r="KU15" s="109">
        <v>626315</v>
      </c>
      <c r="KV15" s="109">
        <v>270596</v>
      </c>
      <c r="KW15" s="110">
        <v>5485601</v>
      </c>
      <c r="KX15" s="298">
        <v>5485601</v>
      </c>
      <c r="KY15" s="129">
        <v>0</v>
      </c>
      <c r="KZ15" s="109">
        <v>0</v>
      </c>
      <c r="LA15" s="110">
        <v>0</v>
      </c>
      <c r="LB15" s="132"/>
      <c r="LC15" s="109">
        <v>0</v>
      </c>
      <c r="LD15" s="109">
        <v>182960</v>
      </c>
      <c r="LE15" s="109">
        <v>0</v>
      </c>
      <c r="LF15" s="109">
        <v>0</v>
      </c>
      <c r="LG15" s="109">
        <v>0</v>
      </c>
      <c r="LH15" s="110">
        <v>182960</v>
      </c>
      <c r="LI15" s="111">
        <v>182960</v>
      </c>
      <c r="LJ15" s="129">
        <v>0</v>
      </c>
      <c r="LK15" s="109">
        <v>0</v>
      </c>
      <c r="LL15" s="110">
        <v>0</v>
      </c>
      <c r="LM15" s="132"/>
      <c r="LN15" s="109">
        <v>0</v>
      </c>
      <c r="LO15" s="109">
        <v>0</v>
      </c>
      <c r="LP15" s="109">
        <v>0</v>
      </c>
      <c r="LQ15" s="109">
        <v>0</v>
      </c>
      <c r="LR15" s="109">
        <v>0</v>
      </c>
      <c r="LS15" s="110">
        <v>0</v>
      </c>
      <c r="LT15" s="298">
        <v>0</v>
      </c>
      <c r="LU15" s="129">
        <v>0</v>
      </c>
      <c r="LV15" s="109">
        <v>0</v>
      </c>
      <c r="LW15" s="110">
        <v>0</v>
      </c>
      <c r="LX15" s="132"/>
      <c r="LY15" s="109">
        <v>0</v>
      </c>
      <c r="LZ15" s="109">
        <v>191521</v>
      </c>
      <c r="MA15" s="109">
        <v>0</v>
      </c>
      <c r="MB15" s="109">
        <v>0</v>
      </c>
      <c r="MC15" s="109">
        <v>325185</v>
      </c>
      <c r="MD15" s="110">
        <v>516706</v>
      </c>
      <c r="ME15" s="111">
        <v>516706</v>
      </c>
      <c r="MF15" s="129">
        <v>0</v>
      </c>
      <c r="MG15" s="109">
        <v>0</v>
      </c>
      <c r="MH15" s="110">
        <v>0</v>
      </c>
      <c r="MI15" s="132"/>
      <c r="MJ15" s="109">
        <v>0</v>
      </c>
      <c r="MK15" s="109">
        <v>983605</v>
      </c>
      <c r="ML15" s="109">
        <v>4168509</v>
      </c>
      <c r="MM15" s="109">
        <v>8930442</v>
      </c>
      <c r="MN15" s="109">
        <v>3960216</v>
      </c>
      <c r="MO15" s="110">
        <v>18042772</v>
      </c>
      <c r="MP15" s="130">
        <v>18042772</v>
      </c>
      <c r="MQ15" s="129">
        <v>0</v>
      </c>
      <c r="MR15" s="109">
        <v>0</v>
      </c>
      <c r="MS15" s="110">
        <v>0</v>
      </c>
      <c r="MT15" s="132"/>
      <c r="MU15" s="109">
        <v>0</v>
      </c>
      <c r="MV15" s="109">
        <v>0</v>
      </c>
      <c r="MW15" s="109">
        <v>2485350</v>
      </c>
      <c r="MX15" s="109">
        <v>6134647</v>
      </c>
      <c r="MY15" s="109">
        <v>2960112</v>
      </c>
      <c r="MZ15" s="110">
        <v>11580109</v>
      </c>
      <c r="NA15" s="130">
        <v>11580109</v>
      </c>
      <c r="NB15" s="129">
        <v>0</v>
      </c>
      <c r="NC15" s="109">
        <v>0</v>
      </c>
      <c r="ND15" s="110">
        <v>0</v>
      </c>
      <c r="NE15" s="132"/>
      <c r="NF15" s="109">
        <v>0</v>
      </c>
      <c r="NG15" s="109">
        <v>983605</v>
      </c>
      <c r="NH15" s="109">
        <v>1683159</v>
      </c>
      <c r="NI15" s="109">
        <v>2447533</v>
      </c>
      <c r="NJ15" s="109">
        <v>1000104</v>
      </c>
      <c r="NK15" s="110">
        <v>6114401</v>
      </c>
      <c r="NL15" s="298">
        <v>6114401</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0</v>
      </c>
      <c r="OE15" s="109">
        <v>348262</v>
      </c>
      <c r="OF15" s="109">
        <v>0</v>
      </c>
      <c r="OG15" s="110">
        <v>348262</v>
      </c>
      <c r="OH15" s="111">
        <v>348262</v>
      </c>
      <c r="OI15" s="129">
        <v>903080</v>
      </c>
      <c r="OJ15" s="109">
        <v>813091</v>
      </c>
      <c r="OK15" s="128">
        <v>1716171</v>
      </c>
      <c r="OL15" s="108">
        <v>0</v>
      </c>
      <c r="OM15" s="109">
        <v>14956016</v>
      </c>
      <c r="ON15" s="109">
        <v>15718837</v>
      </c>
      <c r="OO15" s="109">
        <v>21379961</v>
      </c>
      <c r="OP15" s="109">
        <v>21370477</v>
      </c>
      <c r="OQ15" s="109">
        <v>12894828</v>
      </c>
      <c r="OR15" s="110">
        <v>86320119</v>
      </c>
      <c r="OS15" s="130">
        <v>88036290</v>
      </c>
    </row>
    <row r="16" spans="1:409" ht="21" customHeight="1" x14ac:dyDescent="0.2">
      <c r="B16" s="472" t="s">
        <v>10</v>
      </c>
      <c r="C16" s="100">
        <v>1595610</v>
      </c>
      <c r="D16" s="104">
        <v>1600062</v>
      </c>
      <c r="E16" s="103">
        <v>3195672</v>
      </c>
      <c r="F16" s="159">
        <v>0</v>
      </c>
      <c r="G16" s="104">
        <v>20609693</v>
      </c>
      <c r="H16" s="104">
        <v>15933816</v>
      </c>
      <c r="I16" s="104">
        <v>11082479</v>
      </c>
      <c r="J16" s="104">
        <v>16201295</v>
      </c>
      <c r="K16" s="104">
        <v>10351995</v>
      </c>
      <c r="L16" s="99">
        <v>74179278</v>
      </c>
      <c r="M16" s="106">
        <v>77374950</v>
      </c>
      <c r="N16" s="100">
        <v>449543</v>
      </c>
      <c r="O16" s="104">
        <v>656667</v>
      </c>
      <c r="P16" s="103">
        <v>1106210</v>
      </c>
      <c r="Q16" s="100">
        <v>0</v>
      </c>
      <c r="R16" s="104">
        <v>7046719</v>
      </c>
      <c r="S16" s="104">
        <v>5167220</v>
      </c>
      <c r="T16" s="104">
        <v>3424775</v>
      </c>
      <c r="U16" s="104">
        <v>6736396</v>
      </c>
      <c r="V16" s="104">
        <v>6623038</v>
      </c>
      <c r="W16" s="103">
        <v>28998148</v>
      </c>
      <c r="X16" s="106">
        <v>30104358</v>
      </c>
      <c r="Y16" s="100">
        <v>0</v>
      </c>
      <c r="Z16" s="104">
        <v>0</v>
      </c>
      <c r="AA16" s="103">
        <v>0</v>
      </c>
      <c r="AB16" s="100">
        <v>0</v>
      </c>
      <c r="AC16" s="104">
        <v>2928664</v>
      </c>
      <c r="AD16" s="104">
        <v>2711163</v>
      </c>
      <c r="AE16" s="104">
        <v>1334931</v>
      </c>
      <c r="AF16" s="104">
        <v>4123232</v>
      </c>
      <c r="AG16" s="104">
        <v>3557473</v>
      </c>
      <c r="AH16" s="103">
        <v>14655463</v>
      </c>
      <c r="AI16" s="106">
        <v>14655463</v>
      </c>
      <c r="AJ16" s="100">
        <v>0</v>
      </c>
      <c r="AK16" s="104">
        <v>0</v>
      </c>
      <c r="AL16" s="103">
        <v>0</v>
      </c>
      <c r="AM16" s="100">
        <v>0</v>
      </c>
      <c r="AN16" s="104">
        <v>59220</v>
      </c>
      <c r="AO16" s="104">
        <v>61249</v>
      </c>
      <c r="AP16" s="104">
        <v>178570</v>
      </c>
      <c r="AQ16" s="104">
        <v>339702</v>
      </c>
      <c r="AR16" s="104">
        <v>752395</v>
      </c>
      <c r="AS16" s="103">
        <v>1391136</v>
      </c>
      <c r="AT16" s="106">
        <v>1391136</v>
      </c>
      <c r="AU16" s="100">
        <v>233082</v>
      </c>
      <c r="AV16" s="104">
        <v>520664</v>
      </c>
      <c r="AW16" s="103">
        <v>753746</v>
      </c>
      <c r="AX16" s="100">
        <v>0</v>
      </c>
      <c r="AY16" s="104">
        <v>2704500</v>
      </c>
      <c r="AZ16" s="104">
        <v>1405767</v>
      </c>
      <c r="BA16" s="104">
        <v>1071210</v>
      </c>
      <c r="BB16" s="104">
        <v>1151218</v>
      </c>
      <c r="BC16" s="104">
        <v>1436619</v>
      </c>
      <c r="BD16" s="103">
        <v>7769314</v>
      </c>
      <c r="BE16" s="106">
        <v>8523060</v>
      </c>
      <c r="BF16" s="100">
        <v>40061</v>
      </c>
      <c r="BG16" s="104">
        <v>83427</v>
      </c>
      <c r="BH16" s="102">
        <v>123488</v>
      </c>
      <c r="BI16" s="101">
        <v>0</v>
      </c>
      <c r="BJ16" s="104">
        <v>251799</v>
      </c>
      <c r="BK16" s="104">
        <v>154097</v>
      </c>
      <c r="BL16" s="104">
        <v>107760</v>
      </c>
      <c r="BM16" s="104">
        <v>154076</v>
      </c>
      <c r="BN16" s="104">
        <v>167159</v>
      </c>
      <c r="BO16" s="103">
        <v>834891</v>
      </c>
      <c r="BP16" s="106">
        <v>958379</v>
      </c>
      <c r="BQ16" s="100">
        <v>176400</v>
      </c>
      <c r="BR16" s="104">
        <v>52576</v>
      </c>
      <c r="BS16" s="103">
        <v>228976</v>
      </c>
      <c r="BT16" s="100">
        <v>0</v>
      </c>
      <c r="BU16" s="104">
        <v>1102536</v>
      </c>
      <c r="BV16" s="104">
        <v>834944</v>
      </c>
      <c r="BW16" s="104">
        <v>732304</v>
      </c>
      <c r="BX16" s="104">
        <v>968168</v>
      </c>
      <c r="BY16" s="104">
        <v>709392</v>
      </c>
      <c r="BZ16" s="103">
        <v>4347344</v>
      </c>
      <c r="CA16" s="106">
        <v>4576320</v>
      </c>
      <c r="CB16" s="100">
        <v>101521</v>
      </c>
      <c r="CC16" s="104">
        <v>275249</v>
      </c>
      <c r="CD16" s="103">
        <v>376770</v>
      </c>
      <c r="CE16" s="100">
        <v>0</v>
      </c>
      <c r="CF16" s="104">
        <v>6376878</v>
      </c>
      <c r="CG16" s="104">
        <v>4828381</v>
      </c>
      <c r="CH16" s="104">
        <v>3091576</v>
      </c>
      <c r="CI16" s="104">
        <v>2383265</v>
      </c>
      <c r="CJ16" s="104">
        <v>903432</v>
      </c>
      <c r="CK16" s="103">
        <v>17583532</v>
      </c>
      <c r="CL16" s="106">
        <v>17960302</v>
      </c>
      <c r="CM16" s="100">
        <v>0</v>
      </c>
      <c r="CN16" s="104">
        <v>0</v>
      </c>
      <c r="CO16" s="103">
        <v>0</v>
      </c>
      <c r="CP16" s="101">
        <v>0</v>
      </c>
      <c r="CQ16" s="104">
        <v>4920271</v>
      </c>
      <c r="CR16" s="104">
        <v>4127262</v>
      </c>
      <c r="CS16" s="104">
        <v>2595187</v>
      </c>
      <c r="CT16" s="104">
        <v>1828891</v>
      </c>
      <c r="CU16" s="104">
        <v>596009</v>
      </c>
      <c r="CV16" s="103">
        <v>14067620</v>
      </c>
      <c r="CW16" s="106">
        <v>14067620</v>
      </c>
      <c r="CX16" s="100">
        <v>101521</v>
      </c>
      <c r="CY16" s="104">
        <v>275249</v>
      </c>
      <c r="CZ16" s="103">
        <v>376770</v>
      </c>
      <c r="DA16" s="100">
        <v>0</v>
      </c>
      <c r="DB16" s="104">
        <v>1456607</v>
      </c>
      <c r="DC16" s="104">
        <v>701119</v>
      </c>
      <c r="DD16" s="104">
        <v>496389</v>
      </c>
      <c r="DE16" s="104">
        <v>554374</v>
      </c>
      <c r="DF16" s="104">
        <v>307423</v>
      </c>
      <c r="DG16" s="103">
        <v>3515912</v>
      </c>
      <c r="DH16" s="106">
        <v>3892682</v>
      </c>
      <c r="DI16" s="100">
        <v>0</v>
      </c>
      <c r="DJ16" s="104">
        <v>0</v>
      </c>
      <c r="DK16" s="102">
        <v>0</v>
      </c>
      <c r="DL16" s="101">
        <v>0</v>
      </c>
      <c r="DM16" s="104">
        <v>467434</v>
      </c>
      <c r="DN16" s="104">
        <v>983044</v>
      </c>
      <c r="DO16" s="104">
        <v>1132707</v>
      </c>
      <c r="DP16" s="104">
        <v>1453689</v>
      </c>
      <c r="DQ16" s="104">
        <v>234207</v>
      </c>
      <c r="DR16" s="103">
        <v>4271081</v>
      </c>
      <c r="DS16" s="106">
        <v>4271081</v>
      </c>
      <c r="DT16" s="100">
        <v>0</v>
      </c>
      <c r="DU16" s="104">
        <v>0</v>
      </c>
      <c r="DV16" s="103">
        <v>0</v>
      </c>
      <c r="DW16" s="100">
        <v>0</v>
      </c>
      <c r="DX16" s="104">
        <v>467434</v>
      </c>
      <c r="DY16" s="104">
        <v>897674</v>
      </c>
      <c r="DZ16" s="104">
        <v>706119</v>
      </c>
      <c r="EA16" s="104">
        <v>1362786</v>
      </c>
      <c r="EB16" s="104">
        <v>169526</v>
      </c>
      <c r="EC16" s="103">
        <v>3603539</v>
      </c>
      <c r="ED16" s="106">
        <v>3603539</v>
      </c>
      <c r="EE16" s="100">
        <v>0</v>
      </c>
      <c r="EF16" s="102">
        <v>0</v>
      </c>
      <c r="EG16" s="103">
        <v>0</v>
      </c>
      <c r="EH16" s="100">
        <v>0</v>
      </c>
      <c r="EI16" s="104">
        <v>0</v>
      </c>
      <c r="EJ16" s="104">
        <v>85370</v>
      </c>
      <c r="EK16" s="104">
        <v>426588</v>
      </c>
      <c r="EL16" s="104">
        <v>90903</v>
      </c>
      <c r="EM16" s="104">
        <v>64681</v>
      </c>
      <c r="EN16" s="102">
        <v>667542</v>
      </c>
      <c r="EO16" s="106">
        <v>667542</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686618</v>
      </c>
      <c r="FM16" s="104">
        <v>668146</v>
      </c>
      <c r="FN16" s="103">
        <v>1354764</v>
      </c>
      <c r="FO16" s="100">
        <v>0</v>
      </c>
      <c r="FP16" s="104">
        <v>1237381</v>
      </c>
      <c r="FQ16" s="104">
        <v>1503823</v>
      </c>
      <c r="FR16" s="104">
        <v>919064</v>
      </c>
      <c r="FS16" s="104">
        <v>1341024</v>
      </c>
      <c r="FT16" s="104">
        <v>787032</v>
      </c>
      <c r="FU16" s="103">
        <v>5788324</v>
      </c>
      <c r="FV16" s="106">
        <v>7143088</v>
      </c>
      <c r="FW16" s="105">
        <v>280360</v>
      </c>
      <c r="FX16" s="104">
        <v>379672</v>
      </c>
      <c r="FY16" s="102">
        <v>660032</v>
      </c>
      <c r="FZ16" s="101">
        <v>0</v>
      </c>
      <c r="GA16" s="104">
        <v>865644</v>
      </c>
      <c r="GB16" s="104">
        <v>1442223</v>
      </c>
      <c r="GC16" s="104">
        <v>833464</v>
      </c>
      <c r="GD16" s="104">
        <v>1251616</v>
      </c>
      <c r="GE16" s="104">
        <v>787032</v>
      </c>
      <c r="GF16" s="103">
        <v>5179979</v>
      </c>
      <c r="GG16" s="296">
        <v>5840011</v>
      </c>
      <c r="GH16" s="105">
        <v>0</v>
      </c>
      <c r="GI16" s="104">
        <v>0</v>
      </c>
      <c r="GJ16" s="102">
        <v>0</v>
      </c>
      <c r="GK16" s="101">
        <v>0</v>
      </c>
      <c r="GL16" s="104">
        <v>137337</v>
      </c>
      <c r="GM16" s="104">
        <v>0</v>
      </c>
      <c r="GN16" s="104">
        <v>40000</v>
      </c>
      <c r="GO16" s="104">
        <v>45408</v>
      </c>
      <c r="GP16" s="104">
        <v>0</v>
      </c>
      <c r="GQ16" s="103">
        <v>222745</v>
      </c>
      <c r="GR16" s="106">
        <v>222745</v>
      </c>
      <c r="GS16" s="100">
        <v>406258</v>
      </c>
      <c r="GT16" s="104">
        <v>288474</v>
      </c>
      <c r="GU16" s="103">
        <v>694732</v>
      </c>
      <c r="GV16" s="100">
        <v>0</v>
      </c>
      <c r="GW16" s="104">
        <v>234400</v>
      </c>
      <c r="GX16" s="104">
        <v>61600</v>
      </c>
      <c r="GY16" s="104">
        <v>45600</v>
      </c>
      <c r="GZ16" s="104">
        <v>44000</v>
      </c>
      <c r="HA16" s="104">
        <v>0</v>
      </c>
      <c r="HB16" s="102">
        <v>385600</v>
      </c>
      <c r="HC16" s="106">
        <v>1080332</v>
      </c>
      <c r="HD16" s="100">
        <v>357928</v>
      </c>
      <c r="HE16" s="104">
        <v>0</v>
      </c>
      <c r="HF16" s="102">
        <v>357928</v>
      </c>
      <c r="HG16" s="101">
        <v>0</v>
      </c>
      <c r="HH16" s="104">
        <v>5481281</v>
      </c>
      <c r="HI16" s="104">
        <v>3451348</v>
      </c>
      <c r="HJ16" s="104">
        <v>2514357</v>
      </c>
      <c r="HK16" s="104">
        <v>4286921</v>
      </c>
      <c r="HL16" s="104">
        <v>1804286</v>
      </c>
      <c r="HM16" s="103">
        <v>17538193</v>
      </c>
      <c r="HN16" s="99">
        <v>17896121</v>
      </c>
      <c r="HO16" s="306"/>
      <c r="HP16" s="307"/>
      <c r="HQ16" s="308"/>
      <c r="HR16" s="309"/>
      <c r="HS16" s="307"/>
      <c r="HT16" s="307"/>
      <c r="HU16" s="307"/>
      <c r="HV16" s="307"/>
      <c r="HW16" s="307"/>
      <c r="HX16" s="310"/>
      <c r="HY16" s="311"/>
      <c r="HZ16" s="137">
        <v>8391</v>
      </c>
      <c r="IA16" s="122">
        <v>0</v>
      </c>
      <c r="IB16" s="137">
        <v>8391</v>
      </c>
      <c r="IC16" s="121">
        <v>0</v>
      </c>
      <c r="ID16" s="122">
        <v>3267648</v>
      </c>
      <c r="IE16" s="123">
        <v>4828925</v>
      </c>
      <c r="IF16" s="124">
        <v>6868933</v>
      </c>
      <c r="IG16" s="122">
        <v>5544886</v>
      </c>
      <c r="IH16" s="124">
        <v>2763661</v>
      </c>
      <c r="II16" s="125">
        <v>23274053</v>
      </c>
      <c r="IJ16" s="137">
        <v>23282444</v>
      </c>
      <c r="IK16" s="219">
        <v>0</v>
      </c>
      <c r="IL16" s="223">
        <v>0</v>
      </c>
      <c r="IM16" s="224">
        <v>0</v>
      </c>
      <c r="IN16" s="127"/>
      <c r="IO16" s="109">
        <v>89425</v>
      </c>
      <c r="IP16" s="109">
        <v>235720</v>
      </c>
      <c r="IQ16" s="109">
        <v>374161</v>
      </c>
      <c r="IR16" s="109">
        <v>415917</v>
      </c>
      <c r="IS16" s="109">
        <v>174940</v>
      </c>
      <c r="IT16" s="128">
        <v>1290163</v>
      </c>
      <c r="IU16" s="298">
        <v>1290163</v>
      </c>
      <c r="IV16" s="129">
        <v>0</v>
      </c>
      <c r="IW16" s="109">
        <v>0</v>
      </c>
      <c r="IX16" s="110">
        <v>0</v>
      </c>
      <c r="IY16" s="131"/>
      <c r="IZ16" s="109">
        <v>10692</v>
      </c>
      <c r="JA16" s="109">
        <v>0</v>
      </c>
      <c r="JB16" s="109">
        <v>21384</v>
      </c>
      <c r="JC16" s="109">
        <v>0</v>
      </c>
      <c r="JD16" s="109">
        <v>0</v>
      </c>
      <c r="JE16" s="110">
        <v>32076</v>
      </c>
      <c r="JF16" s="111">
        <v>32076</v>
      </c>
      <c r="JG16" s="129">
        <v>0</v>
      </c>
      <c r="JH16" s="109">
        <v>0</v>
      </c>
      <c r="JI16" s="128">
        <v>0</v>
      </c>
      <c r="JJ16" s="108">
        <v>0</v>
      </c>
      <c r="JK16" s="109">
        <v>1312149</v>
      </c>
      <c r="JL16" s="109">
        <v>1530440</v>
      </c>
      <c r="JM16" s="109">
        <v>342118</v>
      </c>
      <c r="JN16" s="109">
        <v>802778</v>
      </c>
      <c r="JO16" s="109">
        <v>27209</v>
      </c>
      <c r="JP16" s="110">
        <v>4014694</v>
      </c>
      <c r="JQ16" s="298">
        <v>4014694</v>
      </c>
      <c r="JR16" s="129">
        <v>0</v>
      </c>
      <c r="JS16" s="109">
        <v>0</v>
      </c>
      <c r="JT16" s="128">
        <v>0</v>
      </c>
      <c r="JU16" s="108">
        <v>0</v>
      </c>
      <c r="JV16" s="109">
        <v>257875</v>
      </c>
      <c r="JW16" s="109">
        <v>0</v>
      </c>
      <c r="JX16" s="109">
        <v>114488</v>
      </c>
      <c r="JY16" s="109">
        <v>118556</v>
      </c>
      <c r="JZ16" s="109">
        <v>72427</v>
      </c>
      <c r="KA16" s="110">
        <v>563346</v>
      </c>
      <c r="KB16" s="298">
        <v>563346</v>
      </c>
      <c r="KC16" s="221">
        <v>8391</v>
      </c>
      <c r="KD16" s="217">
        <v>0</v>
      </c>
      <c r="KE16" s="110">
        <v>8391</v>
      </c>
      <c r="KF16" s="108">
        <v>0</v>
      </c>
      <c r="KG16" s="109">
        <v>359792</v>
      </c>
      <c r="KH16" s="109">
        <v>515840</v>
      </c>
      <c r="KI16" s="109">
        <v>981025</v>
      </c>
      <c r="KJ16" s="109">
        <v>721825</v>
      </c>
      <c r="KK16" s="109">
        <v>0</v>
      </c>
      <c r="KL16" s="110">
        <v>2578482</v>
      </c>
      <c r="KM16" s="130">
        <v>2586873</v>
      </c>
      <c r="KN16" s="219">
        <v>0</v>
      </c>
      <c r="KO16" s="223">
        <v>0</v>
      </c>
      <c r="KP16" s="224">
        <v>0</v>
      </c>
      <c r="KQ16" s="127"/>
      <c r="KR16" s="109">
        <v>705824</v>
      </c>
      <c r="KS16" s="109">
        <v>2269954</v>
      </c>
      <c r="KT16" s="109">
        <v>2999185</v>
      </c>
      <c r="KU16" s="109">
        <v>266652</v>
      </c>
      <c r="KV16" s="109">
        <v>1077362</v>
      </c>
      <c r="KW16" s="110">
        <v>7318977</v>
      </c>
      <c r="KX16" s="298">
        <v>7318977</v>
      </c>
      <c r="KY16" s="129">
        <v>0</v>
      </c>
      <c r="KZ16" s="109">
        <v>0</v>
      </c>
      <c r="LA16" s="110">
        <v>0</v>
      </c>
      <c r="LB16" s="132"/>
      <c r="LC16" s="109">
        <v>321021</v>
      </c>
      <c r="LD16" s="109">
        <v>264771</v>
      </c>
      <c r="LE16" s="109">
        <v>1151039</v>
      </c>
      <c r="LF16" s="109">
        <v>0</v>
      </c>
      <c r="LG16" s="109">
        <v>239974</v>
      </c>
      <c r="LH16" s="110">
        <v>1976805</v>
      </c>
      <c r="LI16" s="111">
        <v>1976805</v>
      </c>
      <c r="LJ16" s="129">
        <v>0</v>
      </c>
      <c r="LK16" s="109">
        <v>0</v>
      </c>
      <c r="LL16" s="110">
        <v>0</v>
      </c>
      <c r="LM16" s="132"/>
      <c r="LN16" s="109">
        <v>0</v>
      </c>
      <c r="LO16" s="109">
        <v>212983</v>
      </c>
      <c r="LP16" s="109">
        <v>233877</v>
      </c>
      <c r="LQ16" s="109">
        <v>1080068</v>
      </c>
      <c r="LR16" s="109">
        <v>823509</v>
      </c>
      <c r="LS16" s="110">
        <v>2350437</v>
      </c>
      <c r="LT16" s="298">
        <v>2350437</v>
      </c>
      <c r="LU16" s="129">
        <v>0</v>
      </c>
      <c r="LV16" s="109">
        <v>0</v>
      </c>
      <c r="LW16" s="110">
        <v>0</v>
      </c>
      <c r="LX16" s="132"/>
      <c r="LY16" s="109">
        <v>210870</v>
      </c>
      <c r="LZ16" s="109">
        <v>-200783</v>
      </c>
      <c r="MA16" s="109">
        <v>651656</v>
      </c>
      <c r="MB16" s="109">
        <v>2139090</v>
      </c>
      <c r="MC16" s="109">
        <v>348240</v>
      </c>
      <c r="MD16" s="110">
        <v>3149073</v>
      </c>
      <c r="ME16" s="111">
        <v>3149073</v>
      </c>
      <c r="MF16" s="129">
        <v>0</v>
      </c>
      <c r="MG16" s="109">
        <v>0</v>
      </c>
      <c r="MH16" s="110">
        <v>0</v>
      </c>
      <c r="MI16" s="132"/>
      <c r="MJ16" s="109">
        <v>1617134</v>
      </c>
      <c r="MK16" s="109">
        <v>2183519</v>
      </c>
      <c r="ML16" s="109">
        <v>7729706</v>
      </c>
      <c r="MM16" s="109">
        <v>12669780</v>
      </c>
      <c r="MN16" s="109">
        <v>7039461</v>
      </c>
      <c r="MO16" s="110">
        <v>31239600</v>
      </c>
      <c r="MP16" s="130">
        <v>31239600</v>
      </c>
      <c r="MQ16" s="129">
        <v>0</v>
      </c>
      <c r="MR16" s="109">
        <v>0</v>
      </c>
      <c r="MS16" s="110">
        <v>0</v>
      </c>
      <c r="MT16" s="132"/>
      <c r="MU16" s="109">
        <v>215310</v>
      </c>
      <c r="MV16" s="109">
        <v>0</v>
      </c>
      <c r="MW16" s="109">
        <v>5424990</v>
      </c>
      <c r="MX16" s="109">
        <v>8752294</v>
      </c>
      <c r="MY16" s="109">
        <v>3300194</v>
      </c>
      <c r="MZ16" s="110">
        <v>17692788</v>
      </c>
      <c r="NA16" s="130">
        <v>17692788</v>
      </c>
      <c r="NB16" s="129">
        <v>0</v>
      </c>
      <c r="NC16" s="109">
        <v>0</v>
      </c>
      <c r="ND16" s="110">
        <v>0</v>
      </c>
      <c r="NE16" s="132"/>
      <c r="NF16" s="109">
        <v>1401824</v>
      </c>
      <c r="NG16" s="109">
        <v>2183519</v>
      </c>
      <c r="NH16" s="109">
        <v>2304716</v>
      </c>
      <c r="NI16" s="109">
        <v>3917486</v>
      </c>
      <c r="NJ16" s="109">
        <v>3003590</v>
      </c>
      <c r="NK16" s="110">
        <v>12811135</v>
      </c>
      <c r="NL16" s="298">
        <v>12811135</v>
      </c>
      <c r="NM16" s="129">
        <v>0</v>
      </c>
      <c r="NN16" s="109">
        <v>0</v>
      </c>
      <c r="NO16" s="110">
        <v>0</v>
      </c>
      <c r="NP16" s="132"/>
      <c r="NQ16" s="109">
        <v>0</v>
      </c>
      <c r="NR16" s="109">
        <v>0</v>
      </c>
      <c r="NS16" s="109">
        <v>0</v>
      </c>
      <c r="NT16" s="109">
        <v>0</v>
      </c>
      <c r="NU16" s="109">
        <v>352044</v>
      </c>
      <c r="NV16" s="110">
        <v>352044</v>
      </c>
      <c r="NW16" s="111">
        <v>352044</v>
      </c>
      <c r="NX16" s="129">
        <v>0</v>
      </c>
      <c r="NY16" s="109">
        <v>0</v>
      </c>
      <c r="NZ16" s="110">
        <v>0</v>
      </c>
      <c r="OA16" s="132"/>
      <c r="OB16" s="109">
        <v>0</v>
      </c>
      <c r="OC16" s="109">
        <v>0</v>
      </c>
      <c r="OD16" s="109">
        <v>0</v>
      </c>
      <c r="OE16" s="109">
        <v>0</v>
      </c>
      <c r="OF16" s="109">
        <v>383633</v>
      </c>
      <c r="OG16" s="110">
        <v>383633</v>
      </c>
      <c r="OH16" s="111">
        <v>383633</v>
      </c>
      <c r="OI16" s="129">
        <v>1604001</v>
      </c>
      <c r="OJ16" s="109">
        <v>1600062</v>
      </c>
      <c r="OK16" s="128">
        <v>3204063</v>
      </c>
      <c r="OL16" s="108">
        <v>0</v>
      </c>
      <c r="OM16" s="109">
        <v>25494475</v>
      </c>
      <c r="ON16" s="109">
        <v>22946260</v>
      </c>
      <c r="OO16" s="109">
        <v>25681118</v>
      </c>
      <c r="OP16" s="109">
        <v>34415961</v>
      </c>
      <c r="OQ16" s="109">
        <v>20155117</v>
      </c>
      <c r="OR16" s="110">
        <v>128692931</v>
      </c>
      <c r="OS16" s="130">
        <v>131896994</v>
      </c>
    </row>
    <row r="17" spans="2:409" ht="21" customHeight="1" x14ac:dyDescent="0.2">
      <c r="B17" s="472" t="s">
        <v>11</v>
      </c>
      <c r="C17" s="100">
        <v>768354</v>
      </c>
      <c r="D17" s="104">
        <v>804517</v>
      </c>
      <c r="E17" s="158">
        <v>1572871</v>
      </c>
      <c r="F17" s="101">
        <v>0</v>
      </c>
      <c r="G17" s="104">
        <v>6857169</v>
      </c>
      <c r="H17" s="104">
        <v>7021732</v>
      </c>
      <c r="I17" s="104">
        <v>5270020</v>
      </c>
      <c r="J17" s="104">
        <v>9079004</v>
      </c>
      <c r="K17" s="104">
        <v>4344215</v>
      </c>
      <c r="L17" s="99">
        <v>32572140</v>
      </c>
      <c r="M17" s="106">
        <v>34145011</v>
      </c>
      <c r="N17" s="100">
        <v>166524</v>
      </c>
      <c r="O17" s="104">
        <v>157034</v>
      </c>
      <c r="P17" s="103">
        <v>323558</v>
      </c>
      <c r="Q17" s="100">
        <v>0</v>
      </c>
      <c r="R17" s="104">
        <v>1235052</v>
      </c>
      <c r="S17" s="104">
        <v>1698292</v>
      </c>
      <c r="T17" s="104">
        <v>1777404</v>
      </c>
      <c r="U17" s="104">
        <v>2461860</v>
      </c>
      <c r="V17" s="104">
        <v>2533875</v>
      </c>
      <c r="W17" s="103">
        <v>9706483</v>
      </c>
      <c r="X17" s="106">
        <v>10030041</v>
      </c>
      <c r="Y17" s="100">
        <v>0</v>
      </c>
      <c r="Z17" s="104">
        <v>0</v>
      </c>
      <c r="AA17" s="103">
        <v>0</v>
      </c>
      <c r="AB17" s="100">
        <v>0</v>
      </c>
      <c r="AC17" s="104">
        <v>322400</v>
      </c>
      <c r="AD17" s="104">
        <v>713859</v>
      </c>
      <c r="AE17" s="104">
        <v>940583</v>
      </c>
      <c r="AF17" s="104">
        <v>1273113</v>
      </c>
      <c r="AG17" s="104">
        <v>1882903</v>
      </c>
      <c r="AH17" s="103">
        <v>5132858</v>
      </c>
      <c r="AI17" s="106">
        <v>5132858</v>
      </c>
      <c r="AJ17" s="100">
        <v>0</v>
      </c>
      <c r="AK17" s="104">
        <v>0</v>
      </c>
      <c r="AL17" s="103">
        <v>0</v>
      </c>
      <c r="AM17" s="100">
        <v>0</v>
      </c>
      <c r="AN17" s="104">
        <v>0</v>
      </c>
      <c r="AO17" s="104">
        <v>161414</v>
      </c>
      <c r="AP17" s="104">
        <v>80702</v>
      </c>
      <c r="AQ17" s="104">
        <v>266557</v>
      </c>
      <c r="AR17" s="104">
        <v>236730</v>
      </c>
      <c r="AS17" s="103">
        <v>745403</v>
      </c>
      <c r="AT17" s="106">
        <v>745403</v>
      </c>
      <c r="AU17" s="100">
        <v>145796</v>
      </c>
      <c r="AV17" s="104">
        <v>70753</v>
      </c>
      <c r="AW17" s="103">
        <v>216549</v>
      </c>
      <c r="AX17" s="100">
        <v>0</v>
      </c>
      <c r="AY17" s="104">
        <v>614404</v>
      </c>
      <c r="AZ17" s="104">
        <v>494859</v>
      </c>
      <c r="BA17" s="104">
        <v>549935</v>
      </c>
      <c r="BB17" s="104">
        <v>471237</v>
      </c>
      <c r="BC17" s="104">
        <v>223363</v>
      </c>
      <c r="BD17" s="103">
        <v>2353798</v>
      </c>
      <c r="BE17" s="106">
        <v>2570347</v>
      </c>
      <c r="BF17" s="100">
        <v>0</v>
      </c>
      <c r="BG17" s="104">
        <v>57553</v>
      </c>
      <c r="BH17" s="102">
        <v>57553</v>
      </c>
      <c r="BI17" s="101">
        <v>0</v>
      </c>
      <c r="BJ17" s="104">
        <v>45888</v>
      </c>
      <c r="BK17" s="104">
        <v>0</v>
      </c>
      <c r="BL17" s="104">
        <v>30592</v>
      </c>
      <c r="BM17" s="104">
        <v>156641</v>
      </c>
      <c r="BN17" s="104">
        <v>47095</v>
      </c>
      <c r="BO17" s="103">
        <v>280216</v>
      </c>
      <c r="BP17" s="106">
        <v>337769</v>
      </c>
      <c r="BQ17" s="100">
        <v>20728</v>
      </c>
      <c r="BR17" s="104">
        <v>28728</v>
      </c>
      <c r="BS17" s="103">
        <v>49456</v>
      </c>
      <c r="BT17" s="100">
        <v>0</v>
      </c>
      <c r="BU17" s="104">
        <v>252360</v>
      </c>
      <c r="BV17" s="104">
        <v>328160</v>
      </c>
      <c r="BW17" s="104">
        <v>175592</v>
      </c>
      <c r="BX17" s="104">
        <v>294312</v>
      </c>
      <c r="BY17" s="104">
        <v>143784</v>
      </c>
      <c r="BZ17" s="103">
        <v>1194208</v>
      </c>
      <c r="CA17" s="106">
        <v>1243664</v>
      </c>
      <c r="CB17" s="100">
        <v>186256</v>
      </c>
      <c r="CC17" s="104">
        <v>188581</v>
      </c>
      <c r="CD17" s="103">
        <v>374837</v>
      </c>
      <c r="CE17" s="100">
        <v>0</v>
      </c>
      <c r="CF17" s="104">
        <v>2503761</v>
      </c>
      <c r="CG17" s="104">
        <v>1991867</v>
      </c>
      <c r="CH17" s="104">
        <v>1589814</v>
      </c>
      <c r="CI17" s="104">
        <v>1955217</v>
      </c>
      <c r="CJ17" s="104">
        <v>190055</v>
      </c>
      <c r="CK17" s="103">
        <v>8230714</v>
      </c>
      <c r="CL17" s="106">
        <v>8605551</v>
      </c>
      <c r="CM17" s="100">
        <v>0</v>
      </c>
      <c r="CN17" s="104">
        <v>0</v>
      </c>
      <c r="CO17" s="103">
        <v>0</v>
      </c>
      <c r="CP17" s="101">
        <v>0</v>
      </c>
      <c r="CQ17" s="104">
        <v>1919304</v>
      </c>
      <c r="CR17" s="104">
        <v>1573377</v>
      </c>
      <c r="CS17" s="104">
        <v>998624</v>
      </c>
      <c r="CT17" s="104">
        <v>1087289</v>
      </c>
      <c r="CU17" s="104">
        <v>151975</v>
      </c>
      <c r="CV17" s="103">
        <v>5730569</v>
      </c>
      <c r="CW17" s="106">
        <v>5730569</v>
      </c>
      <c r="CX17" s="100">
        <v>186256</v>
      </c>
      <c r="CY17" s="104">
        <v>188581</v>
      </c>
      <c r="CZ17" s="103">
        <v>374837</v>
      </c>
      <c r="DA17" s="100">
        <v>0</v>
      </c>
      <c r="DB17" s="104">
        <v>584457</v>
      </c>
      <c r="DC17" s="104">
        <v>418490</v>
      </c>
      <c r="DD17" s="104">
        <v>591190</v>
      </c>
      <c r="DE17" s="104">
        <v>867928</v>
      </c>
      <c r="DF17" s="104">
        <v>38080</v>
      </c>
      <c r="DG17" s="103">
        <v>2500145</v>
      </c>
      <c r="DH17" s="106">
        <v>2874982</v>
      </c>
      <c r="DI17" s="100">
        <v>30518</v>
      </c>
      <c r="DJ17" s="104">
        <v>97676</v>
      </c>
      <c r="DK17" s="102">
        <v>128194</v>
      </c>
      <c r="DL17" s="101">
        <v>0</v>
      </c>
      <c r="DM17" s="104">
        <v>262810</v>
      </c>
      <c r="DN17" s="104">
        <v>603632</v>
      </c>
      <c r="DO17" s="104">
        <v>178383</v>
      </c>
      <c r="DP17" s="104">
        <v>422500</v>
      </c>
      <c r="DQ17" s="104">
        <v>394290</v>
      </c>
      <c r="DR17" s="103">
        <v>1861615</v>
      </c>
      <c r="DS17" s="106">
        <v>1989809</v>
      </c>
      <c r="DT17" s="100">
        <v>30518</v>
      </c>
      <c r="DU17" s="104">
        <v>97676</v>
      </c>
      <c r="DV17" s="103">
        <v>128194</v>
      </c>
      <c r="DW17" s="100">
        <v>0</v>
      </c>
      <c r="DX17" s="104">
        <v>262810</v>
      </c>
      <c r="DY17" s="104">
        <v>603632</v>
      </c>
      <c r="DZ17" s="104">
        <v>178383</v>
      </c>
      <c r="EA17" s="104">
        <v>351742</v>
      </c>
      <c r="EB17" s="104">
        <v>394290</v>
      </c>
      <c r="EC17" s="103">
        <v>1790857</v>
      </c>
      <c r="ED17" s="106">
        <v>1919051</v>
      </c>
      <c r="EE17" s="100">
        <v>0</v>
      </c>
      <c r="EF17" s="102">
        <v>0</v>
      </c>
      <c r="EG17" s="103">
        <v>0</v>
      </c>
      <c r="EH17" s="100">
        <v>0</v>
      </c>
      <c r="EI17" s="104">
        <v>0</v>
      </c>
      <c r="EJ17" s="104">
        <v>0</v>
      </c>
      <c r="EK17" s="104">
        <v>0</v>
      </c>
      <c r="EL17" s="104">
        <v>70758</v>
      </c>
      <c r="EM17" s="104">
        <v>0</v>
      </c>
      <c r="EN17" s="102">
        <v>70758</v>
      </c>
      <c r="EO17" s="106">
        <v>70758</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215600</v>
      </c>
      <c r="FM17" s="104">
        <v>161096</v>
      </c>
      <c r="FN17" s="103">
        <v>376696</v>
      </c>
      <c r="FO17" s="100">
        <v>0</v>
      </c>
      <c r="FP17" s="104">
        <v>257728</v>
      </c>
      <c r="FQ17" s="104">
        <v>845760</v>
      </c>
      <c r="FR17" s="104">
        <v>435864</v>
      </c>
      <c r="FS17" s="104">
        <v>853472</v>
      </c>
      <c r="FT17" s="104">
        <v>273528</v>
      </c>
      <c r="FU17" s="103">
        <v>2666352</v>
      </c>
      <c r="FV17" s="106">
        <v>3043048</v>
      </c>
      <c r="FW17" s="105">
        <v>55600</v>
      </c>
      <c r="FX17" s="104">
        <v>161096</v>
      </c>
      <c r="FY17" s="102">
        <v>216696</v>
      </c>
      <c r="FZ17" s="101">
        <v>0</v>
      </c>
      <c r="GA17" s="104">
        <v>257728</v>
      </c>
      <c r="GB17" s="104">
        <v>649600</v>
      </c>
      <c r="GC17" s="104">
        <v>391512</v>
      </c>
      <c r="GD17" s="104">
        <v>646688</v>
      </c>
      <c r="GE17" s="104">
        <v>203128</v>
      </c>
      <c r="GF17" s="103">
        <v>2148656</v>
      </c>
      <c r="GG17" s="296">
        <v>2365352</v>
      </c>
      <c r="GH17" s="105">
        <v>0</v>
      </c>
      <c r="GI17" s="104">
        <v>0</v>
      </c>
      <c r="GJ17" s="102">
        <v>0</v>
      </c>
      <c r="GK17" s="101">
        <v>0</v>
      </c>
      <c r="GL17" s="104">
        <v>0</v>
      </c>
      <c r="GM17" s="104">
        <v>0</v>
      </c>
      <c r="GN17" s="104">
        <v>44352</v>
      </c>
      <c r="GO17" s="104">
        <v>46784</v>
      </c>
      <c r="GP17" s="104">
        <v>0</v>
      </c>
      <c r="GQ17" s="103">
        <v>91136</v>
      </c>
      <c r="GR17" s="106">
        <v>91136</v>
      </c>
      <c r="GS17" s="100">
        <v>160000</v>
      </c>
      <c r="GT17" s="104">
        <v>0</v>
      </c>
      <c r="GU17" s="103">
        <v>160000</v>
      </c>
      <c r="GV17" s="100">
        <v>0</v>
      </c>
      <c r="GW17" s="104">
        <v>0</v>
      </c>
      <c r="GX17" s="104">
        <v>196160</v>
      </c>
      <c r="GY17" s="104">
        <v>0</v>
      </c>
      <c r="GZ17" s="104">
        <v>160000</v>
      </c>
      <c r="HA17" s="104">
        <v>70400</v>
      </c>
      <c r="HB17" s="102">
        <v>426560</v>
      </c>
      <c r="HC17" s="106">
        <v>586560</v>
      </c>
      <c r="HD17" s="100">
        <v>169456</v>
      </c>
      <c r="HE17" s="104">
        <v>200130</v>
      </c>
      <c r="HF17" s="102">
        <v>369586</v>
      </c>
      <c r="HG17" s="101">
        <v>0</v>
      </c>
      <c r="HH17" s="104">
        <v>2597818</v>
      </c>
      <c r="HI17" s="104">
        <v>1882181</v>
      </c>
      <c r="HJ17" s="104">
        <v>1288555</v>
      </c>
      <c r="HK17" s="104">
        <v>3385955</v>
      </c>
      <c r="HL17" s="104">
        <v>952467</v>
      </c>
      <c r="HM17" s="103">
        <v>10106976</v>
      </c>
      <c r="HN17" s="99">
        <v>10476562</v>
      </c>
      <c r="HO17" s="306"/>
      <c r="HP17" s="307"/>
      <c r="HQ17" s="308"/>
      <c r="HR17" s="309"/>
      <c r="HS17" s="307"/>
      <c r="HT17" s="307"/>
      <c r="HU17" s="307"/>
      <c r="HV17" s="307"/>
      <c r="HW17" s="307"/>
      <c r="HX17" s="310"/>
      <c r="HY17" s="311"/>
      <c r="HZ17" s="118">
        <v>0</v>
      </c>
      <c r="IA17" s="119">
        <v>0</v>
      </c>
      <c r="IB17" s="120">
        <v>0</v>
      </c>
      <c r="IC17" s="133">
        <v>0</v>
      </c>
      <c r="ID17" s="119">
        <v>1475473</v>
      </c>
      <c r="IE17" s="134">
        <v>1574123</v>
      </c>
      <c r="IF17" s="120">
        <v>2665066</v>
      </c>
      <c r="IG17" s="119">
        <v>1038921</v>
      </c>
      <c r="IH17" s="120">
        <v>429431</v>
      </c>
      <c r="II17" s="135">
        <v>7183014</v>
      </c>
      <c r="IJ17" s="126">
        <v>7183014</v>
      </c>
      <c r="IK17" s="219">
        <v>0</v>
      </c>
      <c r="IL17" s="223">
        <v>0</v>
      </c>
      <c r="IM17" s="224">
        <v>0</v>
      </c>
      <c r="IN17" s="127"/>
      <c r="IO17" s="109">
        <v>100587</v>
      </c>
      <c r="IP17" s="109">
        <v>0</v>
      </c>
      <c r="IQ17" s="109">
        <v>563502</v>
      </c>
      <c r="IR17" s="109">
        <v>0</v>
      </c>
      <c r="IS17" s="109">
        <v>288951</v>
      </c>
      <c r="IT17" s="128">
        <v>953040</v>
      </c>
      <c r="IU17" s="298">
        <v>953040</v>
      </c>
      <c r="IV17" s="129">
        <v>0</v>
      </c>
      <c r="IW17" s="109">
        <v>0</v>
      </c>
      <c r="IX17" s="110">
        <v>0</v>
      </c>
      <c r="IY17" s="131"/>
      <c r="IZ17" s="109">
        <v>0</v>
      </c>
      <c r="JA17" s="109">
        <v>0</v>
      </c>
      <c r="JB17" s="109">
        <v>0</v>
      </c>
      <c r="JC17" s="109">
        <v>0</v>
      </c>
      <c r="JD17" s="109">
        <v>0</v>
      </c>
      <c r="JE17" s="110">
        <v>0</v>
      </c>
      <c r="JF17" s="111">
        <v>0</v>
      </c>
      <c r="JG17" s="129">
        <v>0</v>
      </c>
      <c r="JH17" s="109">
        <v>0</v>
      </c>
      <c r="JI17" s="128">
        <v>0</v>
      </c>
      <c r="JJ17" s="108">
        <v>0</v>
      </c>
      <c r="JK17" s="109">
        <v>739940</v>
      </c>
      <c r="JL17" s="109">
        <v>422556</v>
      </c>
      <c r="JM17" s="109">
        <v>444800</v>
      </c>
      <c r="JN17" s="109">
        <v>231788</v>
      </c>
      <c r="JO17" s="109">
        <v>140480</v>
      </c>
      <c r="JP17" s="110">
        <v>1979564</v>
      </c>
      <c r="JQ17" s="298">
        <v>1979564</v>
      </c>
      <c r="JR17" s="129">
        <v>0</v>
      </c>
      <c r="JS17" s="109">
        <v>0</v>
      </c>
      <c r="JT17" s="128">
        <v>0</v>
      </c>
      <c r="JU17" s="108">
        <v>0</v>
      </c>
      <c r="JV17" s="109">
        <v>75671</v>
      </c>
      <c r="JW17" s="109">
        <v>139631</v>
      </c>
      <c r="JX17" s="109">
        <v>172901</v>
      </c>
      <c r="JY17" s="109">
        <v>0</v>
      </c>
      <c r="JZ17" s="109">
        <v>0</v>
      </c>
      <c r="KA17" s="110">
        <v>388203</v>
      </c>
      <c r="KB17" s="298">
        <v>388203</v>
      </c>
      <c r="KC17" s="221">
        <v>0</v>
      </c>
      <c r="KD17" s="217">
        <v>0</v>
      </c>
      <c r="KE17" s="110">
        <v>0</v>
      </c>
      <c r="KF17" s="108">
        <v>0</v>
      </c>
      <c r="KG17" s="109">
        <v>183400</v>
      </c>
      <c r="KH17" s="109">
        <v>333597</v>
      </c>
      <c r="KI17" s="109">
        <v>965027</v>
      </c>
      <c r="KJ17" s="109">
        <v>0</v>
      </c>
      <c r="KK17" s="109">
        <v>0</v>
      </c>
      <c r="KL17" s="110">
        <v>1482024</v>
      </c>
      <c r="KM17" s="130">
        <v>1482024</v>
      </c>
      <c r="KN17" s="219">
        <v>0</v>
      </c>
      <c r="KO17" s="223">
        <v>0</v>
      </c>
      <c r="KP17" s="224">
        <v>0</v>
      </c>
      <c r="KQ17" s="127"/>
      <c r="KR17" s="109">
        <v>240751</v>
      </c>
      <c r="KS17" s="109">
        <v>488406</v>
      </c>
      <c r="KT17" s="109">
        <v>518836</v>
      </c>
      <c r="KU17" s="109">
        <v>525491</v>
      </c>
      <c r="KV17" s="109">
        <v>0</v>
      </c>
      <c r="KW17" s="110">
        <v>1773484</v>
      </c>
      <c r="KX17" s="298">
        <v>1773484</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8">
        <v>0</v>
      </c>
      <c r="LU17" s="129">
        <v>0</v>
      </c>
      <c r="LV17" s="109">
        <v>0</v>
      </c>
      <c r="LW17" s="110">
        <v>0</v>
      </c>
      <c r="LX17" s="132"/>
      <c r="LY17" s="109">
        <v>135124</v>
      </c>
      <c r="LZ17" s="109">
        <v>189933</v>
      </c>
      <c r="MA17" s="109">
        <v>0</v>
      </c>
      <c r="MB17" s="109">
        <v>281642</v>
      </c>
      <c r="MC17" s="109">
        <v>0</v>
      </c>
      <c r="MD17" s="110">
        <v>606699</v>
      </c>
      <c r="ME17" s="111">
        <v>606699</v>
      </c>
      <c r="MF17" s="129">
        <v>0</v>
      </c>
      <c r="MG17" s="109">
        <v>0</v>
      </c>
      <c r="MH17" s="110">
        <v>0</v>
      </c>
      <c r="MI17" s="132"/>
      <c r="MJ17" s="109">
        <v>541525</v>
      </c>
      <c r="MK17" s="109">
        <v>605696</v>
      </c>
      <c r="ML17" s="109">
        <v>1922115</v>
      </c>
      <c r="MM17" s="109">
        <v>6160013</v>
      </c>
      <c r="MN17" s="109">
        <v>2976299</v>
      </c>
      <c r="MO17" s="110">
        <v>12205648</v>
      </c>
      <c r="MP17" s="130">
        <v>12205648</v>
      </c>
      <c r="MQ17" s="129">
        <v>0</v>
      </c>
      <c r="MR17" s="109">
        <v>0</v>
      </c>
      <c r="MS17" s="110">
        <v>0</v>
      </c>
      <c r="MT17" s="132"/>
      <c r="MU17" s="109">
        <v>0</v>
      </c>
      <c r="MV17" s="109">
        <v>0</v>
      </c>
      <c r="MW17" s="109">
        <v>1401773</v>
      </c>
      <c r="MX17" s="109">
        <v>4963015</v>
      </c>
      <c r="MY17" s="109">
        <v>859419</v>
      </c>
      <c r="MZ17" s="110">
        <v>7224207</v>
      </c>
      <c r="NA17" s="130">
        <v>7224207</v>
      </c>
      <c r="NB17" s="129">
        <v>0</v>
      </c>
      <c r="NC17" s="109">
        <v>0</v>
      </c>
      <c r="ND17" s="110">
        <v>0</v>
      </c>
      <c r="NE17" s="132"/>
      <c r="NF17" s="109">
        <v>541525</v>
      </c>
      <c r="NG17" s="109">
        <v>605696</v>
      </c>
      <c r="NH17" s="109">
        <v>520342</v>
      </c>
      <c r="NI17" s="109">
        <v>843087</v>
      </c>
      <c r="NJ17" s="109">
        <v>2116880</v>
      </c>
      <c r="NK17" s="110">
        <v>4627530</v>
      </c>
      <c r="NL17" s="298">
        <v>4627530</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0</v>
      </c>
      <c r="OC17" s="109">
        <v>0</v>
      </c>
      <c r="OD17" s="109">
        <v>0</v>
      </c>
      <c r="OE17" s="109">
        <v>353911</v>
      </c>
      <c r="OF17" s="109">
        <v>0</v>
      </c>
      <c r="OG17" s="110">
        <v>353911</v>
      </c>
      <c r="OH17" s="111">
        <v>353911</v>
      </c>
      <c r="OI17" s="129">
        <v>768354</v>
      </c>
      <c r="OJ17" s="109">
        <v>804517</v>
      </c>
      <c r="OK17" s="128">
        <v>1572871</v>
      </c>
      <c r="OL17" s="108">
        <v>0</v>
      </c>
      <c r="OM17" s="109">
        <v>8874167</v>
      </c>
      <c r="ON17" s="109">
        <v>9201551</v>
      </c>
      <c r="OO17" s="109">
        <v>9857201</v>
      </c>
      <c r="OP17" s="109">
        <v>16277938</v>
      </c>
      <c r="OQ17" s="109">
        <v>7749945</v>
      </c>
      <c r="OR17" s="110">
        <v>51960802</v>
      </c>
      <c r="OS17" s="130">
        <v>53533673</v>
      </c>
    </row>
    <row r="18" spans="2:409" ht="21" customHeight="1" x14ac:dyDescent="0.2">
      <c r="B18" s="472" t="s">
        <v>12</v>
      </c>
      <c r="C18" s="100">
        <v>835155</v>
      </c>
      <c r="D18" s="104">
        <v>2316382</v>
      </c>
      <c r="E18" s="103">
        <v>3151537</v>
      </c>
      <c r="F18" s="99">
        <v>0</v>
      </c>
      <c r="G18" s="104">
        <v>7030995</v>
      </c>
      <c r="H18" s="157">
        <v>10577956</v>
      </c>
      <c r="I18" s="157">
        <v>8812073</v>
      </c>
      <c r="J18" s="157">
        <v>11870129</v>
      </c>
      <c r="K18" s="157">
        <v>2062969</v>
      </c>
      <c r="L18" s="102">
        <v>40354122</v>
      </c>
      <c r="M18" s="106">
        <v>43505659</v>
      </c>
      <c r="N18" s="100">
        <v>358332</v>
      </c>
      <c r="O18" s="104">
        <v>525464</v>
      </c>
      <c r="P18" s="103">
        <v>883796</v>
      </c>
      <c r="Q18" s="100">
        <v>0</v>
      </c>
      <c r="R18" s="104">
        <v>2031322</v>
      </c>
      <c r="S18" s="104">
        <v>4436999</v>
      </c>
      <c r="T18" s="104">
        <v>2071648</v>
      </c>
      <c r="U18" s="104">
        <v>4991131</v>
      </c>
      <c r="V18" s="104">
        <v>1432594</v>
      </c>
      <c r="W18" s="103">
        <v>14963694</v>
      </c>
      <c r="X18" s="106">
        <v>15847490</v>
      </c>
      <c r="Y18" s="100">
        <v>0</v>
      </c>
      <c r="Z18" s="104">
        <v>0</v>
      </c>
      <c r="AA18" s="103">
        <v>0</v>
      </c>
      <c r="AB18" s="100">
        <v>0</v>
      </c>
      <c r="AC18" s="104">
        <v>1246750</v>
      </c>
      <c r="AD18" s="104">
        <v>2498666</v>
      </c>
      <c r="AE18" s="104">
        <v>1122438</v>
      </c>
      <c r="AF18" s="104">
        <v>3586932</v>
      </c>
      <c r="AG18" s="104">
        <v>579080</v>
      </c>
      <c r="AH18" s="103">
        <v>9033866</v>
      </c>
      <c r="AI18" s="106">
        <v>9033866</v>
      </c>
      <c r="AJ18" s="100">
        <v>0</v>
      </c>
      <c r="AK18" s="104">
        <v>0</v>
      </c>
      <c r="AL18" s="103">
        <v>0</v>
      </c>
      <c r="AM18" s="100">
        <v>0</v>
      </c>
      <c r="AN18" s="104">
        <v>0</v>
      </c>
      <c r="AO18" s="104">
        <v>46763</v>
      </c>
      <c r="AP18" s="104">
        <v>0</v>
      </c>
      <c r="AQ18" s="104">
        <v>281360</v>
      </c>
      <c r="AR18" s="104">
        <v>176429</v>
      </c>
      <c r="AS18" s="103">
        <v>504552</v>
      </c>
      <c r="AT18" s="106">
        <v>504552</v>
      </c>
      <c r="AU18" s="100">
        <v>294020</v>
      </c>
      <c r="AV18" s="104">
        <v>401529</v>
      </c>
      <c r="AW18" s="103">
        <v>695549</v>
      </c>
      <c r="AX18" s="100">
        <v>0</v>
      </c>
      <c r="AY18" s="104">
        <v>599163</v>
      </c>
      <c r="AZ18" s="104">
        <v>1271040</v>
      </c>
      <c r="BA18" s="104">
        <v>596962</v>
      </c>
      <c r="BB18" s="104">
        <v>621442</v>
      </c>
      <c r="BC18" s="104">
        <v>573573</v>
      </c>
      <c r="BD18" s="103">
        <v>3662180</v>
      </c>
      <c r="BE18" s="106">
        <v>4357729</v>
      </c>
      <c r="BF18" s="100">
        <v>0</v>
      </c>
      <c r="BG18" s="104">
        <v>36983</v>
      </c>
      <c r="BH18" s="102">
        <v>36983</v>
      </c>
      <c r="BI18" s="101">
        <v>0</v>
      </c>
      <c r="BJ18" s="104">
        <v>15849</v>
      </c>
      <c r="BK18" s="104">
        <v>154218</v>
      </c>
      <c r="BL18" s="104">
        <v>0</v>
      </c>
      <c r="BM18" s="104">
        <v>61949</v>
      </c>
      <c r="BN18" s="104">
        <v>0</v>
      </c>
      <c r="BO18" s="103">
        <v>232016</v>
      </c>
      <c r="BP18" s="106">
        <v>268999</v>
      </c>
      <c r="BQ18" s="100">
        <v>64312</v>
      </c>
      <c r="BR18" s="104">
        <v>86952</v>
      </c>
      <c r="BS18" s="103">
        <v>151264</v>
      </c>
      <c r="BT18" s="100">
        <v>0</v>
      </c>
      <c r="BU18" s="104">
        <v>169560</v>
      </c>
      <c r="BV18" s="104">
        <v>466312</v>
      </c>
      <c r="BW18" s="104">
        <v>352248</v>
      </c>
      <c r="BX18" s="104">
        <v>439448</v>
      </c>
      <c r="BY18" s="104">
        <v>103512</v>
      </c>
      <c r="BZ18" s="103">
        <v>1531080</v>
      </c>
      <c r="CA18" s="106">
        <v>1682344</v>
      </c>
      <c r="CB18" s="100">
        <v>128241</v>
      </c>
      <c r="CC18" s="104">
        <v>457501</v>
      </c>
      <c r="CD18" s="103">
        <v>585742</v>
      </c>
      <c r="CE18" s="100">
        <v>0</v>
      </c>
      <c r="CF18" s="104">
        <v>2815751</v>
      </c>
      <c r="CG18" s="104">
        <v>2398826</v>
      </c>
      <c r="CH18" s="104">
        <v>3292859</v>
      </c>
      <c r="CI18" s="104">
        <v>1857974</v>
      </c>
      <c r="CJ18" s="104">
        <v>198067</v>
      </c>
      <c r="CK18" s="103">
        <v>10563477</v>
      </c>
      <c r="CL18" s="106">
        <v>11149219</v>
      </c>
      <c r="CM18" s="100">
        <v>0</v>
      </c>
      <c r="CN18" s="104">
        <v>0</v>
      </c>
      <c r="CO18" s="103">
        <v>0</v>
      </c>
      <c r="CP18" s="101">
        <v>0</v>
      </c>
      <c r="CQ18" s="104">
        <v>2408990</v>
      </c>
      <c r="CR18" s="104">
        <v>1628160</v>
      </c>
      <c r="CS18" s="104">
        <v>2123525</v>
      </c>
      <c r="CT18" s="104">
        <v>1383027</v>
      </c>
      <c r="CU18" s="104">
        <v>198067</v>
      </c>
      <c r="CV18" s="103">
        <v>7741769</v>
      </c>
      <c r="CW18" s="106">
        <v>7741769</v>
      </c>
      <c r="CX18" s="100">
        <v>128241</v>
      </c>
      <c r="CY18" s="104">
        <v>457501</v>
      </c>
      <c r="CZ18" s="103">
        <v>585742</v>
      </c>
      <c r="DA18" s="100">
        <v>0</v>
      </c>
      <c r="DB18" s="104">
        <v>406761</v>
      </c>
      <c r="DC18" s="104">
        <v>770666</v>
      </c>
      <c r="DD18" s="104">
        <v>1169334</v>
      </c>
      <c r="DE18" s="104">
        <v>474947</v>
      </c>
      <c r="DF18" s="104">
        <v>0</v>
      </c>
      <c r="DG18" s="103">
        <v>2821708</v>
      </c>
      <c r="DH18" s="106">
        <v>3407450</v>
      </c>
      <c r="DI18" s="100">
        <v>18948</v>
      </c>
      <c r="DJ18" s="104">
        <v>84044</v>
      </c>
      <c r="DK18" s="102">
        <v>102992</v>
      </c>
      <c r="DL18" s="101">
        <v>0</v>
      </c>
      <c r="DM18" s="104">
        <v>550124</v>
      </c>
      <c r="DN18" s="104">
        <v>536392</v>
      </c>
      <c r="DO18" s="104">
        <v>708195</v>
      </c>
      <c r="DP18" s="104">
        <v>781340</v>
      </c>
      <c r="DQ18" s="104">
        <v>0</v>
      </c>
      <c r="DR18" s="103">
        <v>2576051</v>
      </c>
      <c r="DS18" s="106">
        <v>2679043</v>
      </c>
      <c r="DT18" s="100">
        <v>18948</v>
      </c>
      <c r="DU18" s="104">
        <v>84044</v>
      </c>
      <c r="DV18" s="103">
        <v>102992</v>
      </c>
      <c r="DW18" s="100">
        <v>0</v>
      </c>
      <c r="DX18" s="104">
        <v>482985</v>
      </c>
      <c r="DY18" s="104">
        <v>536392</v>
      </c>
      <c r="DZ18" s="104">
        <v>600207</v>
      </c>
      <c r="EA18" s="104">
        <v>781340</v>
      </c>
      <c r="EB18" s="104">
        <v>0</v>
      </c>
      <c r="EC18" s="103">
        <v>2400924</v>
      </c>
      <c r="ED18" s="106">
        <v>2503916</v>
      </c>
      <c r="EE18" s="100">
        <v>0</v>
      </c>
      <c r="EF18" s="102">
        <v>0</v>
      </c>
      <c r="EG18" s="103">
        <v>0</v>
      </c>
      <c r="EH18" s="100">
        <v>0</v>
      </c>
      <c r="EI18" s="104">
        <v>67139</v>
      </c>
      <c r="EJ18" s="104">
        <v>0</v>
      </c>
      <c r="EK18" s="104">
        <v>107988</v>
      </c>
      <c r="EL18" s="104">
        <v>0</v>
      </c>
      <c r="EM18" s="104">
        <v>0</v>
      </c>
      <c r="EN18" s="102">
        <v>175127</v>
      </c>
      <c r="EO18" s="106">
        <v>175127</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108344</v>
      </c>
      <c r="FM18" s="104">
        <v>846672</v>
      </c>
      <c r="FN18" s="103">
        <v>955016</v>
      </c>
      <c r="FO18" s="100">
        <v>0</v>
      </c>
      <c r="FP18" s="104">
        <v>187056</v>
      </c>
      <c r="FQ18" s="104">
        <v>1126987</v>
      </c>
      <c r="FR18" s="104">
        <v>842800</v>
      </c>
      <c r="FS18" s="104">
        <v>1061624</v>
      </c>
      <c r="FT18" s="104">
        <v>193304</v>
      </c>
      <c r="FU18" s="103">
        <v>3411771</v>
      </c>
      <c r="FV18" s="106">
        <v>4366787</v>
      </c>
      <c r="FW18" s="105">
        <v>80624</v>
      </c>
      <c r="FX18" s="104">
        <v>334672</v>
      </c>
      <c r="FY18" s="102">
        <v>415296</v>
      </c>
      <c r="FZ18" s="101">
        <v>0</v>
      </c>
      <c r="GA18" s="104">
        <v>153256</v>
      </c>
      <c r="GB18" s="104">
        <v>1022144</v>
      </c>
      <c r="GC18" s="104">
        <v>800960</v>
      </c>
      <c r="GD18" s="104">
        <v>868008</v>
      </c>
      <c r="GE18" s="104">
        <v>193304</v>
      </c>
      <c r="GF18" s="103">
        <v>3037672</v>
      </c>
      <c r="GG18" s="296">
        <v>3452968</v>
      </c>
      <c r="GH18" s="105">
        <v>27720</v>
      </c>
      <c r="GI18" s="104">
        <v>28800</v>
      </c>
      <c r="GJ18" s="102">
        <v>56520</v>
      </c>
      <c r="GK18" s="101">
        <v>0</v>
      </c>
      <c r="GL18" s="104">
        <v>0</v>
      </c>
      <c r="GM18" s="104">
        <v>70280</v>
      </c>
      <c r="GN18" s="104">
        <v>11440</v>
      </c>
      <c r="GO18" s="104">
        <v>22880</v>
      </c>
      <c r="GP18" s="104">
        <v>0</v>
      </c>
      <c r="GQ18" s="103">
        <v>104600</v>
      </c>
      <c r="GR18" s="106">
        <v>161120</v>
      </c>
      <c r="GS18" s="100">
        <v>0</v>
      </c>
      <c r="GT18" s="104">
        <v>483200</v>
      </c>
      <c r="GU18" s="103">
        <v>483200</v>
      </c>
      <c r="GV18" s="100">
        <v>0</v>
      </c>
      <c r="GW18" s="104">
        <v>33800</v>
      </c>
      <c r="GX18" s="104">
        <v>34563</v>
      </c>
      <c r="GY18" s="104">
        <v>30400</v>
      </c>
      <c r="GZ18" s="104">
        <v>170736</v>
      </c>
      <c r="HA18" s="104">
        <v>0</v>
      </c>
      <c r="HB18" s="102">
        <v>269499</v>
      </c>
      <c r="HC18" s="106">
        <v>752699</v>
      </c>
      <c r="HD18" s="100">
        <v>221290</v>
      </c>
      <c r="HE18" s="104">
        <v>402701</v>
      </c>
      <c r="HF18" s="102">
        <v>623991</v>
      </c>
      <c r="HG18" s="101">
        <v>0</v>
      </c>
      <c r="HH18" s="104">
        <v>1446742</v>
      </c>
      <c r="HI18" s="104">
        <v>2078752</v>
      </c>
      <c r="HJ18" s="104">
        <v>1896571</v>
      </c>
      <c r="HK18" s="104">
        <v>3178060</v>
      </c>
      <c r="HL18" s="104">
        <v>239004</v>
      </c>
      <c r="HM18" s="103">
        <v>8839129</v>
      </c>
      <c r="HN18" s="99">
        <v>9463120</v>
      </c>
      <c r="HO18" s="306"/>
      <c r="HP18" s="307"/>
      <c r="HQ18" s="308"/>
      <c r="HR18" s="309"/>
      <c r="HS18" s="307"/>
      <c r="HT18" s="307"/>
      <c r="HU18" s="307"/>
      <c r="HV18" s="307"/>
      <c r="HW18" s="307"/>
      <c r="HX18" s="310"/>
      <c r="HY18" s="311"/>
      <c r="HZ18" s="137">
        <v>0</v>
      </c>
      <c r="IA18" s="122">
        <v>0</v>
      </c>
      <c r="IB18" s="137">
        <v>0</v>
      </c>
      <c r="IC18" s="121">
        <v>0</v>
      </c>
      <c r="ID18" s="122">
        <v>1801501</v>
      </c>
      <c r="IE18" s="123">
        <v>2905520</v>
      </c>
      <c r="IF18" s="124">
        <v>2437889</v>
      </c>
      <c r="IG18" s="122">
        <v>3247276</v>
      </c>
      <c r="IH18" s="124">
        <v>1966887</v>
      </c>
      <c r="II18" s="125">
        <v>12359073</v>
      </c>
      <c r="IJ18" s="137">
        <v>12359073</v>
      </c>
      <c r="IK18" s="219">
        <v>0</v>
      </c>
      <c r="IL18" s="223">
        <v>0</v>
      </c>
      <c r="IM18" s="224">
        <v>0</v>
      </c>
      <c r="IN18" s="127"/>
      <c r="IO18" s="109">
        <v>72177</v>
      </c>
      <c r="IP18" s="109">
        <v>106948</v>
      </c>
      <c r="IQ18" s="109">
        <v>0</v>
      </c>
      <c r="IR18" s="109">
        <v>137550</v>
      </c>
      <c r="IS18" s="109">
        <v>0</v>
      </c>
      <c r="IT18" s="128">
        <v>316675</v>
      </c>
      <c r="IU18" s="298">
        <v>316675</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1121903</v>
      </c>
      <c r="JL18" s="109">
        <v>939223</v>
      </c>
      <c r="JM18" s="109">
        <v>904987</v>
      </c>
      <c r="JN18" s="109">
        <v>365838</v>
      </c>
      <c r="JO18" s="109">
        <v>73200</v>
      </c>
      <c r="JP18" s="110">
        <v>3405151</v>
      </c>
      <c r="JQ18" s="298">
        <v>3405151</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121924</v>
      </c>
      <c r="KH18" s="109">
        <v>315122</v>
      </c>
      <c r="KI18" s="109">
        <v>478141</v>
      </c>
      <c r="KJ18" s="109">
        <v>799637</v>
      </c>
      <c r="KK18" s="109">
        <v>898883</v>
      </c>
      <c r="KL18" s="110">
        <v>2613707</v>
      </c>
      <c r="KM18" s="130">
        <v>2613707</v>
      </c>
      <c r="KN18" s="219">
        <v>0</v>
      </c>
      <c r="KO18" s="223">
        <v>0</v>
      </c>
      <c r="KP18" s="224">
        <v>0</v>
      </c>
      <c r="KQ18" s="127"/>
      <c r="KR18" s="109">
        <v>485497</v>
      </c>
      <c r="KS18" s="109">
        <v>500344</v>
      </c>
      <c r="KT18" s="109">
        <v>510034</v>
      </c>
      <c r="KU18" s="109">
        <v>918963</v>
      </c>
      <c r="KV18" s="109">
        <v>534520</v>
      </c>
      <c r="KW18" s="110">
        <v>2949358</v>
      </c>
      <c r="KX18" s="298">
        <v>2949358</v>
      </c>
      <c r="KY18" s="129">
        <v>0</v>
      </c>
      <c r="KZ18" s="109">
        <v>0</v>
      </c>
      <c r="LA18" s="110">
        <v>0</v>
      </c>
      <c r="LB18" s="132"/>
      <c r="LC18" s="109">
        <v>0</v>
      </c>
      <c r="LD18" s="109">
        <v>556173</v>
      </c>
      <c r="LE18" s="109">
        <v>0</v>
      </c>
      <c r="LF18" s="109">
        <v>448796</v>
      </c>
      <c r="LG18" s="109">
        <v>0</v>
      </c>
      <c r="LH18" s="110">
        <v>1004969</v>
      </c>
      <c r="LI18" s="111">
        <v>1004969</v>
      </c>
      <c r="LJ18" s="129">
        <v>0</v>
      </c>
      <c r="LK18" s="109">
        <v>0</v>
      </c>
      <c r="LL18" s="110">
        <v>0</v>
      </c>
      <c r="LM18" s="132"/>
      <c r="LN18" s="109">
        <v>0</v>
      </c>
      <c r="LO18" s="109">
        <v>0</v>
      </c>
      <c r="LP18" s="109">
        <v>259987</v>
      </c>
      <c r="LQ18" s="109">
        <v>0</v>
      </c>
      <c r="LR18" s="109">
        <v>300549</v>
      </c>
      <c r="LS18" s="110">
        <v>560536</v>
      </c>
      <c r="LT18" s="298">
        <v>560536</v>
      </c>
      <c r="LU18" s="129">
        <v>0</v>
      </c>
      <c r="LV18" s="109">
        <v>0</v>
      </c>
      <c r="LW18" s="110">
        <v>0</v>
      </c>
      <c r="LX18" s="132"/>
      <c r="LY18" s="109">
        <v>0</v>
      </c>
      <c r="LZ18" s="109">
        <v>487710</v>
      </c>
      <c r="MA18" s="109">
        <v>284740</v>
      </c>
      <c r="MB18" s="109">
        <v>576492</v>
      </c>
      <c r="MC18" s="109">
        <v>159735</v>
      </c>
      <c r="MD18" s="110">
        <v>1508677</v>
      </c>
      <c r="ME18" s="111">
        <v>1508677</v>
      </c>
      <c r="MF18" s="129">
        <v>0</v>
      </c>
      <c r="MG18" s="109">
        <v>0</v>
      </c>
      <c r="MH18" s="110">
        <v>0</v>
      </c>
      <c r="MI18" s="132"/>
      <c r="MJ18" s="109">
        <v>490045</v>
      </c>
      <c r="MK18" s="109">
        <v>720362</v>
      </c>
      <c r="ML18" s="109">
        <v>2840075</v>
      </c>
      <c r="MM18" s="109">
        <v>6308844</v>
      </c>
      <c r="MN18" s="109">
        <v>3340449</v>
      </c>
      <c r="MO18" s="110">
        <v>13699775</v>
      </c>
      <c r="MP18" s="130">
        <v>13699775</v>
      </c>
      <c r="MQ18" s="129">
        <v>0</v>
      </c>
      <c r="MR18" s="109">
        <v>0</v>
      </c>
      <c r="MS18" s="110">
        <v>0</v>
      </c>
      <c r="MT18" s="132"/>
      <c r="MU18" s="109">
        <v>0</v>
      </c>
      <c r="MV18" s="109">
        <v>0</v>
      </c>
      <c r="MW18" s="109">
        <v>1452210</v>
      </c>
      <c r="MX18" s="109">
        <v>3430346</v>
      </c>
      <c r="MY18" s="109">
        <v>2015741</v>
      </c>
      <c r="MZ18" s="110">
        <v>6898297</v>
      </c>
      <c r="NA18" s="130">
        <v>6898297</v>
      </c>
      <c r="NB18" s="129">
        <v>0</v>
      </c>
      <c r="NC18" s="109">
        <v>0</v>
      </c>
      <c r="ND18" s="110">
        <v>0</v>
      </c>
      <c r="NE18" s="132"/>
      <c r="NF18" s="109">
        <v>490045</v>
      </c>
      <c r="NG18" s="109">
        <v>720362</v>
      </c>
      <c r="NH18" s="109">
        <v>1387865</v>
      </c>
      <c r="NI18" s="109">
        <v>2525568</v>
      </c>
      <c r="NJ18" s="109">
        <v>936274</v>
      </c>
      <c r="NK18" s="110">
        <v>6060114</v>
      </c>
      <c r="NL18" s="298">
        <v>6060114</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0</v>
      </c>
      <c r="OD18" s="109">
        <v>0</v>
      </c>
      <c r="OE18" s="109">
        <v>352930</v>
      </c>
      <c r="OF18" s="109">
        <v>388434</v>
      </c>
      <c r="OG18" s="110">
        <v>741364</v>
      </c>
      <c r="OH18" s="111">
        <v>741364</v>
      </c>
      <c r="OI18" s="129">
        <v>835155</v>
      </c>
      <c r="OJ18" s="109">
        <v>2316382</v>
      </c>
      <c r="OK18" s="128">
        <v>3151537</v>
      </c>
      <c r="OL18" s="108">
        <v>0</v>
      </c>
      <c r="OM18" s="109">
        <v>9322541</v>
      </c>
      <c r="ON18" s="109">
        <v>14203838</v>
      </c>
      <c r="OO18" s="109">
        <v>14090037</v>
      </c>
      <c r="OP18" s="109">
        <v>21426249</v>
      </c>
      <c r="OQ18" s="109">
        <v>7370305</v>
      </c>
      <c r="OR18" s="110">
        <v>66412970</v>
      </c>
      <c r="OS18" s="130">
        <v>69564507</v>
      </c>
    </row>
    <row r="19" spans="2:409" ht="21" customHeight="1" x14ac:dyDescent="0.2">
      <c r="B19" s="472" t="s">
        <v>13</v>
      </c>
      <c r="C19" s="100">
        <v>166238</v>
      </c>
      <c r="D19" s="104">
        <v>194236</v>
      </c>
      <c r="E19" s="103">
        <v>360474</v>
      </c>
      <c r="F19" s="100">
        <v>0</v>
      </c>
      <c r="G19" s="157">
        <v>2859621</v>
      </c>
      <c r="H19" s="104">
        <v>4824454</v>
      </c>
      <c r="I19" s="104">
        <v>4542465</v>
      </c>
      <c r="J19" s="104">
        <v>4826045</v>
      </c>
      <c r="K19" s="104">
        <v>3461868</v>
      </c>
      <c r="L19" s="102">
        <v>20514453</v>
      </c>
      <c r="M19" s="106">
        <v>20874927</v>
      </c>
      <c r="N19" s="100">
        <v>36289</v>
      </c>
      <c r="O19" s="104">
        <v>122233</v>
      </c>
      <c r="P19" s="103">
        <v>158522</v>
      </c>
      <c r="Q19" s="100">
        <v>0</v>
      </c>
      <c r="R19" s="104">
        <v>1027555</v>
      </c>
      <c r="S19" s="104">
        <v>1375398</v>
      </c>
      <c r="T19" s="104">
        <v>1238339</v>
      </c>
      <c r="U19" s="104">
        <v>2592560</v>
      </c>
      <c r="V19" s="104">
        <v>1888737</v>
      </c>
      <c r="W19" s="103">
        <v>8122589</v>
      </c>
      <c r="X19" s="106">
        <v>8281111</v>
      </c>
      <c r="Y19" s="100">
        <v>0</v>
      </c>
      <c r="Z19" s="104">
        <v>0</v>
      </c>
      <c r="AA19" s="103">
        <v>0</v>
      </c>
      <c r="AB19" s="100">
        <v>0</v>
      </c>
      <c r="AC19" s="104">
        <v>464332</v>
      </c>
      <c r="AD19" s="104">
        <v>473587</v>
      </c>
      <c r="AE19" s="104">
        <v>371136</v>
      </c>
      <c r="AF19" s="104">
        <v>1612376</v>
      </c>
      <c r="AG19" s="104">
        <v>820622</v>
      </c>
      <c r="AH19" s="103">
        <v>3742053</v>
      </c>
      <c r="AI19" s="106">
        <v>3742053</v>
      </c>
      <c r="AJ19" s="100">
        <v>0</v>
      </c>
      <c r="AK19" s="104">
        <v>0</v>
      </c>
      <c r="AL19" s="103">
        <v>0</v>
      </c>
      <c r="AM19" s="100">
        <v>0</v>
      </c>
      <c r="AN19" s="104">
        <v>0</v>
      </c>
      <c r="AO19" s="104">
        <v>0</v>
      </c>
      <c r="AP19" s="104">
        <v>0</v>
      </c>
      <c r="AQ19" s="104">
        <v>167116</v>
      </c>
      <c r="AR19" s="104">
        <v>299837</v>
      </c>
      <c r="AS19" s="103">
        <v>466953</v>
      </c>
      <c r="AT19" s="106">
        <v>466953</v>
      </c>
      <c r="AU19" s="100">
        <v>15009</v>
      </c>
      <c r="AV19" s="104">
        <v>117465</v>
      </c>
      <c r="AW19" s="103">
        <v>132474</v>
      </c>
      <c r="AX19" s="100">
        <v>0</v>
      </c>
      <c r="AY19" s="104">
        <v>345112</v>
      </c>
      <c r="AZ19" s="104">
        <v>582079</v>
      </c>
      <c r="BA19" s="104">
        <v>589067</v>
      </c>
      <c r="BB19" s="104">
        <v>474191</v>
      </c>
      <c r="BC19" s="104">
        <v>596049</v>
      </c>
      <c r="BD19" s="103">
        <v>2586498</v>
      </c>
      <c r="BE19" s="106">
        <v>2718972</v>
      </c>
      <c r="BF19" s="100">
        <v>0</v>
      </c>
      <c r="BG19" s="104">
        <v>0</v>
      </c>
      <c r="BH19" s="102">
        <v>0</v>
      </c>
      <c r="BI19" s="101">
        <v>0</v>
      </c>
      <c r="BJ19" s="104">
        <v>60599</v>
      </c>
      <c r="BK19" s="104">
        <v>15708</v>
      </c>
      <c r="BL19" s="104">
        <v>0</v>
      </c>
      <c r="BM19" s="104">
        <v>101949</v>
      </c>
      <c r="BN19" s="104">
        <v>21933</v>
      </c>
      <c r="BO19" s="103">
        <v>200189</v>
      </c>
      <c r="BP19" s="106">
        <v>200189</v>
      </c>
      <c r="BQ19" s="100">
        <v>21280</v>
      </c>
      <c r="BR19" s="104">
        <v>4768</v>
      </c>
      <c r="BS19" s="103">
        <v>26048</v>
      </c>
      <c r="BT19" s="100">
        <v>0</v>
      </c>
      <c r="BU19" s="104">
        <v>157512</v>
      </c>
      <c r="BV19" s="104">
        <v>304024</v>
      </c>
      <c r="BW19" s="104">
        <v>278136</v>
      </c>
      <c r="BX19" s="104">
        <v>236928</v>
      </c>
      <c r="BY19" s="104">
        <v>150296</v>
      </c>
      <c r="BZ19" s="103">
        <v>1126896</v>
      </c>
      <c r="CA19" s="106">
        <v>1152944</v>
      </c>
      <c r="CB19" s="100">
        <v>0</v>
      </c>
      <c r="CC19" s="104">
        <v>40115</v>
      </c>
      <c r="CD19" s="103">
        <v>40115</v>
      </c>
      <c r="CE19" s="100">
        <v>0</v>
      </c>
      <c r="CF19" s="104">
        <v>604175</v>
      </c>
      <c r="CG19" s="104">
        <v>980178</v>
      </c>
      <c r="CH19" s="104">
        <v>1305911</v>
      </c>
      <c r="CI19" s="104">
        <v>494048</v>
      </c>
      <c r="CJ19" s="104">
        <v>576837</v>
      </c>
      <c r="CK19" s="103">
        <v>3961149</v>
      </c>
      <c r="CL19" s="106">
        <v>4001264</v>
      </c>
      <c r="CM19" s="100">
        <v>0</v>
      </c>
      <c r="CN19" s="104">
        <v>0</v>
      </c>
      <c r="CO19" s="103">
        <v>0</v>
      </c>
      <c r="CP19" s="101">
        <v>0</v>
      </c>
      <c r="CQ19" s="104">
        <v>516197</v>
      </c>
      <c r="CR19" s="104">
        <v>798082</v>
      </c>
      <c r="CS19" s="104">
        <v>1162346</v>
      </c>
      <c r="CT19" s="104">
        <v>380791</v>
      </c>
      <c r="CU19" s="104">
        <v>228751</v>
      </c>
      <c r="CV19" s="103">
        <v>3086167</v>
      </c>
      <c r="CW19" s="106">
        <v>3086167</v>
      </c>
      <c r="CX19" s="100">
        <v>0</v>
      </c>
      <c r="CY19" s="104">
        <v>40115</v>
      </c>
      <c r="CZ19" s="103">
        <v>40115</v>
      </c>
      <c r="DA19" s="100">
        <v>0</v>
      </c>
      <c r="DB19" s="104">
        <v>87978</v>
      </c>
      <c r="DC19" s="104">
        <v>182096</v>
      </c>
      <c r="DD19" s="104">
        <v>143565</v>
      </c>
      <c r="DE19" s="104">
        <v>113257</v>
      </c>
      <c r="DF19" s="104">
        <v>348086</v>
      </c>
      <c r="DG19" s="103">
        <v>874982</v>
      </c>
      <c r="DH19" s="106">
        <v>915097</v>
      </c>
      <c r="DI19" s="100">
        <v>0</v>
      </c>
      <c r="DJ19" s="104">
        <v>0</v>
      </c>
      <c r="DK19" s="102">
        <v>0</v>
      </c>
      <c r="DL19" s="101">
        <v>0</v>
      </c>
      <c r="DM19" s="104">
        <v>0</v>
      </c>
      <c r="DN19" s="104">
        <v>141995</v>
      </c>
      <c r="DO19" s="104">
        <v>130278</v>
      </c>
      <c r="DP19" s="104">
        <v>578394</v>
      </c>
      <c r="DQ19" s="104">
        <v>0</v>
      </c>
      <c r="DR19" s="103">
        <v>850667</v>
      </c>
      <c r="DS19" s="106">
        <v>850667</v>
      </c>
      <c r="DT19" s="100">
        <v>0</v>
      </c>
      <c r="DU19" s="104">
        <v>0</v>
      </c>
      <c r="DV19" s="103">
        <v>0</v>
      </c>
      <c r="DW19" s="100">
        <v>0</v>
      </c>
      <c r="DX19" s="104">
        <v>0</v>
      </c>
      <c r="DY19" s="104">
        <v>86552</v>
      </c>
      <c r="DZ19" s="104">
        <v>130278</v>
      </c>
      <c r="EA19" s="104">
        <v>578394</v>
      </c>
      <c r="EB19" s="104">
        <v>0</v>
      </c>
      <c r="EC19" s="103">
        <v>795224</v>
      </c>
      <c r="ED19" s="106">
        <v>795224</v>
      </c>
      <c r="EE19" s="100">
        <v>0</v>
      </c>
      <c r="EF19" s="102">
        <v>0</v>
      </c>
      <c r="EG19" s="103">
        <v>0</v>
      </c>
      <c r="EH19" s="100">
        <v>0</v>
      </c>
      <c r="EI19" s="104">
        <v>0</v>
      </c>
      <c r="EJ19" s="104">
        <v>55443</v>
      </c>
      <c r="EK19" s="104">
        <v>0</v>
      </c>
      <c r="EL19" s="104">
        <v>0</v>
      </c>
      <c r="EM19" s="104">
        <v>0</v>
      </c>
      <c r="EN19" s="102">
        <v>55443</v>
      </c>
      <c r="EO19" s="106">
        <v>55443</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79120</v>
      </c>
      <c r="FM19" s="104">
        <v>31888</v>
      </c>
      <c r="FN19" s="103">
        <v>111008</v>
      </c>
      <c r="FO19" s="100">
        <v>0</v>
      </c>
      <c r="FP19" s="104">
        <v>98216</v>
      </c>
      <c r="FQ19" s="104">
        <v>375304</v>
      </c>
      <c r="FR19" s="104">
        <v>261352</v>
      </c>
      <c r="FS19" s="104">
        <v>362312</v>
      </c>
      <c r="FT19" s="104">
        <v>272560</v>
      </c>
      <c r="FU19" s="103">
        <v>1369744</v>
      </c>
      <c r="FV19" s="106">
        <v>1480752</v>
      </c>
      <c r="FW19" s="105">
        <v>8720</v>
      </c>
      <c r="FX19" s="104">
        <v>31888</v>
      </c>
      <c r="FY19" s="102">
        <v>40608</v>
      </c>
      <c r="FZ19" s="101">
        <v>0</v>
      </c>
      <c r="GA19" s="104">
        <v>98216</v>
      </c>
      <c r="GB19" s="104">
        <v>375304</v>
      </c>
      <c r="GC19" s="104">
        <v>210512</v>
      </c>
      <c r="GD19" s="104">
        <v>362312</v>
      </c>
      <c r="GE19" s="104">
        <v>272560</v>
      </c>
      <c r="GF19" s="103">
        <v>1318904</v>
      </c>
      <c r="GG19" s="296">
        <v>1359512</v>
      </c>
      <c r="GH19" s="105">
        <v>0</v>
      </c>
      <c r="GI19" s="104">
        <v>0</v>
      </c>
      <c r="GJ19" s="102">
        <v>0</v>
      </c>
      <c r="GK19" s="101">
        <v>0</v>
      </c>
      <c r="GL19" s="104">
        <v>0</v>
      </c>
      <c r="GM19" s="104">
        <v>0</v>
      </c>
      <c r="GN19" s="104">
        <v>50840</v>
      </c>
      <c r="GO19" s="104">
        <v>0</v>
      </c>
      <c r="GP19" s="104">
        <v>0</v>
      </c>
      <c r="GQ19" s="103">
        <v>50840</v>
      </c>
      <c r="GR19" s="106">
        <v>50840</v>
      </c>
      <c r="GS19" s="100">
        <v>70400</v>
      </c>
      <c r="GT19" s="104">
        <v>0</v>
      </c>
      <c r="GU19" s="103">
        <v>70400</v>
      </c>
      <c r="GV19" s="100">
        <v>0</v>
      </c>
      <c r="GW19" s="104">
        <v>0</v>
      </c>
      <c r="GX19" s="104">
        <v>0</v>
      </c>
      <c r="GY19" s="104">
        <v>0</v>
      </c>
      <c r="GZ19" s="104">
        <v>0</v>
      </c>
      <c r="HA19" s="104">
        <v>0</v>
      </c>
      <c r="HB19" s="102">
        <v>0</v>
      </c>
      <c r="HC19" s="106">
        <v>70400</v>
      </c>
      <c r="HD19" s="100">
        <v>50829</v>
      </c>
      <c r="HE19" s="104">
        <v>0</v>
      </c>
      <c r="HF19" s="102">
        <v>50829</v>
      </c>
      <c r="HG19" s="101">
        <v>0</v>
      </c>
      <c r="HH19" s="104">
        <v>1129675</v>
      </c>
      <c r="HI19" s="104">
        <v>1951579</v>
      </c>
      <c r="HJ19" s="104">
        <v>1606585</v>
      </c>
      <c r="HK19" s="104">
        <v>798731</v>
      </c>
      <c r="HL19" s="104">
        <v>723734</v>
      </c>
      <c r="HM19" s="103">
        <v>6210304</v>
      </c>
      <c r="HN19" s="99">
        <v>6261133</v>
      </c>
      <c r="HO19" s="306"/>
      <c r="HP19" s="307"/>
      <c r="HQ19" s="308"/>
      <c r="HR19" s="309"/>
      <c r="HS19" s="307"/>
      <c r="HT19" s="307"/>
      <c r="HU19" s="307"/>
      <c r="HV19" s="307"/>
      <c r="HW19" s="307"/>
      <c r="HX19" s="310"/>
      <c r="HY19" s="311"/>
      <c r="HZ19" s="118">
        <v>0</v>
      </c>
      <c r="IA19" s="119">
        <v>0</v>
      </c>
      <c r="IB19" s="120">
        <v>0</v>
      </c>
      <c r="IC19" s="133">
        <v>0</v>
      </c>
      <c r="ID19" s="119">
        <v>525808</v>
      </c>
      <c r="IE19" s="134">
        <v>1267207</v>
      </c>
      <c r="IF19" s="120">
        <v>740553</v>
      </c>
      <c r="IG19" s="119">
        <v>261979</v>
      </c>
      <c r="IH19" s="120">
        <v>55908</v>
      </c>
      <c r="II19" s="135">
        <v>2851455</v>
      </c>
      <c r="IJ19" s="126">
        <v>2851455</v>
      </c>
      <c r="IK19" s="219">
        <v>0</v>
      </c>
      <c r="IL19" s="223">
        <v>0</v>
      </c>
      <c r="IM19" s="224">
        <v>0</v>
      </c>
      <c r="IN19" s="127"/>
      <c r="IO19" s="109">
        <v>0</v>
      </c>
      <c r="IP19" s="109">
        <v>0</v>
      </c>
      <c r="IQ19" s="109">
        <v>0</v>
      </c>
      <c r="IR19" s="109">
        <v>0</v>
      </c>
      <c r="IS19" s="109">
        <v>0</v>
      </c>
      <c r="IT19" s="128">
        <v>0</v>
      </c>
      <c r="IU19" s="298">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525808</v>
      </c>
      <c r="JL19" s="109">
        <v>436451</v>
      </c>
      <c r="JM19" s="109">
        <v>344140</v>
      </c>
      <c r="JN19" s="109">
        <v>12327</v>
      </c>
      <c r="JO19" s="109">
        <v>0</v>
      </c>
      <c r="JP19" s="110">
        <v>1318726</v>
      </c>
      <c r="JQ19" s="298">
        <v>1318726</v>
      </c>
      <c r="JR19" s="129">
        <v>0</v>
      </c>
      <c r="JS19" s="109">
        <v>0</v>
      </c>
      <c r="JT19" s="128">
        <v>0</v>
      </c>
      <c r="JU19" s="108">
        <v>0</v>
      </c>
      <c r="JV19" s="109">
        <v>0</v>
      </c>
      <c r="JW19" s="109">
        <v>165484</v>
      </c>
      <c r="JX19" s="109">
        <v>157400</v>
      </c>
      <c r="JY19" s="109">
        <v>66552</v>
      </c>
      <c r="JZ19" s="109">
        <v>55908</v>
      </c>
      <c r="KA19" s="110">
        <v>445344</v>
      </c>
      <c r="KB19" s="298">
        <v>445344</v>
      </c>
      <c r="KC19" s="221">
        <v>0</v>
      </c>
      <c r="KD19" s="217">
        <v>0</v>
      </c>
      <c r="KE19" s="110">
        <v>0</v>
      </c>
      <c r="KF19" s="108">
        <v>0</v>
      </c>
      <c r="KG19" s="109">
        <v>0</v>
      </c>
      <c r="KH19" s="109">
        <v>173561</v>
      </c>
      <c r="KI19" s="109">
        <v>239013</v>
      </c>
      <c r="KJ19" s="109">
        <v>0</v>
      </c>
      <c r="KK19" s="109">
        <v>0</v>
      </c>
      <c r="KL19" s="110">
        <v>412574</v>
      </c>
      <c r="KM19" s="130">
        <v>412574</v>
      </c>
      <c r="KN19" s="219">
        <v>0</v>
      </c>
      <c r="KO19" s="223">
        <v>0</v>
      </c>
      <c r="KP19" s="224">
        <v>0</v>
      </c>
      <c r="KQ19" s="127"/>
      <c r="KR19" s="109">
        <v>0</v>
      </c>
      <c r="KS19" s="109">
        <v>491711</v>
      </c>
      <c r="KT19" s="109">
        <v>0</v>
      </c>
      <c r="KU19" s="109">
        <v>0</v>
      </c>
      <c r="KV19" s="109">
        <v>0</v>
      </c>
      <c r="KW19" s="110">
        <v>491711</v>
      </c>
      <c r="KX19" s="298">
        <v>491711</v>
      </c>
      <c r="KY19" s="129">
        <v>0</v>
      </c>
      <c r="KZ19" s="109">
        <v>0</v>
      </c>
      <c r="LA19" s="110">
        <v>0</v>
      </c>
      <c r="LB19" s="132"/>
      <c r="LC19" s="109">
        <v>0</v>
      </c>
      <c r="LD19" s="109">
        <v>0</v>
      </c>
      <c r="LE19" s="109">
        <v>0</v>
      </c>
      <c r="LF19" s="109">
        <v>183100</v>
      </c>
      <c r="LG19" s="109">
        <v>0</v>
      </c>
      <c r="LH19" s="110">
        <v>183100</v>
      </c>
      <c r="LI19" s="111">
        <v>183100</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239861</v>
      </c>
      <c r="MK19" s="109">
        <v>568007</v>
      </c>
      <c r="ML19" s="109">
        <v>1628166</v>
      </c>
      <c r="MM19" s="109">
        <v>3775964</v>
      </c>
      <c r="MN19" s="109">
        <v>1088569</v>
      </c>
      <c r="MO19" s="110">
        <v>7300567</v>
      </c>
      <c r="MP19" s="130">
        <v>7300567</v>
      </c>
      <c r="MQ19" s="129">
        <v>0</v>
      </c>
      <c r="MR19" s="109">
        <v>0</v>
      </c>
      <c r="MS19" s="110">
        <v>0</v>
      </c>
      <c r="MT19" s="132"/>
      <c r="MU19" s="109">
        <v>0</v>
      </c>
      <c r="MV19" s="109">
        <v>0</v>
      </c>
      <c r="MW19" s="109">
        <v>811771</v>
      </c>
      <c r="MX19" s="109">
        <v>3458524</v>
      </c>
      <c r="MY19" s="109">
        <v>752681</v>
      </c>
      <c r="MZ19" s="110">
        <v>5022976</v>
      </c>
      <c r="NA19" s="130">
        <v>5022976</v>
      </c>
      <c r="NB19" s="129">
        <v>0</v>
      </c>
      <c r="NC19" s="109">
        <v>0</v>
      </c>
      <c r="ND19" s="110">
        <v>0</v>
      </c>
      <c r="NE19" s="132"/>
      <c r="NF19" s="109">
        <v>239861</v>
      </c>
      <c r="NG19" s="109">
        <v>568007</v>
      </c>
      <c r="NH19" s="109">
        <v>816395</v>
      </c>
      <c r="NI19" s="109">
        <v>317440</v>
      </c>
      <c r="NJ19" s="109">
        <v>335888</v>
      </c>
      <c r="NK19" s="110">
        <v>2277591</v>
      </c>
      <c r="NL19" s="298">
        <v>2277591</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166238</v>
      </c>
      <c r="OJ19" s="109">
        <v>194236</v>
      </c>
      <c r="OK19" s="128">
        <v>360474</v>
      </c>
      <c r="OL19" s="108">
        <v>0</v>
      </c>
      <c r="OM19" s="109">
        <v>3625290</v>
      </c>
      <c r="ON19" s="109">
        <v>6659668</v>
      </c>
      <c r="OO19" s="109">
        <v>6911184</v>
      </c>
      <c r="OP19" s="109">
        <v>8863988</v>
      </c>
      <c r="OQ19" s="109">
        <v>4606345</v>
      </c>
      <c r="OR19" s="110">
        <v>30666475</v>
      </c>
      <c r="OS19" s="130">
        <v>31026949</v>
      </c>
    </row>
    <row r="20" spans="2:409" ht="21" customHeight="1" x14ac:dyDescent="0.2">
      <c r="B20" s="472" t="s">
        <v>15</v>
      </c>
      <c r="C20" s="100">
        <v>125404</v>
      </c>
      <c r="D20" s="104">
        <v>389782</v>
      </c>
      <c r="E20" s="103">
        <v>515186</v>
      </c>
      <c r="F20" s="99">
        <v>0</v>
      </c>
      <c r="G20" s="104">
        <v>1980017</v>
      </c>
      <c r="H20" s="104">
        <v>2106564</v>
      </c>
      <c r="I20" s="104">
        <v>3158827</v>
      </c>
      <c r="J20" s="104">
        <v>1080568</v>
      </c>
      <c r="K20" s="104">
        <v>577117</v>
      </c>
      <c r="L20" s="99">
        <v>8903093</v>
      </c>
      <c r="M20" s="106">
        <v>9418279</v>
      </c>
      <c r="N20" s="100">
        <v>0</v>
      </c>
      <c r="O20" s="104">
        <v>34708</v>
      </c>
      <c r="P20" s="103">
        <v>34708</v>
      </c>
      <c r="Q20" s="100">
        <v>0</v>
      </c>
      <c r="R20" s="104">
        <v>442778</v>
      </c>
      <c r="S20" s="104">
        <v>766179</v>
      </c>
      <c r="T20" s="104">
        <v>784800</v>
      </c>
      <c r="U20" s="104">
        <v>735893</v>
      </c>
      <c r="V20" s="104">
        <v>302700</v>
      </c>
      <c r="W20" s="103">
        <v>3032350</v>
      </c>
      <c r="X20" s="106">
        <v>3067058</v>
      </c>
      <c r="Y20" s="100">
        <v>0</v>
      </c>
      <c r="Z20" s="104">
        <v>0</v>
      </c>
      <c r="AA20" s="103">
        <v>0</v>
      </c>
      <c r="AB20" s="100">
        <v>0</v>
      </c>
      <c r="AC20" s="104">
        <v>228001</v>
      </c>
      <c r="AD20" s="104">
        <v>303165</v>
      </c>
      <c r="AE20" s="104">
        <v>408492</v>
      </c>
      <c r="AF20" s="104">
        <v>513734</v>
      </c>
      <c r="AG20" s="104">
        <v>280724</v>
      </c>
      <c r="AH20" s="103">
        <v>1734116</v>
      </c>
      <c r="AI20" s="106">
        <v>1734116</v>
      </c>
      <c r="AJ20" s="100">
        <v>0</v>
      </c>
      <c r="AK20" s="104">
        <v>0</v>
      </c>
      <c r="AL20" s="103">
        <v>0</v>
      </c>
      <c r="AM20" s="100">
        <v>0</v>
      </c>
      <c r="AN20" s="104">
        <v>0</v>
      </c>
      <c r="AO20" s="104">
        <v>107076</v>
      </c>
      <c r="AP20" s="104">
        <v>0</v>
      </c>
      <c r="AQ20" s="104">
        <v>0</v>
      </c>
      <c r="AR20" s="104">
        <v>0</v>
      </c>
      <c r="AS20" s="103">
        <v>107076</v>
      </c>
      <c r="AT20" s="106">
        <v>107076</v>
      </c>
      <c r="AU20" s="100">
        <v>0</v>
      </c>
      <c r="AV20" s="104">
        <v>23796</v>
      </c>
      <c r="AW20" s="103">
        <v>23796</v>
      </c>
      <c r="AX20" s="100">
        <v>0</v>
      </c>
      <c r="AY20" s="104">
        <v>80300</v>
      </c>
      <c r="AZ20" s="104">
        <v>196188</v>
      </c>
      <c r="BA20" s="104">
        <v>216820</v>
      </c>
      <c r="BB20" s="104">
        <v>146711</v>
      </c>
      <c r="BC20" s="104">
        <v>0</v>
      </c>
      <c r="BD20" s="103">
        <v>640019</v>
      </c>
      <c r="BE20" s="106">
        <v>663815</v>
      </c>
      <c r="BF20" s="100">
        <v>0</v>
      </c>
      <c r="BG20" s="104">
        <v>0</v>
      </c>
      <c r="BH20" s="102">
        <v>0</v>
      </c>
      <c r="BI20" s="101">
        <v>0</v>
      </c>
      <c r="BJ20" s="104">
        <v>37253</v>
      </c>
      <c r="BK20" s="104">
        <v>54318</v>
      </c>
      <c r="BL20" s="104">
        <v>0</v>
      </c>
      <c r="BM20" s="104">
        <v>0</v>
      </c>
      <c r="BN20" s="104">
        <v>0</v>
      </c>
      <c r="BO20" s="103">
        <v>91571</v>
      </c>
      <c r="BP20" s="106">
        <v>91571</v>
      </c>
      <c r="BQ20" s="100">
        <v>0</v>
      </c>
      <c r="BR20" s="104">
        <v>10912</v>
      </c>
      <c r="BS20" s="103">
        <v>10912</v>
      </c>
      <c r="BT20" s="100">
        <v>0</v>
      </c>
      <c r="BU20" s="104">
        <v>97224</v>
      </c>
      <c r="BV20" s="104">
        <v>105432</v>
      </c>
      <c r="BW20" s="104">
        <v>159488</v>
      </c>
      <c r="BX20" s="104">
        <v>75448</v>
      </c>
      <c r="BY20" s="104">
        <v>21976</v>
      </c>
      <c r="BZ20" s="103">
        <v>459568</v>
      </c>
      <c r="CA20" s="106">
        <v>470480</v>
      </c>
      <c r="CB20" s="100">
        <v>0</v>
      </c>
      <c r="CC20" s="104">
        <v>0</v>
      </c>
      <c r="CD20" s="103">
        <v>0</v>
      </c>
      <c r="CE20" s="100">
        <v>0</v>
      </c>
      <c r="CF20" s="104">
        <v>234800</v>
      </c>
      <c r="CG20" s="104">
        <v>511618</v>
      </c>
      <c r="CH20" s="104">
        <v>679071</v>
      </c>
      <c r="CI20" s="104">
        <v>123215</v>
      </c>
      <c r="CJ20" s="104">
        <v>0</v>
      </c>
      <c r="CK20" s="103">
        <v>1548704</v>
      </c>
      <c r="CL20" s="106">
        <v>1548704</v>
      </c>
      <c r="CM20" s="100">
        <v>0</v>
      </c>
      <c r="CN20" s="104">
        <v>0</v>
      </c>
      <c r="CO20" s="103">
        <v>0</v>
      </c>
      <c r="CP20" s="101">
        <v>0</v>
      </c>
      <c r="CQ20" s="104">
        <v>205700</v>
      </c>
      <c r="CR20" s="104">
        <v>256115</v>
      </c>
      <c r="CS20" s="104">
        <v>397271</v>
      </c>
      <c r="CT20" s="104">
        <v>123215</v>
      </c>
      <c r="CU20" s="104">
        <v>0</v>
      </c>
      <c r="CV20" s="103">
        <v>982301</v>
      </c>
      <c r="CW20" s="106">
        <v>982301</v>
      </c>
      <c r="CX20" s="100">
        <v>0</v>
      </c>
      <c r="CY20" s="104">
        <v>0</v>
      </c>
      <c r="CZ20" s="103">
        <v>0</v>
      </c>
      <c r="DA20" s="100">
        <v>0</v>
      </c>
      <c r="DB20" s="104">
        <v>29100</v>
      </c>
      <c r="DC20" s="104">
        <v>255503</v>
      </c>
      <c r="DD20" s="104">
        <v>281800</v>
      </c>
      <c r="DE20" s="104">
        <v>0</v>
      </c>
      <c r="DF20" s="104">
        <v>0</v>
      </c>
      <c r="DG20" s="103">
        <v>566403</v>
      </c>
      <c r="DH20" s="106">
        <v>566403</v>
      </c>
      <c r="DI20" s="100">
        <v>0</v>
      </c>
      <c r="DJ20" s="104">
        <v>0</v>
      </c>
      <c r="DK20" s="102">
        <v>0</v>
      </c>
      <c r="DL20" s="101">
        <v>0</v>
      </c>
      <c r="DM20" s="104">
        <v>22767</v>
      </c>
      <c r="DN20" s="104">
        <v>67334</v>
      </c>
      <c r="DO20" s="104">
        <v>291685</v>
      </c>
      <c r="DP20" s="104">
        <v>70764</v>
      </c>
      <c r="DQ20" s="104">
        <v>0</v>
      </c>
      <c r="DR20" s="103">
        <v>452550</v>
      </c>
      <c r="DS20" s="106">
        <v>452550</v>
      </c>
      <c r="DT20" s="100">
        <v>0</v>
      </c>
      <c r="DU20" s="104">
        <v>0</v>
      </c>
      <c r="DV20" s="103">
        <v>0</v>
      </c>
      <c r="DW20" s="100">
        <v>0</v>
      </c>
      <c r="DX20" s="104">
        <v>22767</v>
      </c>
      <c r="DY20" s="104">
        <v>67334</v>
      </c>
      <c r="DZ20" s="104">
        <v>249291</v>
      </c>
      <c r="EA20" s="104">
        <v>70764</v>
      </c>
      <c r="EB20" s="104">
        <v>0</v>
      </c>
      <c r="EC20" s="103">
        <v>410156</v>
      </c>
      <c r="ED20" s="106">
        <v>410156</v>
      </c>
      <c r="EE20" s="100">
        <v>0</v>
      </c>
      <c r="EF20" s="102">
        <v>0</v>
      </c>
      <c r="EG20" s="103">
        <v>0</v>
      </c>
      <c r="EH20" s="100">
        <v>0</v>
      </c>
      <c r="EI20" s="104">
        <v>0</v>
      </c>
      <c r="EJ20" s="104">
        <v>0</v>
      </c>
      <c r="EK20" s="104">
        <v>42394</v>
      </c>
      <c r="EL20" s="104">
        <v>0</v>
      </c>
      <c r="EM20" s="104">
        <v>0</v>
      </c>
      <c r="EN20" s="102">
        <v>42394</v>
      </c>
      <c r="EO20" s="106">
        <v>42394</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61600</v>
      </c>
      <c r="FM20" s="104">
        <v>152400</v>
      </c>
      <c r="FN20" s="103">
        <v>214000</v>
      </c>
      <c r="FO20" s="100">
        <v>0</v>
      </c>
      <c r="FP20" s="104">
        <v>173280</v>
      </c>
      <c r="FQ20" s="104">
        <v>205632</v>
      </c>
      <c r="FR20" s="104">
        <v>189408</v>
      </c>
      <c r="FS20" s="104">
        <v>150696</v>
      </c>
      <c r="FT20" s="104">
        <v>30000</v>
      </c>
      <c r="FU20" s="103">
        <v>749016</v>
      </c>
      <c r="FV20" s="106">
        <v>963016</v>
      </c>
      <c r="FW20" s="105">
        <v>3200</v>
      </c>
      <c r="FX20" s="104">
        <v>22000</v>
      </c>
      <c r="FY20" s="102">
        <v>25200</v>
      </c>
      <c r="FZ20" s="101">
        <v>0</v>
      </c>
      <c r="GA20" s="104">
        <v>24880</v>
      </c>
      <c r="GB20" s="104">
        <v>205632</v>
      </c>
      <c r="GC20" s="104">
        <v>189408</v>
      </c>
      <c r="GD20" s="104">
        <v>150696</v>
      </c>
      <c r="GE20" s="104">
        <v>30000</v>
      </c>
      <c r="GF20" s="103">
        <v>600616</v>
      </c>
      <c r="GG20" s="296">
        <v>625816</v>
      </c>
      <c r="GH20" s="105">
        <v>14400</v>
      </c>
      <c r="GI20" s="104">
        <v>0</v>
      </c>
      <c r="GJ20" s="102">
        <v>14400</v>
      </c>
      <c r="GK20" s="101">
        <v>0</v>
      </c>
      <c r="GL20" s="104">
        <v>11600</v>
      </c>
      <c r="GM20" s="104">
        <v>0</v>
      </c>
      <c r="GN20" s="104">
        <v>0</v>
      </c>
      <c r="GO20" s="104">
        <v>0</v>
      </c>
      <c r="GP20" s="104">
        <v>0</v>
      </c>
      <c r="GQ20" s="103">
        <v>11600</v>
      </c>
      <c r="GR20" s="106">
        <v>26000</v>
      </c>
      <c r="GS20" s="100">
        <v>44000</v>
      </c>
      <c r="GT20" s="104">
        <v>130400</v>
      </c>
      <c r="GU20" s="103">
        <v>174400</v>
      </c>
      <c r="GV20" s="100">
        <v>0</v>
      </c>
      <c r="GW20" s="104">
        <v>136800</v>
      </c>
      <c r="GX20" s="104">
        <v>0</v>
      </c>
      <c r="GY20" s="104">
        <v>0</v>
      </c>
      <c r="GZ20" s="104">
        <v>0</v>
      </c>
      <c r="HA20" s="104">
        <v>0</v>
      </c>
      <c r="HB20" s="102">
        <v>136800</v>
      </c>
      <c r="HC20" s="106">
        <v>311200</v>
      </c>
      <c r="HD20" s="100">
        <v>63804</v>
      </c>
      <c r="HE20" s="104">
        <v>202674</v>
      </c>
      <c r="HF20" s="102">
        <v>266478</v>
      </c>
      <c r="HG20" s="101">
        <v>0</v>
      </c>
      <c r="HH20" s="104">
        <v>1106392</v>
      </c>
      <c r="HI20" s="104">
        <v>555801</v>
      </c>
      <c r="HJ20" s="104">
        <v>1213863</v>
      </c>
      <c r="HK20" s="104">
        <v>0</v>
      </c>
      <c r="HL20" s="104">
        <v>244417</v>
      </c>
      <c r="HM20" s="103">
        <v>3120473</v>
      </c>
      <c r="HN20" s="99">
        <v>3386951</v>
      </c>
      <c r="HO20" s="306"/>
      <c r="HP20" s="307"/>
      <c r="HQ20" s="308"/>
      <c r="HR20" s="309"/>
      <c r="HS20" s="307"/>
      <c r="HT20" s="307"/>
      <c r="HU20" s="307"/>
      <c r="HV20" s="307"/>
      <c r="HW20" s="307"/>
      <c r="HX20" s="310"/>
      <c r="HY20" s="311"/>
      <c r="HZ20" s="137">
        <v>0</v>
      </c>
      <c r="IA20" s="122">
        <v>0</v>
      </c>
      <c r="IB20" s="137">
        <v>0</v>
      </c>
      <c r="IC20" s="121">
        <v>0</v>
      </c>
      <c r="ID20" s="122">
        <v>798898</v>
      </c>
      <c r="IE20" s="123">
        <v>1252410</v>
      </c>
      <c r="IF20" s="124">
        <v>462075</v>
      </c>
      <c r="IG20" s="122">
        <v>855735</v>
      </c>
      <c r="IH20" s="124">
        <v>194236</v>
      </c>
      <c r="II20" s="125">
        <v>3563354</v>
      </c>
      <c r="IJ20" s="137">
        <v>3563354</v>
      </c>
      <c r="IK20" s="219">
        <v>0</v>
      </c>
      <c r="IL20" s="223">
        <v>0</v>
      </c>
      <c r="IM20" s="224">
        <v>0</v>
      </c>
      <c r="IN20" s="127"/>
      <c r="IO20" s="109">
        <v>90928</v>
      </c>
      <c r="IP20" s="109">
        <v>0</v>
      </c>
      <c r="IQ20" s="109">
        <v>0</v>
      </c>
      <c r="IR20" s="109">
        <v>0</v>
      </c>
      <c r="IS20" s="109">
        <v>0</v>
      </c>
      <c r="IT20" s="128">
        <v>90928</v>
      </c>
      <c r="IU20" s="298">
        <v>90928</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295997</v>
      </c>
      <c r="JL20" s="109">
        <v>342697</v>
      </c>
      <c r="JM20" s="109">
        <v>328645</v>
      </c>
      <c r="JN20" s="109">
        <v>111236</v>
      </c>
      <c r="JO20" s="109">
        <v>0</v>
      </c>
      <c r="JP20" s="110">
        <v>1078575</v>
      </c>
      <c r="JQ20" s="298">
        <v>1078575</v>
      </c>
      <c r="JR20" s="129">
        <v>0</v>
      </c>
      <c r="JS20" s="109">
        <v>0</v>
      </c>
      <c r="JT20" s="128">
        <v>0</v>
      </c>
      <c r="JU20" s="108">
        <v>0</v>
      </c>
      <c r="JV20" s="109">
        <v>50410</v>
      </c>
      <c r="JW20" s="109">
        <v>0</v>
      </c>
      <c r="JX20" s="109">
        <v>0</v>
      </c>
      <c r="JY20" s="109">
        <v>46947</v>
      </c>
      <c r="JZ20" s="109">
        <v>0</v>
      </c>
      <c r="KA20" s="110">
        <v>97357</v>
      </c>
      <c r="KB20" s="298">
        <v>97357</v>
      </c>
      <c r="KC20" s="221">
        <v>0</v>
      </c>
      <c r="KD20" s="217">
        <v>0</v>
      </c>
      <c r="KE20" s="110">
        <v>0</v>
      </c>
      <c r="KF20" s="108">
        <v>0</v>
      </c>
      <c r="KG20" s="109">
        <v>127794</v>
      </c>
      <c r="KH20" s="109">
        <v>0</v>
      </c>
      <c r="KI20" s="109">
        <v>0</v>
      </c>
      <c r="KJ20" s="109">
        <v>260232</v>
      </c>
      <c r="KK20" s="109">
        <v>194236</v>
      </c>
      <c r="KL20" s="110">
        <v>582262</v>
      </c>
      <c r="KM20" s="130">
        <v>582262</v>
      </c>
      <c r="KN20" s="219">
        <v>0</v>
      </c>
      <c r="KO20" s="223">
        <v>0</v>
      </c>
      <c r="KP20" s="224">
        <v>0</v>
      </c>
      <c r="KQ20" s="127"/>
      <c r="KR20" s="109">
        <v>233769</v>
      </c>
      <c r="KS20" s="109">
        <v>734220</v>
      </c>
      <c r="KT20" s="109">
        <v>0</v>
      </c>
      <c r="KU20" s="109">
        <v>0</v>
      </c>
      <c r="KV20" s="109">
        <v>0</v>
      </c>
      <c r="KW20" s="110">
        <v>967989</v>
      </c>
      <c r="KX20" s="298">
        <v>967989</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437320</v>
      </c>
      <c r="LR20" s="109">
        <v>0</v>
      </c>
      <c r="LS20" s="110">
        <v>437320</v>
      </c>
      <c r="LT20" s="298">
        <v>437320</v>
      </c>
      <c r="LU20" s="129">
        <v>0</v>
      </c>
      <c r="LV20" s="109">
        <v>0</v>
      </c>
      <c r="LW20" s="110">
        <v>0</v>
      </c>
      <c r="LX20" s="132"/>
      <c r="LY20" s="109">
        <v>0</v>
      </c>
      <c r="LZ20" s="109">
        <v>175493</v>
      </c>
      <c r="MA20" s="109">
        <v>133430</v>
      </c>
      <c r="MB20" s="109">
        <v>0</v>
      </c>
      <c r="MC20" s="109">
        <v>0</v>
      </c>
      <c r="MD20" s="110">
        <v>308923</v>
      </c>
      <c r="ME20" s="111">
        <v>308923</v>
      </c>
      <c r="MF20" s="129">
        <v>0</v>
      </c>
      <c r="MG20" s="109">
        <v>0</v>
      </c>
      <c r="MH20" s="110">
        <v>0</v>
      </c>
      <c r="MI20" s="132"/>
      <c r="MJ20" s="109">
        <v>0</v>
      </c>
      <c r="MK20" s="109">
        <v>548737</v>
      </c>
      <c r="ML20" s="109">
        <v>756518</v>
      </c>
      <c r="MM20" s="109">
        <v>3346588</v>
      </c>
      <c r="MN20" s="109">
        <v>1433336</v>
      </c>
      <c r="MO20" s="110">
        <v>6085179</v>
      </c>
      <c r="MP20" s="130">
        <v>6085179</v>
      </c>
      <c r="MQ20" s="129">
        <v>0</v>
      </c>
      <c r="MR20" s="109">
        <v>0</v>
      </c>
      <c r="MS20" s="110">
        <v>0</v>
      </c>
      <c r="MT20" s="132"/>
      <c r="MU20" s="109">
        <v>0</v>
      </c>
      <c r="MV20" s="109">
        <v>0</v>
      </c>
      <c r="MW20" s="109">
        <v>486926</v>
      </c>
      <c r="MX20" s="109">
        <v>2101044</v>
      </c>
      <c r="MY20" s="109">
        <v>1123069</v>
      </c>
      <c r="MZ20" s="110">
        <v>3711039</v>
      </c>
      <c r="NA20" s="130">
        <v>3711039</v>
      </c>
      <c r="NB20" s="129">
        <v>0</v>
      </c>
      <c r="NC20" s="109">
        <v>0</v>
      </c>
      <c r="ND20" s="110">
        <v>0</v>
      </c>
      <c r="NE20" s="132"/>
      <c r="NF20" s="109">
        <v>0</v>
      </c>
      <c r="NG20" s="109">
        <v>548737</v>
      </c>
      <c r="NH20" s="109">
        <v>269592</v>
      </c>
      <c r="NI20" s="109">
        <v>1245544</v>
      </c>
      <c r="NJ20" s="109">
        <v>310267</v>
      </c>
      <c r="NK20" s="110">
        <v>2374140</v>
      </c>
      <c r="NL20" s="298">
        <v>2374140</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125404</v>
      </c>
      <c r="OJ20" s="109">
        <v>389782</v>
      </c>
      <c r="OK20" s="128">
        <v>515186</v>
      </c>
      <c r="OL20" s="108">
        <v>0</v>
      </c>
      <c r="OM20" s="109">
        <v>2778915</v>
      </c>
      <c r="ON20" s="109">
        <v>3907711</v>
      </c>
      <c r="OO20" s="109">
        <v>4377420</v>
      </c>
      <c r="OP20" s="109">
        <v>5282891</v>
      </c>
      <c r="OQ20" s="109">
        <v>2204689</v>
      </c>
      <c r="OR20" s="110">
        <v>18551626</v>
      </c>
      <c r="OS20" s="130">
        <v>19066812</v>
      </c>
    </row>
    <row r="21" spans="2:409" ht="21" customHeight="1" x14ac:dyDescent="0.2">
      <c r="B21" s="472" t="s">
        <v>16</v>
      </c>
      <c r="C21" s="100">
        <v>403574</v>
      </c>
      <c r="D21" s="104">
        <v>691421</v>
      </c>
      <c r="E21" s="103">
        <v>1094995</v>
      </c>
      <c r="F21" s="99">
        <v>0</v>
      </c>
      <c r="G21" s="104">
        <v>4377647</v>
      </c>
      <c r="H21" s="104">
        <v>7197425</v>
      </c>
      <c r="I21" s="104">
        <v>4273015</v>
      </c>
      <c r="J21" s="104">
        <v>6103083</v>
      </c>
      <c r="K21" s="104">
        <v>2303436</v>
      </c>
      <c r="L21" s="99">
        <v>24254606</v>
      </c>
      <c r="M21" s="106">
        <v>25349601</v>
      </c>
      <c r="N21" s="100">
        <v>86677</v>
      </c>
      <c r="O21" s="104">
        <v>163666</v>
      </c>
      <c r="P21" s="103">
        <v>250343</v>
      </c>
      <c r="Q21" s="100">
        <v>0</v>
      </c>
      <c r="R21" s="104">
        <v>1226382</v>
      </c>
      <c r="S21" s="104">
        <v>1122223</v>
      </c>
      <c r="T21" s="104">
        <v>916494</v>
      </c>
      <c r="U21" s="104">
        <v>1423836</v>
      </c>
      <c r="V21" s="104">
        <v>657472</v>
      </c>
      <c r="W21" s="103">
        <v>5346407</v>
      </c>
      <c r="X21" s="106">
        <v>5596750</v>
      </c>
      <c r="Y21" s="100">
        <v>0</v>
      </c>
      <c r="Z21" s="104">
        <v>0</v>
      </c>
      <c r="AA21" s="103">
        <v>0</v>
      </c>
      <c r="AB21" s="100">
        <v>0</v>
      </c>
      <c r="AC21" s="104">
        <v>357020</v>
      </c>
      <c r="AD21" s="104">
        <v>144768</v>
      </c>
      <c r="AE21" s="104">
        <v>427696</v>
      </c>
      <c r="AF21" s="104">
        <v>240917</v>
      </c>
      <c r="AG21" s="104">
        <v>0</v>
      </c>
      <c r="AH21" s="103">
        <v>1170401</v>
      </c>
      <c r="AI21" s="106">
        <v>1170401</v>
      </c>
      <c r="AJ21" s="100">
        <v>0</v>
      </c>
      <c r="AK21" s="104">
        <v>0</v>
      </c>
      <c r="AL21" s="103">
        <v>0</v>
      </c>
      <c r="AM21" s="100">
        <v>0</v>
      </c>
      <c r="AN21" s="104">
        <v>0</v>
      </c>
      <c r="AO21" s="104">
        <v>0</v>
      </c>
      <c r="AP21" s="104">
        <v>0</v>
      </c>
      <c r="AQ21" s="104">
        <v>56926</v>
      </c>
      <c r="AR21" s="104">
        <v>305704</v>
      </c>
      <c r="AS21" s="103">
        <v>362630</v>
      </c>
      <c r="AT21" s="106">
        <v>362630</v>
      </c>
      <c r="AU21" s="100">
        <v>33117</v>
      </c>
      <c r="AV21" s="104">
        <v>111050</v>
      </c>
      <c r="AW21" s="103">
        <v>144167</v>
      </c>
      <c r="AX21" s="100">
        <v>0</v>
      </c>
      <c r="AY21" s="104">
        <v>684418</v>
      </c>
      <c r="AZ21" s="104">
        <v>657163</v>
      </c>
      <c r="BA21" s="104">
        <v>336758</v>
      </c>
      <c r="BB21" s="104">
        <v>863761</v>
      </c>
      <c r="BC21" s="104">
        <v>149880</v>
      </c>
      <c r="BD21" s="103">
        <v>2691980</v>
      </c>
      <c r="BE21" s="106">
        <v>2836147</v>
      </c>
      <c r="BF21" s="100">
        <v>0</v>
      </c>
      <c r="BG21" s="104">
        <v>0</v>
      </c>
      <c r="BH21" s="102">
        <v>0</v>
      </c>
      <c r="BI21" s="101">
        <v>0</v>
      </c>
      <c r="BJ21" s="104">
        <v>26080</v>
      </c>
      <c r="BK21" s="104">
        <v>52292</v>
      </c>
      <c r="BL21" s="104">
        <v>0</v>
      </c>
      <c r="BM21" s="104">
        <v>0</v>
      </c>
      <c r="BN21" s="104">
        <v>0</v>
      </c>
      <c r="BO21" s="103">
        <v>78372</v>
      </c>
      <c r="BP21" s="106">
        <v>78372</v>
      </c>
      <c r="BQ21" s="100">
        <v>53560</v>
      </c>
      <c r="BR21" s="104">
        <v>52616</v>
      </c>
      <c r="BS21" s="103">
        <v>106176</v>
      </c>
      <c r="BT21" s="100">
        <v>0</v>
      </c>
      <c r="BU21" s="104">
        <v>158864</v>
      </c>
      <c r="BV21" s="104">
        <v>268000</v>
      </c>
      <c r="BW21" s="104">
        <v>152040</v>
      </c>
      <c r="BX21" s="104">
        <v>262232</v>
      </c>
      <c r="BY21" s="104">
        <v>201888</v>
      </c>
      <c r="BZ21" s="103">
        <v>1043024</v>
      </c>
      <c r="CA21" s="106">
        <v>1149200</v>
      </c>
      <c r="CB21" s="100">
        <v>63201</v>
      </c>
      <c r="CC21" s="104">
        <v>309479</v>
      </c>
      <c r="CD21" s="103">
        <v>372680</v>
      </c>
      <c r="CE21" s="100">
        <v>0</v>
      </c>
      <c r="CF21" s="104">
        <v>1356121</v>
      </c>
      <c r="CG21" s="104">
        <v>3100281</v>
      </c>
      <c r="CH21" s="104">
        <v>1445495</v>
      </c>
      <c r="CI21" s="104">
        <v>934909</v>
      </c>
      <c r="CJ21" s="104">
        <v>298356</v>
      </c>
      <c r="CK21" s="103">
        <v>7135162</v>
      </c>
      <c r="CL21" s="106">
        <v>7507842</v>
      </c>
      <c r="CM21" s="100">
        <v>0</v>
      </c>
      <c r="CN21" s="104">
        <v>0</v>
      </c>
      <c r="CO21" s="103">
        <v>0</v>
      </c>
      <c r="CP21" s="101">
        <v>0</v>
      </c>
      <c r="CQ21" s="104">
        <v>622445</v>
      </c>
      <c r="CR21" s="104">
        <v>1556281</v>
      </c>
      <c r="CS21" s="104">
        <v>469507</v>
      </c>
      <c r="CT21" s="104">
        <v>747806</v>
      </c>
      <c r="CU21" s="104">
        <v>212924</v>
      </c>
      <c r="CV21" s="103">
        <v>3608963</v>
      </c>
      <c r="CW21" s="106">
        <v>3608963</v>
      </c>
      <c r="CX21" s="100">
        <v>63201</v>
      </c>
      <c r="CY21" s="104">
        <v>309479</v>
      </c>
      <c r="CZ21" s="103">
        <v>372680</v>
      </c>
      <c r="DA21" s="100">
        <v>0</v>
      </c>
      <c r="DB21" s="104">
        <v>733676</v>
      </c>
      <c r="DC21" s="104">
        <v>1544000</v>
      </c>
      <c r="DD21" s="104">
        <v>975988</v>
      </c>
      <c r="DE21" s="104">
        <v>187103</v>
      </c>
      <c r="DF21" s="104">
        <v>85432</v>
      </c>
      <c r="DG21" s="103">
        <v>3526199</v>
      </c>
      <c r="DH21" s="106">
        <v>3898879</v>
      </c>
      <c r="DI21" s="100">
        <v>0</v>
      </c>
      <c r="DJ21" s="104">
        <v>0</v>
      </c>
      <c r="DK21" s="102">
        <v>0</v>
      </c>
      <c r="DL21" s="101">
        <v>0</v>
      </c>
      <c r="DM21" s="104">
        <v>177717</v>
      </c>
      <c r="DN21" s="104">
        <v>226372</v>
      </c>
      <c r="DO21" s="104">
        <v>230692</v>
      </c>
      <c r="DP21" s="104">
        <v>696899</v>
      </c>
      <c r="DQ21" s="104">
        <v>27252</v>
      </c>
      <c r="DR21" s="103">
        <v>1358932</v>
      </c>
      <c r="DS21" s="106">
        <v>1358932</v>
      </c>
      <c r="DT21" s="100">
        <v>0</v>
      </c>
      <c r="DU21" s="104">
        <v>0</v>
      </c>
      <c r="DV21" s="103">
        <v>0</v>
      </c>
      <c r="DW21" s="100">
        <v>0</v>
      </c>
      <c r="DX21" s="104">
        <v>138437</v>
      </c>
      <c r="DY21" s="104">
        <v>50252</v>
      </c>
      <c r="DZ21" s="104">
        <v>183980</v>
      </c>
      <c r="EA21" s="104">
        <v>509166</v>
      </c>
      <c r="EB21" s="104">
        <v>0</v>
      </c>
      <c r="EC21" s="103">
        <v>881835</v>
      </c>
      <c r="ED21" s="106">
        <v>881835</v>
      </c>
      <c r="EE21" s="100">
        <v>0</v>
      </c>
      <c r="EF21" s="102">
        <v>0</v>
      </c>
      <c r="EG21" s="103">
        <v>0</v>
      </c>
      <c r="EH21" s="100">
        <v>0</v>
      </c>
      <c r="EI21" s="104">
        <v>39280</v>
      </c>
      <c r="EJ21" s="104">
        <v>176120</v>
      </c>
      <c r="EK21" s="104">
        <v>46712</v>
      </c>
      <c r="EL21" s="104">
        <v>187733</v>
      </c>
      <c r="EM21" s="104">
        <v>27252</v>
      </c>
      <c r="EN21" s="102">
        <v>477097</v>
      </c>
      <c r="EO21" s="106">
        <v>477097</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29512</v>
      </c>
      <c r="FM21" s="104">
        <v>122330</v>
      </c>
      <c r="FN21" s="103">
        <v>151842</v>
      </c>
      <c r="FO21" s="100">
        <v>0</v>
      </c>
      <c r="FP21" s="104">
        <v>95720</v>
      </c>
      <c r="FQ21" s="104">
        <v>545384</v>
      </c>
      <c r="FR21" s="104">
        <v>439600</v>
      </c>
      <c r="FS21" s="104">
        <v>385472</v>
      </c>
      <c r="FT21" s="104">
        <v>141224</v>
      </c>
      <c r="FU21" s="103">
        <v>1607400</v>
      </c>
      <c r="FV21" s="106">
        <v>1759242</v>
      </c>
      <c r="FW21" s="105">
        <v>29512</v>
      </c>
      <c r="FX21" s="104">
        <v>96720</v>
      </c>
      <c r="FY21" s="102">
        <v>126232</v>
      </c>
      <c r="FZ21" s="101">
        <v>0</v>
      </c>
      <c r="GA21" s="104">
        <v>95720</v>
      </c>
      <c r="GB21" s="104">
        <v>530984</v>
      </c>
      <c r="GC21" s="104">
        <v>324624</v>
      </c>
      <c r="GD21" s="104">
        <v>385472</v>
      </c>
      <c r="GE21" s="104">
        <v>67744</v>
      </c>
      <c r="GF21" s="103">
        <v>1404544</v>
      </c>
      <c r="GG21" s="296">
        <v>1530776</v>
      </c>
      <c r="GH21" s="105">
        <v>0</v>
      </c>
      <c r="GI21" s="104">
        <v>0</v>
      </c>
      <c r="GJ21" s="102">
        <v>0</v>
      </c>
      <c r="GK21" s="101">
        <v>0</v>
      </c>
      <c r="GL21" s="104">
        <v>0</v>
      </c>
      <c r="GM21" s="104">
        <v>14400</v>
      </c>
      <c r="GN21" s="104">
        <v>22176</v>
      </c>
      <c r="GO21" s="104">
        <v>0</v>
      </c>
      <c r="GP21" s="104">
        <v>73480</v>
      </c>
      <c r="GQ21" s="103">
        <v>110056</v>
      </c>
      <c r="GR21" s="106">
        <v>110056</v>
      </c>
      <c r="GS21" s="100">
        <v>0</v>
      </c>
      <c r="GT21" s="104">
        <v>25610</v>
      </c>
      <c r="GU21" s="103">
        <v>25610</v>
      </c>
      <c r="GV21" s="100">
        <v>0</v>
      </c>
      <c r="GW21" s="104">
        <v>0</v>
      </c>
      <c r="GX21" s="104">
        <v>0</v>
      </c>
      <c r="GY21" s="104">
        <v>92800</v>
      </c>
      <c r="GZ21" s="104">
        <v>0</v>
      </c>
      <c r="HA21" s="104">
        <v>0</v>
      </c>
      <c r="HB21" s="102">
        <v>92800</v>
      </c>
      <c r="HC21" s="106">
        <v>118410</v>
      </c>
      <c r="HD21" s="100">
        <v>224184</v>
      </c>
      <c r="HE21" s="104">
        <v>95946</v>
      </c>
      <c r="HF21" s="102">
        <v>320130</v>
      </c>
      <c r="HG21" s="101">
        <v>0</v>
      </c>
      <c r="HH21" s="104">
        <v>1521707</v>
      </c>
      <c r="HI21" s="104">
        <v>2203165</v>
      </c>
      <c r="HJ21" s="104">
        <v>1240734</v>
      </c>
      <c r="HK21" s="104">
        <v>2661967</v>
      </c>
      <c r="HL21" s="104">
        <v>1179132</v>
      </c>
      <c r="HM21" s="103">
        <v>8806705</v>
      </c>
      <c r="HN21" s="99">
        <v>9126835</v>
      </c>
      <c r="HO21" s="306"/>
      <c r="HP21" s="307"/>
      <c r="HQ21" s="308"/>
      <c r="HR21" s="309"/>
      <c r="HS21" s="307"/>
      <c r="HT21" s="307"/>
      <c r="HU21" s="307"/>
      <c r="HV21" s="307"/>
      <c r="HW21" s="307"/>
      <c r="HX21" s="310"/>
      <c r="HY21" s="311"/>
      <c r="HZ21" s="118">
        <v>0</v>
      </c>
      <c r="IA21" s="119">
        <v>0</v>
      </c>
      <c r="IB21" s="120">
        <v>0</v>
      </c>
      <c r="IC21" s="133">
        <v>0</v>
      </c>
      <c r="ID21" s="119">
        <v>312750</v>
      </c>
      <c r="IE21" s="134">
        <v>1204585</v>
      </c>
      <c r="IF21" s="120">
        <v>1488291</v>
      </c>
      <c r="IG21" s="119">
        <v>869767</v>
      </c>
      <c r="IH21" s="120">
        <v>1063446</v>
      </c>
      <c r="II21" s="135">
        <v>4938839</v>
      </c>
      <c r="IJ21" s="126">
        <v>4938839</v>
      </c>
      <c r="IK21" s="219">
        <v>0</v>
      </c>
      <c r="IL21" s="223">
        <v>0</v>
      </c>
      <c r="IM21" s="224">
        <v>0</v>
      </c>
      <c r="IN21" s="127"/>
      <c r="IO21" s="109">
        <v>0</v>
      </c>
      <c r="IP21" s="109">
        <v>0</v>
      </c>
      <c r="IQ21" s="109">
        <v>313168</v>
      </c>
      <c r="IR21" s="109">
        <v>0</v>
      </c>
      <c r="IS21" s="109">
        <v>277580</v>
      </c>
      <c r="IT21" s="128">
        <v>590748</v>
      </c>
      <c r="IU21" s="298">
        <v>590748</v>
      </c>
      <c r="IV21" s="129">
        <v>0</v>
      </c>
      <c r="IW21" s="109">
        <v>0</v>
      </c>
      <c r="IX21" s="110">
        <v>0</v>
      </c>
      <c r="IY21" s="131"/>
      <c r="IZ21" s="109">
        <v>0</v>
      </c>
      <c r="JA21" s="109">
        <v>0</v>
      </c>
      <c r="JB21" s="109">
        <v>16396</v>
      </c>
      <c r="JC21" s="109">
        <v>0</v>
      </c>
      <c r="JD21" s="109">
        <v>0</v>
      </c>
      <c r="JE21" s="110">
        <v>16396</v>
      </c>
      <c r="JF21" s="111">
        <v>16396</v>
      </c>
      <c r="JG21" s="129">
        <v>0</v>
      </c>
      <c r="JH21" s="109">
        <v>0</v>
      </c>
      <c r="JI21" s="128">
        <v>0</v>
      </c>
      <c r="JJ21" s="108">
        <v>0</v>
      </c>
      <c r="JK21" s="109">
        <v>312750</v>
      </c>
      <c r="JL21" s="109">
        <v>546755</v>
      </c>
      <c r="JM21" s="109">
        <v>453344</v>
      </c>
      <c r="JN21" s="109">
        <v>93752</v>
      </c>
      <c r="JO21" s="109">
        <v>0</v>
      </c>
      <c r="JP21" s="110">
        <v>1406601</v>
      </c>
      <c r="JQ21" s="298">
        <v>1406601</v>
      </c>
      <c r="JR21" s="129">
        <v>0</v>
      </c>
      <c r="JS21" s="109">
        <v>0</v>
      </c>
      <c r="JT21" s="128">
        <v>0</v>
      </c>
      <c r="JU21" s="108">
        <v>0</v>
      </c>
      <c r="JV21" s="109">
        <v>0</v>
      </c>
      <c r="JW21" s="109">
        <v>0</v>
      </c>
      <c r="JX21" s="109">
        <v>0</v>
      </c>
      <c r="JY21" s="109">
        <v>0</v>
      </c>
      <c r="JZ21" s="109">
        <v>0</v>
      </c>
      <c r="KA21" s="110">
        <v>0</v>
      </c>
      <c r="KB21" s="298">
        <v>0</v>
      </c>
      <c r="KC21" s="221">
        <v>0</v>
      </c>
      <c r="KD21" s="217">
        <v>0</v>
      </c>
      <c r="KE21" s="110">
        <v>0</v>
      </c>
      <c r="KF21" s="108">
        <v>0</v>
      </c>
      <c r="KG21" s="109">
        <v>0</v>
      </c>
      <c r="KH21" s="109">
        <v>0</v>
      </c>
      <c r="KI21" s="109">
        <v>472485</v>
      </c>
      <c r="KJ21" s="109">
        <v>516193</v>
      </c>
      <c r="KK21" s="109">
        <v>0</v>
      </c>
      <c r="KL21" s="110">
        <v>988678</v>
      </c>
      <c r="KM21" s="130">
        <v>988678</v>
      </c>
      <c r="KN21" s="219">
        <v>0</v>
      </c>
      <c r="KO21" s="223">
        <v>0</v>
      </c>
      <c r="KP21" s="224">
        <v>0</v>
      </c>
      <c r="KQ21" s="127"/>
      <c r="KR21" s="109">
        <v>0</v>
      </c>
      <c r="KS21" s="109">
        <v>489072</v>
      </c>
      <c r="KT21" s="109">
        <v>232898</v>
      </c>
      <c r="KU21" s="109">
        <v>259822</v>
      </c>
      <c r="KV21" s="109">
        <v>785866</v>
      </c>
      <c r="KW21" s="110">
        <v>1767658</v>
      </c>
      <c r="KX21" s="298">
        <v>1767658</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8">
        <v>0</v>
      </c>
      <c r="LU21" s="129">
        <v>0</v>
      </c>
      <c r="LV21" s="109">
        <v>0</v>
      </c>
      <c r="LW21" s="110">
        <v>0</v>
      </c>
      <c r="LX21" s="132"/>
      <c r="LY21" s="109">
        <v>0</v>
      </c>
      <c r="LZ21" s="109">
        <v>168758</v>
      </c>
      <c r="MA21" s="109">
        <v>0</v>
      </c>
      <c r="MB21" s="109">
        <v>0</v>
      </c>
      <c r="MC21" s="109">
        <v>0</v>
      </c>
      <c r="MD21" s="110">
        <v>168758</v>
      </c>
      <c r="ME21" s="111">
        <v>168758</v>
      </c>
      <c r="MF21" s="129">
        <v>0</v>
      </c>
      <c r="MG21" s="109">
        <v>0</v>
      </c>
      <c r="MH21" s="110">
        <v>0</v>
      </c>
      <c r="MI21" s="132"/>
      <c r="MJ21" s="109">
        <v>0</v>
      </c>
      <c r="MK21" s="109">
        <v>823879</v>
      </c>
      <c r="ML21" s="109">
        <v>1851366</v>
      </c>
      <c r="MM21" s="109">
        <v>4233261</v>
      </c>
      <c r="MN21" s="109">
        <v>1315859</v>
      </c>
      <c r="MO21" s="110">
        <v>8224365</v>
      </c>
      <c r="MP21" s="130">
        <v>8224365</v>
      </c>
      <c r="MQ21" s="129">
        <v>0</v>
      </c>
      <c r="MR21" s="109">
        <v>0</v>
      </c>
      <c r="MS21" s="110">
        <v>0</v>
      </c>
      <c r="MT21" s="132"/>
      <c r="MU21" s="109">
        <v>0</v>
      </c>
      <c r="MV21" s="109">
        <v>212013</v>
      </c>
      <c r="MW21" s="109">
        <v>906497</v>
      </c>
      <c r="MX21" s="109">
        <v>2643570</v>
      </c>
      <c r="MY21" s="109">
        <v>1133284</v>
      </c>
      <c r="MZ21" s="110">
        <v>4895364</v>
      </c>
      <c r="NA21" s="130">
        <v>4895364</v>
      </c>
      <c r="NB21" s="129">
        <v>0</v>
      </c>
      <c r="NC21" s="109">
        <v>0</v>
      </c>
      <c r="ND21" s="110">
        <v>0</v>
      </c>
      <c r="NE21" s="132"/>
      <c r="NF21" s="109">
        <v>0</v>
      </c>
      <c r="NG21" s="109">
        <v>611866</v>
      </c>
      <c r="NH21" s="109">
        <v>944869</v>
      </c>
      <c r="NI21" s="109">
        <v>1589691</v>
      </c>
      <c r="NJ21" s="109">
        <v>182575</v>
      </c>
      <c r="NK21" s="110">
        <v>3329001</v>
      </c>
      <c r="NL21" s="298">
        <v>3329001</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0</v>
      </c>
      <c r="OG21" s="110">
        <v>0</v>
      </c>
      <c r="OH21" s="111">
        <v>0</v>
      </c>
      <c r="OI21" s="129">
        <v>403574</v>
      </c>
      <c r="OJ21" s="109">
        <v>691421</v>
      </c>
      <c r="OK21" s="128">
        <v>1094995</v>
      </c>
      <c r="OL21" s="108">
        <v>0</v>
      </c>
      <c r="OM21" s="109">
        <v>4690397</v>
      </c>
      <c r="ON21" s="109">
        <v>9225889</v>
      </c>
      <c r="OO21" s="109">
        <v>7612672</v>
      </c>
      <c r="OP21" s="109">
        <v>11206111</v>
      </c>
      <c r="OQ21" s="109">
        <v>4682741</v>
      </c>
      <c r="OR21" s="110">
        <v>37417810</v>
      </c>
      <c r="OS21" s="130">
        <v>38512805</v>
      </c>
    </row>
    <row r="22" spans="2:409" ht="21" customHeight="1" x14ac:dyDescent="0.2">
      <c r="B22" s="472" t="s">
        <v>17</v>
      </c>
      <c r="C22" s="100">
        <v>471275</v>
      </c>
      <c r="D22" s="104">
        <v>605156</v>
      </c>
      <c r="E22" s="103">
        <v>1076431</v>
      </c>
      <c r="F22" s="99">
        <v>0</v>
      </c>
      <c r="G22" s="104">
        <v>4429798</v>
      </c>
      <c r="H22" s="104">
        <v>6459655</v>
      </c>
      <c r="I22" s="104">
        <v>5042095</v>
      </c>
      <c r="J22" s="104">
        <v>2371856</v>
      </c>
      <c r="K22" s="104">
        <v>2369568</v>
      </c>
      <c r="L22" s="99">
        <v>20672972</v>
      </c>
      <c r="M22" s="106">
        <v>21749403</v>
      </c>
      <c r="N22" s="100">
        <v>71712</v>
      </c>
      <c r="O22" s="104">
        <v>184469</v>
      </c>
      <c r="P22" s="103">
        <v>256181</v>
      </c>
      <c r="Q22" s="100">
        <v>0</v>
      </c>
      <c r="R22" s="104">
        <v>977088</v>
      </c>
      <c r="S22" s="104">
        <v>1365850</v>
      </c>
      <c r="T22" s="104">
        <v>1842570</v>
      </c>
      <c r="U22" s="104">
        <v>472466</v>
      </c>
      <c r="V22" s="104">
        <v>1236697</v>
      </c>
      <c r="W22" s="103">
        <v>5894671</v>
      </c>
      <c r="X22" s="106">
        <v>6150852</v>
      </c>
      <c r="Y22" s="100">
        <v>0</v>
      </c>
      <c r="Z22" s="104">
        <v>0</v>
      </c>
      <c r="AA22" s="103">
        <v>0</v>
      </c>
      <c r="AB22" s="100">
        <v>0</v>
      </c>
      <c r="AC22" s="104">
        <v>402262</v>
      </c>
      <c r="AD22" s="104">
        <v>744837</v>
      </c>
      <c r="AE22" s="104">
        <v>906013</v>
      </c>
      <c r="AF22" s="104">
        <v>152651</v>
      </c>
      <c r="AG22" s="104">
        <v>644058</v>
      </c>
      <c r="AH22" s="103">
        <v>2849821</v>
      </c>
      <c r="AI22" s="106">
        <v>2849821</v>
      </c>
      <c r="AJ22" s="100">
        <v>0</v>
      </c>
      <c r="AK22" s="104">
        <v>0</v>
      </c>
      <c r="AL22" s="103">
        <v>0</v>
      </c>
      <c r="AM22" s="100">
        <v>0</v>
      </c>
      <c r="AN22" s="104">
        <v>0</v>
      </c>
      <c r="AO22" s="104">
        <v>0</v>
      </c>
      <c r="AP22" s="104">
        <v>49265</v>
      </c>
      <c r="AQ22" s="104">
        <v>0</v>
      </c>
      <c r="AR22" s="104">
        <v>141707</v>
      </c>
      <c r="AS22" s="103">
        <v>190972</v>
      </c>
      <c r="AT22" s="106">
        <v>190972</v>
      </c>
      <c r="AU22" s="100">
        <v>0</v>
      </c>
      <c r="AV22" s="104">
        <v>103073</v>
      </c>
      <c r="AW22" s="103">
        <v>103073</v>
      </c>
      <c r="AX22" s="100">
        <v>0</v>
      </c>
      <c r="AY22" s="104">
        <v>388018</v>
      </c>
      <c r="AZ22" s="104">
        <v>286023</v>
      </c>
      <c r="BA22" s="104">
        <v>562269</v>
      </c>
      <c r="BB22" s="104">
        <v>63760</v>
      </c>
      <c r="BC22" s="104">
        <v>264084</v>
      </c>
      <c r="BD22" s="103">
        <v>1564154</v>
      </c>
      <c r="BE22" s="106">
        <v>1667227</v>
      </c>
      <c r="BF22" s="100">
        <v>0</v>
      </c>
      <c r="BG22" s="104">
        <v>36652</v>
      </c>
      <c r="BH22" s="102">
        <v>36652</v>
      </c>
      <c r="BI22" s="101">
        <v>0</v>
      </c>
      <c r="BJ22" s="104">
        <v>0</v>
      </c>
      <c r="BK22" s="104">
        <v>62654</v>
      </c>
      <c r="BL22" s="104">
        <v>66671</v>
      </c>
      <c r="BM22" s="104">
        <v>66671</v>
      </c>
      <c r="BN22" s="104">
        <v>0</v>
      </c>
      <c r="BO22" s="103">
        <v>195996</v>
      </c>
      <c r="BP22" s="106">
        <v>232648</v>
      </c>
      <c r="BQ22" s="100">
        <v>71712</v>
      </c>
      <c r="BR22" s="104">
        <v>44744</v>
      </c>
      <c r="BS22" s="103">
        <v>116456</v>
      </c>
      <c r="BT22" s="100">
        <v>0</v>
      </c>
      <c r="BU22" s="104">
        <v>186808</v>
      </c>
      <c r="BV22" s="104">
        <v>272336</v>
      </c>
      <c r="BW22" s="104">
        <v>258352</v>
      </c>
      <c r="BX22" s="104">
        <v>189384</v>
      </c>
      <c r="BY22" s="104">
        <v>186848</v>
      </c>
      <c r="BZ22" s="103">
        <v>1093728</v>
      </c>
      <c r="CA22" s="106">
        <v>1210184</v>
      </c>
      <c r="CB22" s="100">
        <v>67292</v>
      </c>
      <c r="CC22" s="104">
        <v>149408</v>
      </c>
      <c r="CD22" s="103">
        <v>216700</v>
      </c>
      <c r="CE22" s="100">
        <v>0</v>
      </c>
      <c r="CF22" s="104">
        <v>1395836</v>
      </c>
      <c r="CG22" s="104">
        <v>2481750</v>
      </c>
      <c r="CH22" s="104">
        <v>902991</v>
      </c>
      <c r="CI22" s="104">
        <v>422562</v>
      </c>
      <c r="CJ22" s="104">
        <v>131145</v>
      </c>
      <c r="CK22" s="103">
        <v>5334284</v>
      </c>
      <c r="CL22" s="106">
        <v>5550984</v>
      </c>
      <c r="CM22" s="100">
        <v>0</v>
      </c>
      <c r="CN22" s="104">
        <v>0</v>
      </c>
      <c r="CO22" s="103">
        <v>0</v>
      </c>
      <c r="CP22" s="101">
        <v>0</v>
      </c>
      <c r="CQ22" s="104">
        <v>1395836</v>
      </c>
      <c r="CR22" s="104">
        <v>1760155</v>
      </c>
      <c r="CS22" s="104">
        <v>618969</v>
      </c>
      <c r="CT22" s="104">
        <v>352932</v>
      </c>
      <c r="CU22" s="104">
        <v>92889</v>
      </c>
      <c r="CV22" s="103">
        <v>4220781</v>
      </c>
      <c r="CW22" s="106">
        <v>4220781</v>
      </c>
      <c r="CX22" s="100">
        <v>67292</v>
      </c>
      <c r="CY22" s="104">
        <v>149408</v>
      </c>
      <c r="CZ22" s="103">
        <v>216700</v>
      </c>
      <c r="DA22" s="100">
        <v>0</v>
      </c>
      <c r="DB22" s="104">
        <v>0</v>
      </c>
      <c r="DC22" s="104">
        <v>721595</v>
      </c>
      <c r="DD22" s="104">
        <v>284022</v>
      </c>
      <c r="DE22" s="104">
        <v>69630</v>
      </c>
      <c r="DF22" s="104">
        <v>38256</v>
      </c>
      <c r="DG22" s="103">
        <v>1113503</v>
      </c>
      <c r="DH22" s="106">
        <v>1330203</v>
      </c>
      <c r="DI22" s="100">
        <v>0</v>
      </c>
      <c r="DJ22" s="104">
        <v>0</v>
      </c>
      <c r="DK22" s="102">
        <v>0</v>
      </c>
      <c r="DL22" s="101">
        <v>0</v>
      </c>
      <c r="DM22" s="104">
        <v>241068</v>
      </c>
      <c r="DN22" s="104">
        <v>430076</v>
      </c>
      <c r="DO22" s="104">
        <v>360680</v>
      </c>
      <c r="DP22" s="104">
        <v>687157</v>
      </c>
      <c r="DQ22" s="104">
        <v>242271</v>
      </c>
      <c r="DR22" s="103">
        <v>1961252</v>
      </c>
      <c r="DS22" s="106">
        <v>1961252</v>
      </c>
      <c r="DT22" s="100">
        <v>0</v>
      </c>
      <c r="DU22" s="104">
        <v>0</v>
      </c>
      <c r="DV22" s="103">
        <v>0</v>
      </c>
      <c r="DW22" s="100">
        <v>0</v>
      </c>
      <c r="DX22" s="104">
        <v>193360</v>
      </c>
      <c r="DY22" s="104">
        <v>430076</v>
      </c>
      <c r="DZ22" s="104">
        <v>245220</v>
      </c>
      <c r="EA22" s="104">
        <v>687157</v>
      </c>
      <c r="EB22" s="104">
        <v>242271</v>
      </c>
      <c r="EC22" s="103">
        <v>1798084</v>
      </c>
      <c r="ED22" s="106">
        <v>1798084</v>
      </c>
      <c r="EE22" s="100">
        <v>0</v>
      </c>
      <c r="EF22" s="102">
        <v>0</v>
      </c>
      <c r="EG22" s="103">
        <v>0</v>
      </c>
      <c r="EH22" s="100">
        <v>0</v>
      </c>
      <c r="EI22" s="104">
        <v>47708</v>
      </c>
      <c r="EJ22" s="104">
        <v>0</v>
      </c>
      <c r="EK22" s="104">
        <v>115460</v>
      </c>
      <c r="EL22" s="104">
        <v>0</v>
      </c>
      <c r="EM22" s="104">
        <v>0</v>
      </c>
      <c r="EN22" s="102">
        <v>163168</v>
      </c>
      <c r="EO22" s="106">
        <v>163168</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48944</v>
      </c>
      <c r="FM22" s="104">
        <v>80960</v>
      </c>
      <c r="FN22" s="103">
        <v>129904</v>
      </c>
      <c r="FO22" s="100">
        <v>0</v>
      </c>
      <c r="FP22" s="104">
        <v>433512</v>
      </c>
      <c r="FQ22" s="104">
        <v>915848</v>
      </c>
      <c r="FR22" s="104">
        <v>519472</v>
      </c>
      <c r="FS22" s="104">
        <v>205280</v>
      </c>
      <c r="FT22" s="104">
        <v>278840</v>
      </c>
      <c r="FU22" s="103">
        <v>2352952</v>
      </c>
      <c r="FV22" s="106">
        <v>2482856</v>
      </c>
      <c r="FW22" s="105">
        <v>48944</v>
      </c>
      <c r="FX22" s="104">
        <v>80960</v>
      </c>
      <c r="FY22" s="102">
        <v>129904</v>
      </c>
      <c r="FZ22" s="101">
        <v>0</v>
      </c>
      <c r="GA22" s="104">
        <v>159112</v>
      </c>
      <c r="GB22" s="104">
        <v>798664</v>
      </c>
      <c r="GC22" s="104">
        <v>494512</v>
      </c>
      <c r="GD22" s="104">
        <v>205280</v>
      </c>
      <c r="GE22" s="104">
        <v>195640</v>
      </c>
      <c r="GF22" s="103">
        <v>1853208</v>
      </c>
      <c r="GG22" s="296">
        <v>1983112</v>
      </c>
      <c r="GH22" s="105">
        <v>0</v>
      </c>
      <c r="GI22" s="104">
        <v>0</v>
      </c>
      <c r="GJ22" s="102">
        <v>0</v>
      </c>
      <c r="GK22" s="101">
        <v>0</v>
      </c>
      <c r="GL22" s="104">
        <v>39600</v>
      </c>
      <c r="GM22" s="104">
        <v>14784</v>
      </c>
      <c r="GN22" s="104">
        <v>24960</v>
      </c>
      <c r="GO22" s="104">
        <v>0</v>
      </c>
      <c r="GP22" s="104">
        <v>0</v>
      </c>
      <c r="GQ22" s="103">
        <v>79344</v>
      </c>
      <c r="GR22" s="106">
        <v>79344</v>
      </c>
      <c r="GS22" s="100">
        <v>0</v>
      </c>
      <c r="GT22" s="104">
        <v>0</v>
      </c>
      <c r="GU22" s="103">
        <v>0</v>
      </c>
      <c r="GV22" s="100">
        <v>0</v>
      </c>
      <c r="GW22" s="104">
        <v>234800</v>
      </c>
      <c r="GX22" s="104">
        <v>102400</v>
      </c>
      <c r="GY22" s="104">
        <v>0</v>
      </c>
      <c r="GZ22" s="104">
        <v>0</v>
      </c>
      <c r="HA22" s="104">
        <v>83200</v>
      </c>
      <c r="HB22" s="102">
        <v>420400</v>
      </c>
      <c r="HC22" s="106">
        <v>420400</v>
      </c>
      <c r="HD22" s="100">
        <v>283327</v>
      </c>
      <c r="HE22" s="104">
        <v>190319</v>
      </c>
      <c r="HF22" s="102">
        <v>473646</v>
      </c>
      <c r="HG22" s="101">
        <v>0</v>
      </c>
      <c r="HH22" s="104">
        <v>1382294</v>
      </c>
      <c r="HI22" s="104">
        <v>1266131</v>
      </c>
      <c r="HJ22" s="104">
        <v>1416382</v>
      </c>
      <c r="HK22" s="104">
        <v>584391</v>
      </c>
      <c r="HL22" s="104">
        <v>480615</v>
      </c>
      <c r="HM22" s="103">
        <v>5129813</v>
      </c>
      <c r="HN22" s="99">
        <v>5603459</v>
      </c>
      <c r="HO22" s="306"/>
      <c r="HP22" s="307"/>
      <c r="HQ22" s="308"/>
      <c r="HR22" s="309"/>
      <c r="HS22" s="307"/>
      <c r="HT22" s="307"/>
      <c r="HU22" s="307"/>
      <c r="HV22" s="307"/>
      <c r="HW22" s="307"/>
      <c r="HX22" s="310"/>
      <c r="HY22" s="311"/>
      <c r="HZ22" s="137">
        <v>0</v>
      </c>
      <c r="IA22" s="122">
        <v>0</v>
      </c>
      <c r="IB22" s="137">
        <v>0</v>
      </c>
      <c r="IC22" s="121">
        <v>0</v>
      </c>
      <c r="ID22" s="122">
        <v>1992077</v>
      </c>
      <c r="IE22" s="123">
        <v>2303350</v>
      </c>
      <c r="IF22" s="124">
        <v>3061774</v>
      </c>
      <c r="IG22" s="122">
        <v>1851199</v>
      </c>
      <c r="IH22" s="124">
        <v>976651</v>
      </c>
      <c r="II22" s="125">
        <v>10185051</v>
      </c>
      <c r="IJ22" s="137">
        <v>10185051</v>
      </c>
      <c r="IK22" s="219">
        <v>0</v>
      </c>
      <c r="IL22" s="223">
        <v>0</v>
      </c>
      <c r="IM22" s="224">
        <v>0</v>
      </c>
      <c r="IN22" s="127"/>
      <c r="IO22" s="109">
        <v>0</v>
      </c>
      <c r="IP22" s="109">
        <v>0</v>
      </c>
      <c r="IQ22" s="109">
        <v>0</v>
      </c>
      <c r="IR22" s="109">
        <v>0</v>
      </c>
      <c r="IS22" s="109">
        <v>239936</v>
      </c>
      <c r="IT22" s="128">
        <v>239936</v>
      </c>
      <c r="IU22" s="298">
        <v>239936</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808265</v>
      </c>
      <c r="JL22" s="109">
        <v>1247435</v>
      </c>
      <c r="JM22" s="109">
        <v>725134</v>
      </c>
      <c r="JN22" s="109">
        <v>224559</v>
      </c>
      <c r="JO22" s="109">
        <v>110812</v>
      </c>
      <c r="JP22" s="110">
        <v>3116205</v>
      </c>
      <c r="JQ22" s="298">
        <v>3116205</v>
      </c>
      <c r="JR22" s="129">
        <v>0</v>
      </c>
      <c r="JS22" s="109">
        <v>0</v>
      </c>
      <c r="JT22" s="128">
        <v>0</v>
      </c>
      <c r="JU22" s="108">
        <v>0</v>
      </c>
      <c r="JV22" s="109">
        <v>103418</v>
      </c>
      <c r="JW22" s="109">
        <v>57248</v>
      </c>
      <c r="JX22" s="109">
        <v>0</v>
      </c>
      <c r="JY22" s="109">
        <v>0</v>
      </c>
      <c r="JZ22" s="109">
        <v>0</v>
      </c>
      <c r="KA22" s="110">
        <v>160666</v>
      </c>
      <c r="KB22" s="298">
        <v>160666</v>
      </c>
      <c r="KC22" s="221">
        <v>0</v>
      </c>
      <c r="KD22" s="217">
        <v>0</v>
      </c>
      <c r="KE22" s="110">
        <v>0</v>
      </c>
      <c r="KF22" s="108">
        <v>0</v>
      </c>
      <c r="KG22" s="109">
        <v>128499</v>
      </c>
      <c r="KH22" s="109">
        <v>237674</v>
      </c>
      <c r="KI22" s="109">
        <v>751920</v>
      </c>
      <c r="KJ22" s="109">
        <v>809801</v>
      </c>
      <c r="KK22" s="109">
        <v>0</v>
      </c>
      <c r="KL22" s="110">
        <v>1927894</v>
      </c>
      <c r="KM22" s="130">
        <v>1927894</v>
      </c>
      <c r="KN22" s="219">
        <v>0</v>
      </c>
      <c r="KO22" s="223">
        <v>0</v>
      </c>
      <c r="KP22" s="224">
        <v>0</v>
      </c>
      <c r="KQ22" s="127"/>
      <c r="KR22" s="109">
        <v>951895</v>
      </c>
      <c r="KS22" s="109">
        <v>760993</v>
      </c>
      <c r="KT22" s="109">
        <v>1309637</v>
      </c>
      <c r="KU22" s="109">
        <v>264629</v>
      </c>
      <c r="KV22" s="109">
        <v>264215</v>
      </c>
      <c r="KW22" s="110">
        <v>3551369</v>
      </c>
      <c r="KX22" s="298">
        <v>3551369</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269343</v>
      </c>
      <c r="LQ22" s="109">
        <v>552210</v>
      </c>
      <c r="LR22" s="109">
        <v>0</v>
      </c>
      <c r="LS22" s="110">
        <v>821553</v>
      </c>
      <c r="LT22" s="298">
        <v>821553</v>
      </c>
      <c r="LU22" s="129">
        <v>0</v>
      </c>
      <c r="LV22" s="109">
        <v>0</v>
      </c>
      <c r="LW22" s="110">
        <v>0</v>
      </c>
      <c r="LX22" s="132"/>
      <c r="LY22" s="109">
        <v>0</v>
      </c>
      <c r="LZ22" s="109">
        <v>0</v>
      </c>
      <c r="MA22" s="109">
        <v>5740</v>
      </c>
      <c r="MB22" s="109">
        <v>0</v>
      </c>
      <c r="MC22" s="109">
        <v>361688</v>
      </c>
      <c r="MD22" s="110">
        <v>367428</v>
      </c>
      <c r="ME22" s="111">
        <v>367428</v>
      </c>
      <c r="MF22" s="129">
        <v>0</v>
      </c>
      <c r="MG22" s="109">
        <v>0</v>
      </c>
      <c r="MH22" s="110">
        <v>0</v>
      </c>
      <c r="MI22" s="132"/>
      <c r="MJ22" s="109">
        <v>1284762</v>
      </c>
      <c r="MK22" s="109">
        <v>654624</v>
      </c>
      <c r="ML22" s="109">
        <v>4382337</v>
      </c>
      <c r="MM22" s="109">
        <v>5332659</v>
      </c>
      <c r="MN22" s="109">
        <v>4907405</v>
      </c>
      <c r="MO22" s="110">
        <v>16561787</v>
      </c>
      <c r="MP22" s="130">
        <v>16561787</v>
      </c>
      <c r="MQ22" s="129">
        <v>0</v>
      </c>
      <c r="MR22" s="109">
        <v>0</v>
      </c>
      <c r="MS22" s="110">
        <v>0</v>
      </c>
      <c r="MT22" s="132"/>
      <c r="MU22" s="109">
        <v>0</v>
      </c>
      <c r="MV22" s="109">
        <v>0</v>
      </c>
      <c r="MW22" s="109">
        <v>2018045</v>
      </c>
      <c r="MX22" s="109">
        <v>4488138</v>
      </c>
      <c r="MY22" s="109">
        <v>2288944</v>
      </c>
      <c r="MZ22" s="110">
        <v>8795127</v>
      </c>
      <c r="NA22" s="130">
        <v>8795127</v>
      </c>
      <c r="NB22" s="129">
        <v>0</v>
      </c>
      <c r="NC22" s="109">
        <v>0</v>
      </c>
      <c r="ND22" s="110">
        <v>0</v>
      </c>
      <c r="NE22" s="132"/>
      <c r="NF22" s="109">
        <v>1284762</v>
      </c>
      <c r="NG22" s="109">
        <v>654624</v>
      </c>
      <c r="NH22" s="109">
        <v>2364292</v>
      </c>
      <c r="NI22" s="109">
        <v>844521</v>
      </c>
      <c r="NJ22" s="109">
        <v>2618461</v>
      </c>
      <c r="NK22" s="110">
        <v>7766660</v>
      </c>
      <c r="NL22" s="298">
        <v>7766660</v>
      </c>
      <c r="NM22" s="129">
        <v>0</v>
      </c>
      <c r="NN22" s="109">
        <v>0</v>
      </c>
      <c r="NO22" s="110">
        <v>0</v>
      </c>
      <c r="NP22" s="132"/>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0</v>
      </c>
      <c r="OG22" s="110">
        <v>0</v>
      </c>
      <c r="OH22" s="111">
        <v>0</v>
      </c>
      <c r="OI22" s="129">
        <v>471275</v>
      </c>
      <c r="OJ22" s="109">
        <v>605156</v>
      </c>
      <c r="OK22" s="128">
        <v>1076431</v>
      </c>
      <c r="OL22" s="108">
        <v>0</v>
      </c>
      <c r="OM22" s="109">
        <v>7706637</v>
      </c>
      <c r="ON22" s="109">
        <v>9417629</v>
      </c>
      <c r="OO22" s="109">
        <v>12486206</v>
      </c>
      <c r="OP22" s="109">
        <v>9555714</v>
      </c>
      <c r="OQ22" s="109">
        <v>8253624</v>
      </c>
      <c r="OR22" s="110">
        <v>47419810</v>
      </c>
      <c r="OS22" s="130">
        <v>48496241</v>
      </c>
    </row>
    <row r="23" spans="2:409" ht="21" customHeight="1" x14ac:dyDescent="0.2">
      <c r="B23" s="472" t="s">
        <v>18</v>
      </c>
      <c r="C23" s="100">
        <v>369632</v>
      </c>
      <c r="D23" s="104">
        <v>1017778</v>
      </c>
      <c r="E23" s="103">
        <v>1387410</v>
      </c>
      <c r="F23" s="99">
        <v>0</v>
      </c>
      <c r="G23" s="104">
        <v>6813164</v>
      </c>
      <c r="H23" s="104">
        <v>9472283</v>
      </c>
      <c r="I23" s="104">
        <v>7946910</v>
      </c>
      <c r="J23" s="104">
        <v>7134690</v>
      </c>
      <c r="K23" s="104">
        <v>2307278</v>
      </c>
      <c r="L23" s="99">
        <v>33674325</v>
      </c>
      <c r="M23" s="106">
        <v>35061735</v>
      </c>
      <c r="N23" s="100">
        <v>128500</v>
      </c>
      <c r="O23" s="104">
        <v>284267</v>
      </c>
      <c r="P23" s="103">
        <v>412767</v>
      </c>
      <c r="Q23" s="100">
        <v>0</v>
      </c>
      <c r="R23" s="104">
        <v>2443807</v>
      </c>
      <c r="S23" s="104">
        <v>2216376</v>
      </c>
      <c r="T23" s="104">
        <v>2349390</v>
      </c>
      <c r="U23" s="104">
        <v>2757541</v>
      </c>
      <c r="V23" s="104">
        <v>850736</v>
      </c>
      <c r="W23" s="103">
        <v>10617850</v>
      </c>
      <c r="X23" s="106">
        <v>11030617</v>
      </c>
      <c r="Y23" s="100">
        <v>0</v>
      </c>
      <c r="Z23" s="104">
        <v>0</v>
      </c>
      <c r="AA23" s="103">
        <v>0</v>
      </c>
      <c r="AB23" s="100">
        <v>0</v>
      </c>
      <c r="AC23" s="104">
        <v>1055670</v>
      </c>
      <c r="AD23" s="104">
        <v>690757</v>
      </c>
      <c r="AE23" s="104">
        <v>1076949</v>
      </c>
      <c r="AF23" s="104">
        <v>1488076</v>
      </c>
      <c r="AG23" s="104">
        <v>329756</v>
      </c>
      <c r="AH23" s="103">
        <v>4641208</v>
      </c>
      <c r="AI23" s="106">
        <v>4641208</v>
      </c>
      <c r="AJ23" s="100">
        <v>0</v>
      </c>
      <c r="AK23" s="104">
        <v>0</v>
      </c>
      <c r="AL23" s="103">
        <v>0</v>
      </c>
      <c r="AM23" s="100">
        <v>0</v>
      </c>
      <c r="AN23" s="104">
        <v>0</v>
      </c>
      <c r="AO23" s="104">
        <v>0</v>
      </c>
      <c r="AP23" s="104">
        <v>116594</v>
      </c>
      <c r="AQ23" s="104">
        <v>106604</v>
      </c>
      <c r="AR23" s="104">
        <v>128412</v>
      </c>
      <c r="AS23" s="103">
        <v>351610</v>
      </c>
      <c r="AT23" s="106">
        <v>351610</v>
      </c>
      <c r="AU23" s="100">
        <v>77140</v>
      </c>
      <c r="AV23" s="104">
        <v>252291</v>
      </c>
      <c r="AW23" s="103">
        <v>329431</v>
      </c>
      <c r="AX23" s="100">
        <v>0</v>
      </c>
      <c r="AY23" s="104">
        <v>783652</v>
      </c>
      <c r="AZ23" s="104">
        <v>935358</v>
      </c>
      <c r="BA23" s="104">
        <v>739231</v>
      </c>
      <c r="BB23" s="104">
        <v>478136</v>
      </c>
      <c r="BC23" s="104">
        <v>196152</v>
      </c>
      <c r="BD23" s="103">
        <v>3132529</v>
      </c>
      <c r="BE23" s="106">
        <v>3461960</v>
      </c>
      <c r="BF23" s="100">
        <v>0</v>
      </c>
      <c r="BG23" s="104">
        <v>0</v>
      </c>
      <c r="BH23" s="102">
        <v>0</v>
      </c>
      <c r="BI23" s="101">
        <v>0</v>
      </c>
      <c r="BJ23" s="104">
        <v>146829</v>
      </c>
      <c r="BK23" s="104">
        <v>98045</v>
      </c>
      <c r="BL23" s="104">
        <v>0</v>
      </c>
      <c r="BM23" s="104">
        <v>319501</v>
      </c>
      <c r="BN23" s="104">
        <v>0</v>
      </c>
      <c r="BO23" s="103">
        <v>564375</v>
      </c>
      <c r="BP23" s="106">
        <v>564375</v>
      </c>
      <c r="BQ23" s="100">
        <v>51360</v>
      </c>
      <c r="BR23" s="104">
        <v>31976</v>
      </c>
      <c r="BS23" s="103">
        <v>83336</v>
      </c>
      <c r="BT23" s="100">
        <v>0</v>
      </c>
      <c r="BU23" s="104">
        <v>457656</v>
      </c>
      <c r="BV23" s="104">
        <v>492216</v>
      </c>
      <c r="BW23" s="104">
        <v>416616</v>
      </c>
      <c r="BX23" s="104">
        <v>365224</v>
      </c>
      <c r="BY23" s="104">
        <v>196416</v>
      </c>
      <c r="BZ23" s="103">
        <v>1928128</v>
      </c>
      <c r="CA23" s="106">
        <v>2011464</v>
      </c>
      <c r="CB23" s="100">
        <v>39532</v>
      </c>
      <c r="CC23" s="104">
        <v>307959</v>
      </c>
      <c r="CD23" s="103">
        <v>347491</v>
      </c>
      <c r="CE23" s="100">
        <v>0</v>
      </c>
      <c r="CF23" s="104">
        <v>2513635</v>
      </c>
      <c r="CG23" s="104">
        <v>3768286</v>
      </c>
      <c r="CH23" s="104">
        <v>2297705</v>
      </c>
      <c r="CI23" s="104">
        <v>1267502</v>
      </c>
      <c r="CJ23" s="104">
        <v>469748</v>
      </c>
      <c r="CK23" s="103">
        <v>10316876</v>
      </c>
      <c r="CL23" s="106">
        <v>10664367</v>
      </c>
      <c r="CM23" s="100">
        <v>0</v>
      </c>
      <c r="CN23" s="104">
        <v>0</v>
      </c>
      <c r="CO23" s="103">
        <v>0</v>
      </c>
      <c r="CP23" s="101">
        <v>0</v>
      </c>
      <c r="CQ23" s="104">
        <v>2084119</v>
      </c>
      <c r="CR23" s="104">
        <v>2934390</v>
      </c>
      <c r="CS23" s="104">
        <v>1742274</v>
      </c>
      <c r="CT23" s="104">
        <v>1167473</v>
      </c>
      <c r="CU23" s="104">
        <v>358568</v>
      </c>
      <c r="CV23" s="103">
        <v>8286824</v>
      </c>
      <c r="CW23" s="106">
        <v>8286824</v>
      </c>
      <c r="CX23" s="100">
        <v>39532</v>
      </c>
      <c r="CY23" s="104">
        <v>307959</v>
      </c>
      <c r="CZ23" s="103">
        <v>347491</v>
      </c>
      <c r="DA23" s="100">
        <v>0</v>
      </c>
      <c r="DB23" s="104">
        <v>429516</v>
      </c>
      <c r="DC23" s="104">
        <v>833896</v>
      </c>
      <c r="DD23" s="104">
        <v>555431</v>
      </c>
      <c r="DE23" s="104">
        <v>100029</v>
      </c>
      <c r="DF23" s="104">
        <v>111180</v>
      </c>
      <c r="DG23" s="103">
        <v>2030052</v>
      </c>
      <c r="DH23" s="106">
        <v>2377543</v>
      </c>
      <c r="DI23" s="100">
        <v>6692</v>
      </c>
      <c r="DJ23" s="104">
        <v>0</v>
      </c>
      <c r="DK23" s="102">
        <v>6692</v>
      </c>
      <c r="DL23" s="101">
        <v>0</v>
      </c>
      <c r="DM23" s="104">
        <v>46632</v>
      </c>
      <c r="DN23" s="104">
        <v>505461</v>
      </c>
      <c r="DO23" s="104">
        <v>1207061</v>
      </c>
      <c r="DP23" s="104">
        <v>640022</v>
      </c>
      <c r="DQ23" s="104">
        <v>231601</v>
      </c>
      <c r="DR23" s="103">
        <v>2630777</v>
      </c>
      <c r="DS23" s="106">
        <v>2637469</v>
      </c>
      <c r="DT23" s="100">
        <v>6692</v>
      </c>
      <c r="DU23" s="104">
        <v>0</v>
      </c>
      <c r="DV23" s="103">
        <v>6692</v>
      </c>
      <c r="DW23" s="100">
        <v>0</v>
      </c>
      <c r="DX23" s="104">
        <v>46632</v>
      </c>
      <c r="DY23" s="104">
        <v>505461</v>
      </c>
      <c r="DZ23" s="104">
        <v>1207061</v>
      </c>
      <c r="EA23" s="104">
        <v>640022</v>
      </c>
      <c r="EB23" s="104">
        <v>231601</v>
      </c>
      <c r="EC23" s="103">
        <v>2630777</v>
      </c>
      <c r="ED23" s="106">
        <v>2637469</v>
      </c>
      <c r="EE23" s="100">
        <v>0</v>
      </c>
      <c r="EF23" s="102">
        <v>0</v>
      </c>
      <c r="EG23" s="103">
        <v>0</v>
      </c>
      <c r="EH23" s="100">
        <v>0</v>
      </c>
      <c r="EI23" s="104">
        <v>0</v>
      </c>
      <c r="EJ23" s="104">
        <v>0</v>
      </c>
      <c r="EK23" s="104">
        <v>0</v>
      </c>
      <c r="EL23" s="104">
        <v>0</v>
      </c>
      <c r="EM23" s="104">
        <v>0</v>
      </c>
      <c r="EN23" s="102">
        <v>0</v>
      </c>
      <c r="EO23" s="106">
        <v>0</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39616</v>
      </c>
      <c r="FM23" s="104">
        <v>425552</v>
      </c>
      <c r="FN23" s="103">
        <v>465168</v>
      </c>
      <c r="FO23" s="100">
        <v>0</v>
      </c>
      <c r="FP23" s="104">
        <v>352008</v>
      </c>
      <c r="FQ23" s="104">
        <v>705032</v>
      </c>
      <c r="FR23" s="104">
        <v>481012</v>
      </c>
      <c r="FS23" s="104">
        <v>613664</v>
      </c>
      <c r="FT23" s="104">
        <v>273560</v>
      </c>
      <c r="FU23" s="103">
        <v>2425276</v>
      </c>
      <c r="FV23" s="106">
        <v>2890444</v>
      </c>
      <c r="FW23" s="105">
        <v>39616</v>
      </c>
      <c r="FX23" s="104">
        <v>143952</v>
      </c>
      <c r="FY23" s="102">
        <v>183568</v>
      </c>
      <c r="FZ23" s="101">
        <v>0</v>
      </c>
      <c r="GA23" s="104">
        <v>246072</v>
      </c>
      <c r="GB23" s="104">
        <v>630408</v>
      </c>
      <c r="GC23" s="104">
        <v>440872</v>
      </c>
      <c r="GD23" s="104">
        <v>453664</v>
      </c>
      <c r="GE23" s="104">
        <v>273560</v>
      </c>
      <c r="GF23" s="103">
        <v>2044576</v>
      </c>
      <c r="GG23" s="296">
        <v>2228144</v>
      </c>
      <c r="GH23" s="105">
        <v>0</v>
      </c>
      <c r="GI23" s="104">
        <v>0</v>
      </c>
      <c r="GJ23" s="102">
        <v>0</v>
      </c>
      <c r="GK23" s="101">
        <v>0</v>
      </c>
      <c r="GL23" s="104">
        <v>45936</v>
      </c>
      <c r="GM23" s="104">
        <v>21824</v>
      </c>
      <c r="GN23" s="104">
        <v>40140</v>
      </c>
      <c r="GO23" s="104">
        <v>0</v>
      </c>
      <c r="GP23" s="104">
        <v>0</v>
      </c>
      <c r="GQ23" s="103">
        <v>107900</v>
      </c>
      <c r="GR23" s="106">
        <v>107900</v>
      </c>
      <c r="GS23" s="100">
        <v>0</v>
      </c>
      <c r="GT23" s="104">
        <v>281600</v>
      </c>
      <c r="GU23" s="103">
        <v>281600</v>
      </c>
      <c r="GV23" s="100">
        <v>0</v>
      </c>
      <c r="GW23" s="104">
        <v>60000</v>
      </c>
      <c r="GX23" s="104">
        <v>52800</v>
      </c>
      <c r="GY23" s="104">
        <v>0</v>
      </c>
      <c r="GZ23" s="104">
        <v>160000</v>
      </c>
      <c r="HA23" s="104">
        <v>0</v>
      </c>
      <c r="HB23" s="102">
        <v>272800</v>
      </c>
      <c r="HC23" s="106">
        <v>554400</v>
      </c>
      <c r="HD23" s="100">
        <v>155292</v>
      </c>
      <c r="HE23" s="104">
        <v>0</v>
      </c>
      <c r="HF23" s="102">
        <v>155292</v>
      </c>
      <c r="HG23" s="101">
        <v>0</v>
      </c>
      <c r="HH23" s="104">
        <v>1457082</v>
      </c>
      <c r="HI23" s="104">
        <v>2277128</v>
      </c>
      <c r="HJ23" s="104">
        <v>1611742</v>
      </c>
      <c r="HK23" s="104">
        <v>1855961</v>
      </c>
      <c r="HL23" s="104">
        <v>481633</v>
      </c>
      <c r="HM23" s="103">
        <v>7683546</v>
      </c>
      <c r="HN23" s="99">
        <v>7838838</v>
      </c>
      <c r="HO23" s="306"/>
      <c r="HP23" s="307"/>
      <c r="HQ23" s="308"/>
      <c r="HR23" s="309"/>
      <c r="HS23" s="307"/>
      <c r="HT23" s="307"/>
      <c r="HU23" s="307"/>
      <c r="HV23" s="307"/>
      <c r="HW23" s="307"/>
      <c r="HX23" s="310"/>
      <c r="HY23" s="311"/>
      <c r="HZ23" s="118">
        <v>90746</v>
      </c>
      <c r="IA23" s="119">
        <v>0</v>
      </c>
      <c r="IB23" s="120">
        <v>90746</v>
      </c>
      <c r="IC23" s="133">
        <v>0</v>
      </c>
      <c r="ID23" s="119">
        <v>2169247</v>
      </c>
      <c r="IE23" s="134">
        <v>1625225</v>
      </c>
      <c r="IF23" s="120">
        <v>3508021</v>
      </c>
      <c r="IG23" s="119">
        <v>2282056</v>
      </c>
      <c r="IH23" s="120">
        <v>1349548</v>
      </c>
      <c r="II23" s="135">
        <v>10934097</v>
      </c>
      <c r="IJ23" s="126">
        <v>11024843</v>
      </c>
      <c r="IK23" s="219">
        <v>0</v>
      </c>
      <c r="IL23" s="223">
        <v>0</v>
      </c>
      <c r="IM23" s="224">
        <v>0</v>
      </c>
      <c r="IN23" s="127"/>
      <c r="IO23" s="109">
        <v>0</v>
      </c>
      <c r="IP23" s="109">
        <v>0</v>
      </c>
      <c r="IQ23" s="109">
        <v>0</v>
      </c>
      <c r="IR23" s="109">
        <v>0</v>
      </c>
      <c r="IS23" s="109">
        <v>262840</v>
      </c>
      <c r="IT23" s="128">
        <v>262840</v>
      </c>
      <c r="IU23" s="298">
        <v>262840</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800883</v>
      </c>
      <c r="JL23" s="109">
        <v>516884</v>
      </c>
      <c r="JM23" s="109">
        <v>661311</v>
      </c>
      <c r="JN23" s="109">
        <v>0</v>
      </c>
      <c r="JO23" s="109">
        <v>7214</v>
      </c>
      <c r="JP23" s="110">
        <v>1986292</v>
      </c>
      <c r="JQ23" s="298">
        <v>1986292</v>
      </c>
      <c r="JR23" s="129">
        <v>0</v>
      </c>
      <c r="JS23" s="109">
        <v>0</v>
      </c>
      <c r="JT23" s="128">
        <v>0</v>
      </c>
      <c r="JU23" s="108">
        <v>0</v>
      </c>
      <c r="JV23" s="109">
        <v>0</v>
      </c>
      <c r="JW23" s="109">
        <v>0</v>
      </c>
      <c r="JX23" s="109">
        <v>375864</v>
      </c>
      <c r="JY23" s="109">
        <v>300978</v>
      </c>
      <c r="JZ23" s="109">
        <v>0</v>
      </c>
      <c r="KA23" s="110">
        <v>676842</v>
      </c>
      <c r="KB23" s="298">
        <v>676842</v>
      </c>
      <c r="KC23" s="221">
        <v>90746</v>
      </c>
      <c r="KD23" s="217">
        <v>0</v>
      </c>
      <c r="KE23" s="110">
        <v>90746</v>
      </c>
      <c r="KF23" s="108">
        <v>0</v>
      </c>
      <c r="KG23" s="109">
        <v>659472</v>
      </c>
      <c r="KH23" s="109">
        <v>359070</v>
      </c>
      <c r="KI23" s="109">
        <v>1422919</v>
      </c>
      <c r="KJ23" s="109">
        <v>1037214</v>
      </c>
      <c r="KK23" s="109">
        <v>0</v>
      </c>
      <c r="KL23" s="110">
        <v>3478675</v>
      </c>
      <c r="KM23" s="130">
        <v>3569421</v>
      </c>
      <c r="KN23" s="219">
        <v>0</v>
      </c>
      <c r="KO23" s="223">
        <v>0</v>
      </c>
      <c r="KP23" s="224">
        <v>0</v>
      </c>
      <c r="KQ23" s="127"/>
      <c r="KR23" s="109">
        <v>708892</v>
      </c>
      <c r="KS23" s="109">
        <v>749271</v>
      </c>
      <c r="KT23" s="109">
        <v>513085</v>
      </c>
      <c r="KU23" s="109">
        <v>528760</v>
      </c>
      <c r="KV23" s="109">
        <v>537462</v>
      </c>
      <c r="KW23" s="110">
        <v>3037470</v>
      </c>
      <c r="KX23" s="298">
        <v>3037470</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0</v>
      </c>
      <c r="LQ23" s="109">
        <v>285694</v>
      </c>
      <c r="LR23" s="109">
        <v>0</v>
      </c>
      <c r="LS23" s="110">
        <v>285694</v>
      </c>
      <c r="LT23" s="298">
        <v>285694</v>
      </c>
      <c r="LU23" s="129">
        <v>0</v>
      </c>
      <c r="LV23" s="109">
        <v>0</v>
      </c>
      <c r="LW23" s="110">
        <v>0</v>
      </c>
      <c r="LX23" s="132"/>
      <c r="LY23" s="109">
        <v>0</v>
      </c>
      <c r="LZ23" s="109">
        <v>0</v>
      </c>
      <c r="MA23" s="109">
        <v>534842</v>
      </c>
      <c r="MB23" s="109">
        <v>129410</v>
      </c>
      <c r="MC23" s="109">
        <v>542032</v>
      </c>
      <c r="MD23" s="110">
        <v>1206284</v>
      </c>
      <c r="ME23" s="111">
        <v>1206284</v>
      </c>
      <c r="MF23" s="129">
        <v>0</v>
      </c>
      <c r="MG23" s="109">
        <v>0</v>
      </c>
      <c r="MH23" s="110">
        <v>0</v>
      </c>
      <c r="MI23" s="132"/>
      <c r="MJ23" s="109">
        <v>381424</v>
      </c>
      <c r="MK23" s="109">
        <v>1277521</v>
      </c>
      <c r="ML23" s="109">
        <v>1660285</v>
      </c>
      <c r="MM23" s="109">
        <v>8183789</v>
      </c>
      <c r="MN23" s="109">
        <v>2641614</v>
      </c>
      <c r="MO23" s="110">
        <v>14144633</v>
      </c>
      <c r="MP23" s="130">
        <v>14144633</v>
      </c>
      <c r="MQ23" s="129">
        <v>0</v>
      </c>
      <c r="MR23" s="109">
        <v>0</v>
      </c>
      <c r="MS23" s="110">
        <v>0</v>
      </c>
      <c r="MT23" s="132"/>
      <c r="MU23" s="109">
        <v>0</v>
      </c>
      <c r="MV23" s="109">
        <v>0</v>
      </c>
      <c r="MW23" s="109">
        <v>815914</v>
      </c>
      <c r="MX23" s="109">
        <v>5947248</v>
      </c>
      <c r="MY23" s="109">
        <v>1762007</v>
      </c>
      <c r="MZ23" s="110">
        <v>8525169</v>
      </c>
      <c r="NA23" s="130">
        <v>8525169</v>
      </c>
      <c r="NB23" s="129">
        <v>0</v>
      </c>
      <c r="NC23" s="109">
        <v>0</v>
      </c>
      <c r="ND23" s="110">
        <v>0</v>
      </c>
      <c r="NE23" s="132"/>
      <c r="NF23" s="109">
        <v>381424</v>
      </c>
      <c r="NG23" s="109">
        <v>1277521</v>
      </c>
      <c r="NH23" s="109">
        <v>844371</v>
      </c>
      <c r="NI23" s="109">
        <v>1901155</v>
      </c>
      <c r="NJ23" s="109">
        <v>879607</v>
      </c>
      <c r="NK23" s="110">
        <v>5284078</v>
      </c>
      <c r="NL23" s="298">
        <v>5284078</v>
      </c>
      <c r="NM23" s="129">
        <v>0</v>
      </c>
      <c r="NN23" s="109">
        <v>0</v>
      </c>
      <c r="NO23" s="110">
        <v>0</v>
      </c>
      <c r="NP23" s="132"/>
      <c r="NQ23" s="109">
        <v>0</v>
      </c>
      <c r="NR23" s="109">
        <v>0</v>
      </c>
      <c r="NS23" s="109">
        <v>0</v>
      </c>
      <c r="NT23" s="109">
        <v>0</v>
      </c>
      <c r="NU23" s="109">
        <v>0</v>
      </c>
      <c r="NV23" s="110">
        <v>0</v>
      </c>
      <c r="NW23" s="111">
        <v>0</v>
      </c>
      <c r="NX23" s="129">
        <v>0</v>
      </c>
      <c r="NY23" s="109">
        <v>0</v>
      </c>
      <c r="NZ23" s="110">
        <v>0</v>
      </c>
      <c r="OA23" s="132"/>
      <c r="OB23" s="109">
        <v>0</v>
      </c>
      <c r="OC23" s="109">
        <v>0</v>
      </c>
      <c r="OD23" s="109">
        <v>0</v>
      </c>
      <c r="OE23" s="109">
        <v>335386</v>
      </c>
      <c r="OF23" s="109">
        <v>0</v>
      </c>
      <c r="OG23" s="110">
        <v>335386</v>
      </c>
      <c r="OH23" s="111">
        <v>335386</v>
      </c>
      <c r="OI23" s="129">
        <v>460378</v>
      </c>
      <c r="OJ23" s="109">
        <v>1017778</v>
      </c>
      <c r="OK23" s="128">
        <v>1478156</v>
      </c>
      <c r="OL23" s="108">
        <v>0</v>
      </c>
      <c r="OM23" s="109">
        <v>9363835</v>
      </c>
      <c r="ON23" s="109">
        <v>12375029</v>
      </c>
      <c r="OO23" s="109">
        <v>13115216</v>
      </c>
      <c r="OP23" s="109">
        <v>17600535</v>
      </c>
      <c r="OQ23" s="109">
        <v>6298440</v>
      </c>
      <c r="OR23" s="110">
        <v>58753055</v>
      </c>
      <c r="OS23" s="130">
        <v>60231211</v>
      </c>
    </row>
    <row r="24" spans="2:409" ht="21" customHeight="1" x14ac:dyDescent="0.2">
      <c r="B24" s="472" t="s">
        <v>19</v>
      </c>
      <c r="C24" s="100">
        <v>366011</v>
      </c>
      <c r="D24" s="104">
        <v>325606</v>
      </c>
      <c r="E24" s="103">
        <v>691617</v>
      </c>
      <c r="F24" s="99">
        <v>0</v>
      </c>
      <c r="G24" s="104">
        <v>3720646</v>
      </c>
      <c r="H24" s="104">
        <v>3697436</v>
      </c>
      <c r="I24" s="104">
        <v>2267496</v>
      </c>
      <c r="J24" s="104">
        <v>1546546</v>
      </c>
      <c r="K24" s="104">
        <v>1862477</v>
      </c>
      <c r="L24" s="99">
        <v>13094601</v>
      </c>
      <c r="M24" s="106">
        <v>13786218</v>
      </c>
      <c r="N24" s="100">
        <v>98026</v>
      </c>
      <c r="O24" s="104">
        <v>35008</v>
      </c>
      <c r="P24" s="103">
        <v>133034</v>
      </c>
      <c r="Q24" s="100">
        <v>0</v>
      </c>
      <c r="R24" s="104">
        <v>799218</v>
      </c>
      <c r="S24" s="104">
        <v>933376</v>
      </c>
      <c r="T24" s="104">
        <v>927949</v>
      </c>
      <c r="U24" s="104">
        <v>813302</v>
      </c>
      <c r="V24" s="104">
        <v>1162666</v>
      </c>
      <c r="W24" s="103">
        <v>4636511</v>
      </c>
      <c r="X24" s="106">
        <v>4769545</v>
      </c>
      <c r="Y24" s="100">
        <v>0</v>
      </c>
      <c r="Z24" s="104">
        <v>0</v>
      </c>
      <c r="AA24" s="103">
        <v>0</v>
      </c>
      <c r="AB24" s="100">
        <v>0</v>
      </c>
      <c r="AC24" s="104">
        <v>162033</v>
      </c>
      <c r="AD24" s="104">
        <v>237356</v>
      </c>
      <c r="AE24" s="104">
        <v>289051</v>
      </c>
      <c r="AF24" s="104">
        <v>291871</v>
      </c>
      <c r="AG24" s="104">
        <v>805107</v>
      </c>
      <c r="AH24" s="103">
        <v>1785418</v>
      </c>
      <c r="AI24" s="106">
        <v>1785418</v>
      </c>
      <c r="AJ24" s="100">
        <v>0</v>
      </c>
      <c r="AK24" s="104">
        <v>0</v>
      </c>
      <c r="AL24" s="103">
        <v>0</v>
      </c>
      <c r="AM24" s="100">
        <v>0</v>
      </c>
      <c r="AN24" s="104">
        <v>0</v>
      </c>
      <c r="AO24" s="104">
        <v>0</v>
      </c>
      <c r="AP24" s="104">
        <v>59054</v>
      </c>
      <c r="AQ24" s="104">
        <v>62701</v>
      </c>
      <c r="AR24" s="104">
        <v>0</v>
      </c>
      <c r="AS24" s="103">
        <v>121755</v>
      </c>
      <c r="AT24" s="106">
        <v>121755</v>
      </c>
      <c r="AU24" s="100">
        <v>35282</v>
      </c>
      <c r="AV24" s="104">
        <v>8696</v>
      </c>
      <c r="AW24" s="103">
        <v>43978</v>
      </c>
      <c r="AX24" s="100">
        <v>0</v>
      </c>
      <c r="AY24" s="104">
        <v>337486</v>
      </c>
      <c r="AZ24" s="104">
        <v>301492</v>
      </c>
      <c r="BA24" s="104">
        <v>348654</v>
      </c>
      <c r="BB24" s="104">
        <v>367178</v>
      </c>
      <c r="BC24" s="104">
        <v>257047</v>
      </c>
      <c r="BD24" s="103">
        <v>1611857</v>
      </c>
      <c r="BE24" s="106">
        <v>1655835</v>
      </c>
      <c r="BF24" s="100">
        <v>0</v>
      </c>
      <c r="BG24" s="104">
        <v>0</v>
      </c>
      <c r="BH24" s="102">
        <v>0</v>
      </c>
      <c r="BI24" s="101">
        <v>0</v>
      </c>
      <c r="BJ24" s="104">
        <v>33219</v>
      </c>
      <c r="BK24" s="104">
        <v>71864</v>
      </c>
      <c r="BL24" s="104">
        <v>80686</v>
      </c>
      <c r="BM24" s="104">
        <v>0</v>
      </c>
      <c r="BN24" s="104">
        <v>0</v>
      </c>
      <c r="BO24" s="103">
        <v>185769</v>
      </c>
      <c r="BP24" s="106">
        <v>185769</v>
      </c>
      <c r="BQ24" s="100">
        <v>62744</v>
      </c>
      <c r="BR24" s="104">
        <v>26312</v>
      </c>
      <c r="BS24" s="103">
        <v>89056</v>
      </c>
      <c r="BT24" s="100">
        <v>0</v>
      </c>
      <c r="BU24" s="104">
        <v>266480</v>
      </c>
      <c r="BV24" s="104">
        <v>322664</v>
      </c>
      <c r="BW24" s="104">
        <v>150504</v>
      </c>
      <c r="BX24" s="104">
        <v>91552</v>
      </c>
      <c r="BY24" s="104">
        <v>100512</v>
      </c>
      <c r="BZ24" s="103">
        <v>931712</v>
      </c>
      <c r="CA24" s="106">
        <v>1020768</v>
      </c>
      <c r="CB24" s="100">
        <v>21504</v>
      </c>
      <c r="CC24" s="104">
        <v>76427</v>
      </c>
      <c r="CD24" s="103">
        <v>97931</v>
      </c>
      <c r="CE24" s="100">
        <v>0</v>
      </c>
      <c r="CF24" s="104">
        <v>1645817</v>
      </c>
      <c r="CG24" s="104">
        <v>1158793</v>
      </c>
      <c r="CH24" s="104">
        <v>853934</v>
      </c>
      <c r="CI24" s="104">
        <v>135038</v>
      </c>
      <c r="CJ24" s="104">
        <v>0</v>
      </c>
      <c r="CK24" s="103">
        <v>3793582</v>
      </c>
      <c r="CL24" s="106">
        <v>3891513</v>
      </c>
      <c r="CM24" s="100">
        <v>0</v>
      </c>
      <c r="CN24" s="104">
        <v>0</v>
      </c>
      <c r="CO24" s="103">
        <v>0</v>
      </c>
      <c r="CP24" s="101">
        <v>0</v>
      </c>
      <c r="CQ24" s="104">
        <v>1241124</v>
      </c>
      <c r="CR24" s="104">
        <v>724070</v>
      </c>
      <c r="CS24" s="104">
        <v>454265</v>
      </c>
      <c r="CT24" s="104">
        <v>135038</v>
      </c>
      <c r="CU24" s="104">
        <v>0</v>
      </c>
      <c r="CV24" s="103">
        <v>2554497</v>
      </c>
      <c r="CW24" s="106">
        <v>2554497</v>
      </c>
      <c r="CX24" s="100">
        <v>21504</v>
      </c>
      <c r="CY24" s="104">
        <v>76427</v>
      </c>
      <c r="CZ24" s="103">
        <v>97931</v>
      </c>
      <c r="DA24" s="100">
        <v>0</v>
      </c>
      <c r="DB24" s="104">
        <v>404693</v>
      </c>
      <c r="DC24" s="104">
        <v>434723</v>
      </c>
      <c r="DD24" s="104">
        <v>399669</v>
      </c>
      <c r="DE24" s="104">
        <v>0</v>
      </c>
      <c r="DF24" s="104">
        <v>0</v>
      </c>
      <c r="DG24" s="103">
        <v>1239085</v>
      </c>
      <c r="DH24" s="106">
        <v>1337016</v>
      </c>
      <c r="DI24" s="100">
        <v>31936</v>
      </c>
      <c r="DJ24" s="104">
        <v>0</v>
      </c>
      <c r="DK24" s="102">
        <v>31936</v>
      </c>
      <c r="DL24" s="101">
        <v>0</v>
      </c>
      <c r="DM24" s="104">
        <v>56674</v>
      </c>
      <c r="DN24" s="104">
        <v>0</v>
      </c>
      <c r="DO24" s="104">
        <v>120386</v>
      </c>
      <c r="DP24" s="104">
        <v>148707</v>
      </c>
      <c r="DQ24" s="104">
        <v>264222</v>
      </c>
      <c r="DR24" s="103">
        <v>589989</v>
      </c>
      <c r="DS24" s="106">
        <v>621925</v>
      </c>
      <c r="DT24" s="100">
        <v>31936</v>
      </c>
      <c r="DU24" s="104">
        <v>0</v>
      </c>
      <c r="DV24" s="103">
        <v>31936</v>
      </c>
      <c r="DW24" s="100">
        <v>0</v>
      </c>
      <c r="DX24" s="104">
        <v>56674</v>
      </c>
      <c r="DY24" s="104">
        <v>0</v>
      </c>
      <c r="DZ24" s="104">
        <v>120386</v>
      </c>
      <c r="EA24" s="104">
        <v>120025</v>
      </c>
      <c r="EB24" s="104">
        <v>264222</v>
      </c>
      <c r="EC24" s="103">
        <v>561307</v>
      </c>
      <c r="ED24" s="106">
        <v>593243</v>
      </c>
      <c r="EE24" s="100">
        <v>0</v>
      </c>
      <c r="EF24" s="102">
        <v>0</v>
      </c>
      <c r="EG24" s="103">
        <v>0</v>
      </c>
      <c r="EH24" s="100">
        <v>0</v>
      </c>
      <c r="EI24" s="104">
        <v>0</v>
      </c>
      <c r="EJ24" s="104">
        <v>0</v>
      </c>
      <c r="EK24" s="104">
        <v>0</v>
      </c>
      <c r="EL24" s="104">
        <v>28682</v>
      </c>
      <c r="EM24" s="104">
        <v>0</v>
      </c>
      <c r="EN24" s="102">
        <v>28682</v>
      </c>
      <c r="EO24" s="106">
        <v>28682</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20240</v>
      </c>
      <c r="FM24" s="104">
        <v>122320</v>
      </c>
      <c r="FN24" s="103">
        <v>142560</v>
      </c>
      <c r="FO24" s="100">
        <v>0</v>
      </c>
      <c r="FP24" s="104">
        <v>265984</v>
      </c>
      <c r="FQ24" s="104">
        <v>338424</v>
      </c>
      <c r="FR24" s="104">
        <v>238608</v>
      </c>
      <c r="FS24" s="104">
        <v>233256</v>
      </c>
      <c r="FT24" s="104">
        <v>194864</v>
      </c>
      <c r="FU24" s="103">
        <v>1271136</v>
      </c>
      <c r="FV24" s="106">
        <v>1413696</v>
      </c>
      <c r="FW24" s="105">
        <v>20240</v>
      </c>
      <c r="FX24" s="104">
        <v>34320</v>
      </c>
      <c r="FY24" s="102">
        <v>54560</v>
      </c>
      <c r="FZ24" s="101">
        <v>0</v>
      </c>
      <c r="GA24" s="104">
        <v>239584</v>
      </c>
      <c r="GB24" s="104">
        <v>338424</v>
      </c>
      <c r="GC24" s="104">
        <v>215288</v>
      </c>
      <c r="GD24" s="104">
        <v>233256</v>
      </c>
      <c r="GE24" s="104">
        <v>194864</v>
      </c>
      <c r="GF24" s="103">
        <v>1221416</v>
      </c>
      <c r="GG24" s="296">
        <v>1275976</v>
      </c>
      <c r="GH24" s="105">
        <v>0</v>
      </c>
      <c r="GI24" s="104">
        <v>0</v>
      </c>
      <c r="GJ24" s="102">
        <v>0</v>
      </c>
      <c r="GK24" s="101">
        <v>0</v>
      </c>
      <c r="GL24" s="104">
        <v>26400</v>
      </c>
      <c r="GM24" s="104">
        <v>0</v>
      </c>
      <c r="GN24" s="104">
        <v>23320</v>
      </c>
      <c r="GO24" s="104">
        <v>0</v>
      </c>
      <c r="GP24" s="104">
        <v>0</v>
      </c>
      <c r="GQ24" s="103">
        <v>49720</v>
      </c>
      <c r="GR24" s="106">
        <v>49720</v>
      </c>
      <c r="GS24" s="100">
        <v>0</v>
      </c>
      <c r="GT24" s="104">
        <v>88000</v>
      </c>
      <c r="GU24" s="103">
        <v>88000</v>
      </c>
      <c r="GV24" s="100">
        <v>0</v>
      </c>
      <c r="GW24" s="104">
        <v>0</v>
      </c>
      <c r="GX24" s="104">
        <v>0</v>
      </c>
      <c r="GY24" s="104">
        <v>0</v>
      </c>
      <c r="GZ24" s="104">
        <v>0</v>
      </c>
      <c r="HA24" s="104">
        <v>0</v>
      </c>
      <c r="HB24" s="102">
        <v>0</v>
      </c>
      <c r="HC24" s="106">
        <v>88000</v>
      </c>
      <c r="HD24" s="100">
        <v>194305</v>
      </c>
      <c r="HE24" s="104">
        <v>91851</v>
      </c>
      <c r="HF24" s="102">
        <v>286156</v>
      </c>
      <c r="HG24" s="101">
        <v>0</v>
      </c>
      <c r="HH24" s="104">
        <v>952953</v>
      </c>
      <c r="HI24" s="104">
        <v>1266843</v>
      </c>
      <c r="HJ24" s="104">
        <v>126619</v>
      </c>
      <c r="HK24" s="104">
        <v>216243</v>
      </c>
      <c r="HL24" s="104">
        <v>240725</v>
      </c>
      <c r="HM24" s="103">
        <v>2803383</v>
      </c>
      <c r="HN24" s="99">
        <v>3089539</v>
      </c>
      <c r="HO24" s="306"/>
      <c r="HP24" s="307"/>
      <c r="HQ24" s="308"/>
      <c r="HR24" s="309"/>
      <c r="HS24" s="307"/>
      <c r="HT24" s="307"/>
      <c r="HU24" s="307"/>
      <c r="HV24" s="307"/>
      <c r="HW24" s="307"/>
      <c r="HX24" s="310"/>
      <c r="HY24" s="311"/>
      <c r="HZ24" s="137">
        <v>0</v>
      </c>
      <c r="IA24" s="122">
        <v>0</v>
      </c>
      <c r="IB24" s="137">
        <v>0</v>
      </c>
      <c r="IC24" s="121">
        <v>0</v>
      </c>
      <c r="ID24" s="122">
        <v>1275792</v>
      </c>
      <c r="IE24" s="123">
        <v>1672588</v>
      </c>
      <c r="IF24" s="124">
        <v>881653</v>
      </c>
      <c r="IG24" s="122">
        <v>700153</v>
      </c>
      <c r="IH24" s="124">
        <v>369080</v>
      </c>
      <c r="II24" s="125">
        <v>4899266</v>
      </c>
      <c r="IJ24" s="137">
        <v>4899266</v>
      </c>
      <c r="IK24" s="219">
        <v>0</v>
      </c>
      <c r="IL24" s="223">
        <v>0</v>
      </c>
      <c r="IM24" s="224">
        <v>0</v>
      </c>
      <c r="IN24" s="127"/>
      <c r="IO24" s="109">
        <v>109070</v>
      </c>
      <c r="IP24" s="109">
        <v>251893</v>
      </c>
      <c r="IQ24" s="109">
        <v>0</v>
      </c>
      <c r="IR24" s="109">
        <v>163649</v>
      </c>
      <c r="IS24" s="109">
        <v>0</v>
      </c>
      <c r="IT24" s="128">
        <v>524612</v>
      </c>
      <c r="IU24" s="298">
        <v>524612</v>
      </c>
      <c r="IV24" s="129">
        <v>0</v>
      </c>
      <c r="IW24" s="109">
        <v>0</v>
      </c>
      <c r="IX24" s="110">
        <v>0</v>
      </c>
      <c r="IY24" s="131"/>
      <c r="IZ24" s="109">
        <v>0</v>
      </c>
      <c r="JA24" s="109">
        <v>0</v>
      </c>
      <c r="JB24" s="109">
        <v>0</v>
      </c>
      <c r="JC24" s="109">
        <v>0</v>
      </c>
      <c r="JD24" s="109">
        <v>0</v>
      </c>
      <c r="JE24" s="110">
        <v>0</v>
      </c>
      <c r="JF24" s="111">
        <v>0</v>
      </c>
      <c r="JG24" s="129">
        <v>0</v>
      </c>
      <c r="JH24" s="109">
        <v>0</v>
      </c>
      <c r="JI24" s="128">
        <v>0</v>
      </c>
      <c r="JJ24" s="108">
        <v>0</v>
      </c>
      <c r="JK24" s="109">
        <v>329999</v>
      </c>
      <c r="JL24" s="109">
        <v>385355</v>
      </c>
      <c r="JM24" s="109">
        <v>5216</v>
      </c>
      <c r="JN24" s="109">
        <v>0</v>
      </c>
      <c r="JO24" s="109">
        <v>0</v>
      </c>
      <c r="JP24" s="110">
        <v>720570</v>
      </c>
      <c r="JQ24" s="298">
        <v>720570</v>
      </c>
      <c r="JR24" s="129">
        <v>0</v>
      </c>
      <c r="JS24" s="109">
        <v>0</v>
      </c>
      <c r="JT24" s="128">
        <v>0</v>
      </c>
      <c r="JU24" s="108">
        <v>0</v>
      </c>
      <c r="JV24" s="109">
        <v>108570</v>
      </c>
      <c r="JW24" s="109">
        <v>92450</v>
      </c>
      <c r="JX24" s="109">
        <v>195545</v>
      </c>
      <c r="JY24" s="109">
        <v>0</v>
      </c>
      <c r="JZ24" s="109">
        <v>0</v>
      </c>
      <c r="KA24" s="110">
        <v>396565</v>
      </c>
      <c r="KB24" s="298">
        <v>396565</v>
      </c>
      <c r="KC24" s="221">
        <v>0</v>
      </c>
      <c r="KD24" s="217">
        <v>0</v>
      </c>
      <c r="KE24" s="110">
        <v>0</v>
      </c>
      <c r="KF24" s="108">
        <v>0</v>
      </c>
      <c r="KG24" s="109">
        <v>495687</v>
      </c>
      <c r="KH24" s="109">
        <v>179898</v>
      </c>
      <c r="KI24" s="109">
        <v>421323</v>
      </c>
      <c r="KJ24" s="109">
        <v>226554</v>
      </c>
      <c r="KK24" s="109">
        <v>0</v>
      </c>
      <c r="KL24" s="110">
        <v>1323462</v>
      </c>
      <c r="KM24" s="130">
        <v>1323462</v>
      </c>
      <c r="KN24" s="219">
        <v>0</v>
      </c>
      <c r="KO24" s="223">
        <v>0</v>
      </c>
      <c r="KP24" s="224">
        <v>0</v>
      </c>
      <c r="KQ24" s="127"/>
      <c r="KR24" s="109">
        <v>232466</v>
      </c>
      <c r="KS24" s="109">
        <v>496130</v>
      </c>
      <c r="KT24" s="109">
        <v>259569</v>
      </c>
      <c r="KU24" s="109">
        <v>0</v>
      </c>
      <c r="KV24" s="109">
        <v>0</v>
      </c>
      <c r="KW24" s="110">
        <v>988165</v>
      </c>
      <c r="KX24" s="298">
        <v>988165</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0</v>
      </c>
      <c r="LZ24" s="109">
        <v>266862</v>
      </c>
      <c r="MA24" s="109">
        <v>0</v>
      </c>
      <c r="MB24" s="109">
        <v>309950</v>
      </c>
      <c r="MC24" s="109">
        <v>369080</v>
      </c>
      <c r="MD24" s="110">
        <v>945892</v>
      </c>
      <c r="ME24" s="111">
        <v>945892</v>
      </c>
      <c r="MF24" s="129">
        <v>0</v>
      </c>
      <c r="MG24" s="109">
        <v>0</v>
      </c>
      <c r="MH24" s="110">
        <v>0</v>
      </c>
      <c r="MI24" s="132"/>
      <c r="MJ24" s="109">
        <v>244328</v>
      </c>
      <c r="MK24" s="109">
        <v>0</v>
      </c>
      <c r="ML24" s="109">
        <v>2082363</v>
      </c>
      <c r="MM24" s="109">
        <v>2386900</v>
      </c>
      <c r="MN24" s="109">
        <v>1153946</v>
      </c>
      <c r="MO24" s="110">
        <v>5867537</v>
      </c>
      <c r="MP24" s="130">
        <v>5867537</v>
      </c>
      <c r="MQ24" s="129">
        <v>0</v>
      </c>
      <c r="MR24" s="109">
        <v>0</v>
      </c>
      <c r="MS24" s="110">
        <v>0</v>
      </c>
      <c r="MT24" s="132"/>
      <c r="MU24" s="109">
        <v>0</v>
      </c>
      <c r="MV24" s="109">
        <v>0</v>
      </c>
      <c r="MW24" s="109">
        <v>1983147</v>
      </c>
      <c r="MX24" s="109">
        <v>934334</v>
      </c>
      <c r="MY24" s="109">
        <v>1153946</v>
      </c>
      <c r="MZ24" s="110">
        <v>4071427</v>
      </c>
      <c r="NA24" s="130">
        <v>4071427</v>
      </c>
      <c r="NB24" s="129">
        <v>0</v>
      </c>
      <c r="NC24" s="109">
        <v>0</v>
      </c>
      <c r="ND24" s="110">
        <v>0</v>
      </c>
      <c r="NE24" s="132"/>
      <c r="NF24" s="109">
        <v>244328</v>
      </c>
      <c r="NG24" s="109">
        <v>0</v>
      </c>
      <c r="NH24" s="109">
        <v>99216</v>
      </c>
      <c r="NI24" s="109">
        <v>1452566</v>
      </c>
      <c r="NJ24" s="109">
        <v>0</v>
      </c>
      <c r="NK24" s="110">
        <v>1796110</v>
      </c>
      <c r="NL24" s="298">
        <v>1796110</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0</v>
      </c>
      <c r="OG24" s="110">
        <v>0</v>
      </c>
      <c r="OH24" s="111">
        <v>0</v>
      </c>
      <c r="OI24" s="129">
        <v>366011</v>
      </c>
      <c r="OJ24" s="109">
        <v>325606</v>
      </c>
      <c r="OK24" s="128">
        <v>691617</v>
      </c>
      <c r="OL24" s="108">
        <v>0</v>
      </c>
      <c r="OM24" s="109">
        <v>5240766</v>
      </c>
      <c r="ON24" s="109">
        <v>5370024</v>
      </c>
      <c r="OO24" s="109">
        <v>5231512</v>
      </c>
      <c r="OP24" s="109">
        <v>4633599</v>
      </c>
      <c r="OQ24" s="109">
        <v>3385503</v>
      </c>
      <c r="OR24" s="110">
        <v>23861404</v>
      </c>
      <c r="OS24" s="130">
        <v>24553021</v>
      </c>
    </row>
    <row r="25" spans="2:409" ht="21" customHeight="1" x14ac:dyDescent="0.2">
      <c r="B25" s="472" t="s">
        <v>20</v>
      </c>
      <c r="C25" s="100">
        <v>262182</v>
      </c>
      <c r="D25" s="104">
        <v>862634</v>
      </c>
      <c r="E25" s="103">
        <v>1124816</v>
      </c>
      <c r="F25" s="100">
        <v>0</v>
      </c>
      <c r="G25" s="104">
        <v>5194382</v>
      </c>
      <c r="H25" s="104">
        <v>5121391</v>
      </c>
      <c r="I25" s="104">
        <v>5292639</v>
      </c>
      <c r="J25" s="104">
        <v>5045065</v>
      </c>
      <c r="K25" s="104">
        <v>4419517</v>
      </c>
      <c r="L25" s="160">
        <v>25072994</v>
      </c>
      <c r="M25" s="106">
        <v>26197810</v>
      </c>
      <c r="N25" s="100">
        <v>109611</v>
      </c>
      <c r="O25" s="104">
        <v>164066</v>
      </c>
      <c r="P25" s="103">
        <v>273677</v>
      </c>
      <c r="Q25" s="100">
        <v>0</v>
      </c>
      <c r="R25" s="104">
        <v>2118740</v>
      </c>
      <c r="S25" s="104">
        <v>2300500</v>
      </c>
      <c r="T25" s="104">
        <v>1340804</v>
      </c>
      <c r="U25" s="104">
        <v>1318630</v>
      </c>
      <c r="V25" s="104">
        <v>2817697</v>
      </c>
      <c r="W25" s="103">
        <v>9896371</v>
      </c>
      <c r="X25" s="106">
        <v>10170048</v>
      </c>
      <c r="Y25" s="100">
        <v>0</v>
      </c>
      <c r="Z25" s="104">
        <v>0</v>
      </c>
      <c r="AA25" s="103">
        <v>0</v>
      </c>
      <c r="AB25" s="100">
        <v>0</v>
      </c>
      <c r="AC25" s="104">
        <v>911780</v>
      </c>
      <c r="AD25" s="104">
        <v>880842</v>
      </c>
      <c r="AE25" s="104">
        <v>275257</v>
      </c>
      <c r="AF25" s="104">
        <v>481825</v>
      </c>
      <c r="AG25" s="104">
        <v>1784207</v>
      </c>
      <c r="AH25" s="103">
        <v>4333911</v>
      </c>
      <c r="AI25" s="106">
        <v>4333911</v>
      </c>
      <c r="AJ25" s="100">
        <v>0</v>
      </c>
      <c r="AK25" s="104">
        <v>0</v>
      </c>
      <c r="AL25" s="103">
        <v>0</v>
      </c>
      <c r="AM25" s="100">
        <v>0</v>
      </c>
      <c r="AN25" s="104">
        <v>0</v>
      </c>
      <c r="AO25" s="104">
        <v>0</v>
      </c>
      <c r="AP25" s="104">
        <v>94758</v>
      </c>
      <c r="AQ25" s="104">
        <v>0</v>
      </c>
      <c r="AR25" s="104">
        <v>201352</v>
      </c>
      <c r="AS25" s="103">
        <v>296110</v>
      </c>
      <c r="AT25" s="106">
        <v>296110</v>
      </c>
      <c r="AU25" s="100">
        <v>77101</v>
      </c>
      <c r="AV25" s="104">
        <v>9689</v>
      </c>
      <c r="AW25" s="103">
        <v>86790</v>
      </c>
      <c r="AX25" s="100">
        <v>0</v>
      </c>
      <c r="AY25" s="104">
        <v>944686</v>
      </c>
      <c r="AZ25" s="104">
        <v>822423</v>
      </c>
      <c r="BA25" s="104">
        <v>458875</v>
      </c>
      <c r="BB25" s="104">
        <v>428573</v>
      </c>
      <c r="BC25" s="104">
        <v>576995</v>
      </c>
      <c r="BD25" s="103">
        <v>3231552</v>
      </c>
      <c r="BE25" s="106">
        <v>3318342</v>
      </c>
      <c r="BF25" s="100">
        <v>17038</v>
      </c>
      <c r="BG25" s="104">
        <v>109409</v>
      </c>
      <c r="BH25" s="102">
        <v>126447</v>
      </c>
      <c r="BI25" s="101">
        <v>0</v>
      </c>
      <c r="BJ25" s="104">
        <v>94666</v>
      </c>
      <c r="BK25" s="104">
        <v>338443</v>
      </c>
      <c r="BL25" s="104">
        <v>163018</v>
      </c>
      <c r="BM25" s="104">
        <v>82472</v>
      </c>
      <c r="BN25" s="104">
        <v>66415</v>
      </c>
      <c r="BO25" s="103">
        <v>745014</v>
      </c>
      <c r="BP25" s="106">
        <v>871461</v>
      </c>
      <c r="BQ25" s="100">
        <v>15472</v>
      </c>
      <c r="BR25" s="104">
        <v>44968</v>
      </c>
      <c r="BS25" s="103">
        <v>60440</v>
      </c>
      <c r="BT25" s="100">
        <v>0</v>
      </c>
      <c r="BU25" s="104">
        <v>167608</v>
      </c>
      <c r="BV25" s="104">
        <v>258792</v>
      </c>
      <c r="BW25" s="104">
        <v>348896</v>
      </c>
      <c r="BX25" s="104">
        <v>325760</v>
      </c>
      <c r="BY25" s="104">
        <v>188728</v>
      </c>
      <c r="BZ25" s="103">
        <v>1289784</v>
      </c>
      <c r="CA25" s="106">
        <v>1350224</v>
      </c>
      <c r="CB25" s="100">
        <v>62243</v>
      </c>
      <c r="CC25" s="104">
        <v>74285</v>
      </c>
      <c r="CD25" s="103">
        <v>136528</v>
      </c>
      <c r="CE25" s="100">
        <v>0</v>
      </c>
      <c r="CF25" s="104">
        <v>1683208</v>
      </c>
      <c r="CG25" s="104">
        <v>1878977</v>
      </c>
      <c r="CH25" s="104">
        <v>1143233</v>
      </c>
      <c r="CI25" s="104">
        <v>871836</v>
      </c>
      <c r="CJ25" s="104">
        <v>356984</v>
      </c>
      <c r="CK25" s="103">
        <v>5934238</v>
      </c>
      <c r="CL25" s="106">
        <v>6070766</v>
      </c>
      <c r="CM25" s="100">
        <v>0</v>
      </c>
      <c r="CN25" s="104">
        <v>0</v>
      </c>
      <c r="CO25" s="103">
        <v>0</v>
      </c>
      <c r="CP25" s="101">
        <v>0</v>
      </c>
      <c r="CQ25" s="104">
        <v>1237804</v>
      </c>
      <c r="CR25" s="104">
        <v>1066663</v>
      </c>
      <c r="CS25" s="104">
        <v>768262</v>
      </c>
      <c r="CT25" s="104">
        <v>521555</v>
      </c>
      <c r="CU25" s="104">
        <v>289153</v>
      </c>
      <c r="CV25" s="103">
        <v>3883437</v>
      </c>
      <c r="CW25" s="106">
        <v>3883437</v>
      </c>
      <c r="CX25" s="100">
        <v>62243</v>
      </c>
      <c r="CY25" s="104">
        <v>74285</v>
      </c>
      <c r="CZ25" s="103">
        <v>136528</v>
      </c>
      <c r="DA25" s="100">
        <v>0</v>
      </c>
      <c r="DB25" s="104">
        <v>445404</v>
      </c>
      <c r="DC25" s="104">
        <v>812314</v>
      </c>
      <c r="DD25" s="104">
        <v>374971</v>
      </c>
      <c r="DE25" s="104">
        <v>350281</v>
      </c>
      <c r="DF25" s="104">
        <v>67831</v>
      </c>
      <c r="DG25" s="103">
        <v>2050801</v>
      </c>
      <c r="DH25" s="106">
        <v>2187329</v>
      </c>
      <c r="DI25" s="100">
        <v>0</v>
      </c>
      <c r="DJ25" s="104">
        <v>174507</v>
      </c>
      <c r="DK25" s="102">
        <v>174507</v>
      </c>
      <c r="DL25" s="101">
        <v>0</v>
      </c>
      <c r="DM25" s="104">
        <v>0</v>
      </c>
      <c r="DN25" s="104">
        <v>69519</v>
      </c>
      <c r="DO25" s="104">
        <v>789750</v>
      </c>
      <c r="DP25" s="104">
        <v>1444531</v>
      </c>
      <c r="DQ25" s="104">
        <v>62876</v>
      </c>
      <c r="DR25" s="103">
        <v>2366676</v>
      </c>
      <c r="DS25" s="106">
        <v>2541183</v>
      </c>
      <c r="DT25" s="100">
        <v>0</v>
      </c>
      <c r="DU25" s="104">
        <v>174507</v>
      </c>
      <c r="DV25" s="103">
        <v>174507</v>
      </c>
      <c r="DW25" s="100">
        <v>0</v>
      </c>
      <c r="DX25" s="104">
        <v>0</v>
      </c>
      <c r="DY25" s="104">
        <v>69519</v>
      </c>
      <c r="DZ25" s="104">
        <v>729883</v>
      </c>
      <c r="EA25" s="104">
        <v>1303592</v>
      </c>
      <c r="EB25" s="104">
        <v>62876</v>
      </c>
      <c r="EC25" s="103">
        <v>2165870</v>
      </c>
      <c r="ED25" s="106">
        <v>2340377</v>
      </c>
      <c r="EE25" s="100">
        <v>0</v>
      </c>
      <c r="EF25" s="102">
        <v>0</v>
      </c>
      <c r="EG25" s="103">
        <v>0</v>
      </c>
      <c r="EH25" s="100">
        <v>0</v>
      </c>
      <c r="EI25" s="104">
        <v>0</v>
      </c>
      <c r="EJ25" s="104">
        <v>0</v>
      </c>
      <c r="EK25" s="104">
        <v>59867</v>
      </c>
      <c r="EL25" s="104">
        <v>140939</v>
      </c>
      <c r="EM25" s="104">
        <v>0</v>
      </c>
      <c r="EN25" s="102">
        <v>200806</v>
      </c>
      <c r="EO25" s="106">
        <v>200806</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36624</v>
      </c>
      <c r="FM25" s="104">
        <v>263176</v>
      </c>
      <c r="FN25" s="103">
        <v>299800</v>
      </c>
      <c r="FO25" s="100">
        <v>0</v>
      </c>
      <c r="FP25" s="104">
        <v>436008</v>
      </c>
      <c r="FQ25" s="104">
        <v>496496</v>
      </c>
      <c r="FR25" s="104">
        <v>427280</v>
      </c>
      <c r="FS25" s="104">
        <v>323520</v>
      </c>
      <c r="FT25" s="104">
        <v>465600</v>
      </c>
      <c r="FU25" s="103">
        <v>2148904</v>
      </c>
      <c r="FV25" s="106">
        <v>2448704</v>
      </c>
      <c r="FW25" s="105">
        <v>36624</v>
      </c>
      <c r="FX25" s="104">
        <v>103176</v>
      </c>
      <c r="FY25" s="102">
        <v>139800</v>
      </c>
      <c r="FZ25" s="101">
        <v>0</v>
      </c>
      <c r="GA25" s="104">
        <v>335848</v>
      </c>
      <c r="GB25" s="104">
        <v>454552</v>
      </c>
      <c r="GC25" s="104">
        <v>367280</v>
      </c>
      <c r="GD25" s="104">
        <v>323520</v>
      </c>
      <c r="GE25" s="104">
        <v>465600</v>
      </c>
      <c r="GF25" s="103">
        <v>1946800</v>
      </c>
      <c r="GG25" s="296">
        <v>2086600</v>
      </c>
      <c r="GH25" s="105">
        <v>0</v>
      </c>
      <c r="GI25" s="104">
        <v>0</v>
      </c>
      <c r="GJ25" s="102">
        <v>0</v>
      </c>
      <c r="GK25" s="101">
        <v>0</v>
      </c>
      <c r="GL25" s="104">
        <v>100160</v>
      </c>
      <c r="GM25" s="104">
        <v>14400</v>
      </c>
      <c r="GN25" s="104">
        <v>46400</v>
      </c>
      <c r="GO25" s="104">
        <v>0</v>
      </c>
      <c r="GP25" s="104">
        <v>0</v>
      </c>
      <c r="GQ25" s="103">
        <v>160960</v>
      </c>
      <c r="GR25" s="106">
        <v>160960</v>
      </c>
      <c r="GS25" s="100">
        <v>0</v>
      </c>
      <c r="GT25" s="104">
        <v>160000</v>
      </c>
      <c r="GU25" s="103">
        <v>160000</v>
      </c>
      <c r="GV25" s="100">
        <v>0</v>
      </c>
      <c r="GW25" s="104">
        <v>0</v>
      </c>
      <c r="GX25" s="104">
        <v>27544</v>
      </c>
      <c r="GY25" s="104">
        <v>13600</v>
      </c>
      <c r="GZ25" s="104">
        <v>0</v>
      </c>
      <c r="HA25" s="104">
        <v>0</v>
      </c>
      <c r="HB25" s="102">
        <v>41144</v>
      </c>
      <c r="HC25" s="106">
        <v>201144</v>
      </c>
      <c r="HD25" s="100">
        <v>53704</v>
      </c>
      <c r="HE25" s="104">
        <v>186600</v>
      </c>
      <c r="HF25" s="102">
        <v>240304</v>
      </c>
      <c r="HG25" s="101">
        <v>0</v>
      </c>
      <c r="HH25" s="104">
        <v>956426</v>
      </c>
      <c r="HI25" s="104">
        <v>375899</v>
      </c>
      <c r="HJ25" s="104">
        <v>1591572</v>
      </c>
      <c r="HK25" s="104">
        <v>1086548</v>
      </c>
      <c r="HL25" s="104">
        <v>716360</v>
      </c>
      <c r="HM25" s="103">
        <v>4726805</v>
      </c>
      <c r="HN25" s="99">
        <v>4967109</v>
      </c>
      <c r="HO25" s="306"/>
      <c r="HP25" s="307"/>
      <c r="HQ25" s="308"/>
      <c r="HR25" s="309"/>
      <c r="HS25" s="307"/>
      <c r="HT25" s="307"/>
      <c r="HU25" s="307"/>
      <c r="HV25" s="307"/>
      <c r="HW25" s="307"/>
      <c r="HX25" s="310"/>
      <c r="HY25" s="311"/>
      <c r="HZ25" s="118">
        <v>0</v>
      </c>
      <c r="IA25" s="119">
        <v>0</v>
      </c>
      <c r="IB25" s="120">
        <v>0</v>
      </c>
      <c r="IC25" s="133">
        <v>0</v>
      </c>
      <c r="ID25" s="119">
        <v>514465</v>
      </c>
      <c r="IE25" s="134">
        <v>812441</v>
      </c>
      <c r="IF25" s="120">
        <v>974049</v>
      </c>
      <c r="IG25" s="119">
        <v>314748</v>
      </c>
      <c r="IH25" s="120">
        <v>110112</v>
      </c>
      <c r="II25" s="135">
        <v>2725815</v>
      </c>
      <c r="IJ25" s="126">
        <v>2725815</v>
      </c>
      <c r="IK25" s="219">
        <v>0</v>
      </c>
      <c r="IL25" s="223">
        <v>0</v>
      </c>
      <c r="IM25" s="224">
        <v>0</v>
      </c>
      <c r="IN25" s="127"/>
      <c r="IO25" s="109">
        <v>0</v>
      </c>
      <c r="IP25" s="109">
        <v>0</v>
      </c>
      <c r="IQ25" s="109">
        <v>0</v>
      </c>
      <c r="IR25" s="109">
        <v>0</v>
      </c>
      <c r="IS25" s="109">
        <v>0</v>
      </c>
      <c r="IT25" s="128">
        <v>0</v>
      </c>
      <c r="IU25" s="298">
        <v>0</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399278</v>
      </c>
      <c r="JL25" s="109">
        <v>470845</v>
      </c>
      <c r="JM25" s="109">
        <v>213523</v>
      </c>
      <c r="JN25" s="109">
        <v>52160</v>
      </c>
      <c r="JO25" s="109">
        <v>110112</v>
      </c>
      <c r="JP25" s="110">
        <v>1245918</v>
      </c>
      <c r="JQ25" s="298">
        <v>1245918</v>
      </c>
      <c r="JR25" s="129">
        <v>0</v>
      </c>
      <c r="JS25" s="109">
        <v>0</v>
      </c>
      <c r="JT25" s="128">
        <v>0</v>
      </c>
      <c r="JU25" s="108">
        <v>0</v>
      </c>
      <c r="JV25" s="109">
        <v>0</v>
      </c>
      <c r="JW25" s="109">
        <v>0</v>
      </c>
      <c r="JX25" s="109">
        <v>0</v>
      </c>
      <c r="JY25" s="109">
        <v>0</v>
      </c>
      <c r="JZ25" s="109">
        <v>0</v>
      </c>
      <c r="KA25" s="110">
        <v>0</v>
      </c>
      <c r="KB25" s="298">
        <v>0</v>
      </c>
      <c r="KC25" s="221">
        <v>0</v>
      </c>
      <c r="KD25" s="217">
        <v>0</v>
      </c>
      <c r="KE25" s="110">
        <v>0</v>
      </c>
      <c r="KF25" s="108">
        <v>0</v>
      </c>
      <c r="KG25" s="109">
        <v>115187</v>
      </c>
      <c r="KH25" s="109">
        <v>0</v>
      </c>
      <c r="KI25" s="109">
        <v>229590</v>
      </c>
      <c r="KJ25" s="109">
        <v>0</v>
      </c>
      <c r="KK25" s="109">
        <v>0</v>
      </c>
      <c r="KL25" s="110">
        <v>344777</v>
      </c>
      <c r="KM25" s="130">
        <v>344777</v>
      </c>
      <c r="KN25" s="219">
        <v>0</v>
      </c>
      <c r="KO25" s="223">
        <v>0</v>
      </c>
      <c r="KP25" s="224">
        <v>0</v>
      </c>
      <c r="KQ25" s="127"/>
      <c r="KR25" s="109">
        <v>0</v>
      </c>
      <c r="KS25" s="109">
        <v>341596</v>
      </c>
      <c r="KT25" s="109">
        <v>530936</v>
      </c>
      <c r="KU25" s="109">
        <v>262588</v>
      </c>
      <c r="KV25" s="109">
        <v>0</v>
      </c>
      <c r="KW25" s="110">
        <v>1135120</v>
      </c>
      <c r="KX25" s="298">
        <v>1135120</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472180</v>
      </c>
      <c r="MK25" s="109">
        <v>480479</v>
      </c>
      <c r="ML25" s="109">
        <v>1283188</v>
      </c>
      <c r="MM25" s="109">
        <v>3491614</v>
      </c>
      <c r="MN25" s="109">
        <v>864885</v>
      </c>
      <c r="MO25" s="110">
        <v>6592346</v>
      </c>
      <c r="MP25" s="130">
        <v>6592346</v>
      </c>
      <c r="MQ25" s="129">
        <v>0</v>
      </c>
      <c r="MR25" s="109">
        <v>0</v>
      </c>
      <c r="MS25" s="110">
        <v>0</v>
      </c>
      <c r="MT25" s="132"/>
      <c r="MU25" s="109">
        <v>0</v>
      </c>
      <c r="MV25" s="109">
        <v>251315</v>
      </c>
      <c r="MW25" s="109">
        <v>1028025</v>
      </c>
      <c r="MX25" s="109">
        <v>3478823</v>
      </c>
      <c r="MY25" s="109">
        <v>864885</v>
      </c>
      <c r="MZ25" s="110">
        <v>5623048</v>
      </c>
      <c r="NA25" s="130">
        <v>5623048</v>
      </c>
      <c r="NB25" s="129">
        <v>0</v>
      </c>
      <c r="NC25" s="109">
        <v>0</v>
      </c>
      <c r="ND25" s="110">
        <v>0</v>
      </c>
      <c r="NE25" s="132"/>
      <c r="NF25" s="109">
        <v>472180</v>
      </c>
      <c r="NG25" s="109">
        <v>229164</v>
      </c>
      <c r="NH25" s="109">
        <v>255163</v>
      </c>
      <c r="NI25" s="109">
        <v>12791</v>
      </c>
      <c r="NJ25" s="109">
        <v>0</v>
      </c>
      <c r="NK25" s="110">
        <v>969298</v>
      </c>
      <c r="NL25" s="298">
        <v>969298</v>
      </c>
      <c r="NM25" s="129">
        <v>0</v>
      </c>
      <c r="NN25" s="109">
        <v>0</v>
      </c>
      <c r="NO25" s="110">
        <v>0</v>
      </c>
      <c r="NP25" s="132"/>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262182</v>
      </c>
      <c r="OJ25" s="109">
        <v>862634</v>
      </c>
      <c r="OK25" s="128">
        <v>1124816</v>
      </c>
      <c r="OL25" s="108">
        <v>0</v>
      </c>
      <c r="OM25" s="109">
        <v>6181027</v>
      </c>
      <c r="ON25" s="109">
        <v>6414311</v>
      </c>
      <c r="OO25" s="109">
        <v>7549876</v>
      </c>
      <c r="OP25" s="109">
        <v>8851427</v>
      </c>
      <c r="OQ25" s="109">
        <v>5394514</v>
      </c>
      <c r="OR25" s="110">
        <v>34391155</v>
      </c>
      <c r="OS25" s="130">
        <v>35515971</v>
      </c>
    </row>
    <row r="26" spans="2:409" ht="21" customHeight="1" x14ac:dyDescent="0.2">
      <c r="B26" s="472" t="s">
        <v>21</v>
      </c>
      <c r="C26" s="100">
        <v>512297</v>
      </c>
      <c r="D26" s="104">
        <v>612410</v>
      </c>
      <c r="E26" s="103">
        <v>1124707</v>
      </c>
      <c r="F26" s="99">
        <v>0</v>
      </c>
      <c r="G26" s="104">
        <v>2875846</v>
      </c>
      <c r="H26" s="104">
        <v>4278364</v>
      </c>
      <c r="I26" s="104">
        <v>2944279</v>
      </c>
      <c r="J26" s="104">
        <v>3524508</v>
      </c>
      <c r="K26" s="104">
        <v>3559107</v>
      </c>
      <c r="L26" s="160">
        <v>17182104</v>
      </c>
      <c r="M26" s="106">
        <v>18306811</v>
      </c>
      <c r="N26" s="100">
        <v>223538</v>
      </c>
      <c r="O26" s="104">
        <v>176412</v>
      </c>
      <c r="P26" s="103">
        <v>399950</v>
      </c>
      <c r="Q26" s="100">
        <v>0</v>
      </c>
      <c r="R26" s="104">
        <v>1064479</v>
      </c>
      <c r="S26" s="104">
        <v>1780355</v>
      </c>
      <c r="T26" s="104">
        <v>691856</v>
      </c>
      <c r="U26" s="104">
        <v>1759201</v>
      </c>
      <c r="V26" s="104">
        <v>1921453</v>
      </c>
      <c r="W26" s="103">
        <v>7217344</v>
      </c>
      <c r="X26" s="106">
        <v>7617294</v>
      </c>
      <c r="Y26" s="100">
        <v>0</v>
      </c>
      <c r="Z26" s="104">
        <v>0</v>
      </c>
      <c r="AA26" s="103">
        <v>0</v>
      </c>
      <c r="AB26" s="100">
        <v>0</v>
      </c>
      <c r="AC26" s="104">
        <v>314313</v>
      </c>
      <c r="AD26" s="104">
        <v>589680</v>
      </c>
      <c r="AE26" s="104">
        <v>221417</v>
      </c>
      <c r="AF26" s="104">
        <v>1223152</v>
      </c>
      <c r="AG26" s="104">
        <v>1375784</v>
      </c>
      <c r="AH26" s="103">
        <v>3724346</v>
      </c>
      <c r="AI26" s="106">
        <v>3724346</v>
      </c>
      <c r="AJ26" s="100">
        <v>0</v>
      </c>
      <c r="AK26" s="104">
        <v>0</v>
      </c>
      <c r="AL26" s="103">
        <v>0</v>
      </c>
      <c r="AM26" s="100">
        <v>0</v>
      </c>
      <c r="AN26" s="104">
        <v>0</v>
      </c>
      <c r="AO26" s="104">
        <v>0</v>
      </c>
      <c r="AP26" s="104">
        <v>0</v>
      </c>
      <c r="AQ26" s="104">
        <v>11845</v>
      </c>
      <c r="AR26" s="104">
        <v>176905</v>
      </c>
      <c r="AS26" s="103">
        <v>188750</v>
      </c>
      <c r="AT26" s="106">
        <v>188750</v>
      </c>
      <c r="AU26" s="100">
        <v>86178</v>
      </c>
      <c r="AV26" s="104">
        <v>111740</v>
      </c>
      <c r="AW26" s="103">
        <v>197918</v>
      </c>
      <c r="AX26" s="100">
        <v>0</v>
      </c>
      <c r="AY26" s="104">
        <v>521098</v>
      </c>
      <c r="AZ26" s="104">
        <v>902583</v>
      </c>
      <c r="BA26" s="104">
        <v>338975</v>
      </c>
      <c r="BB26" s="104">
        <v>377916</v>
      </c>
      <c r="BC26" s="104">
        <v>188561</v>
      </c>
      <c r="BD26" s="103">
        <v>2329133</v>
      </c>
      <c r="BE26" s="106">
        <v>2527051</v>
      </c>
      <c r="BF26" s="100">
        <v>86560</v>
      </c>
      <c r="BG26" s="104">
        <v>0</v>
      </c>
      <c r="BH26" s="102">
        <v>86560</v>
      </c>
      <c r="BI26" s="101">
        <v>0</v>
      </c>
      <c r="BJ26" s="104">
        <v>59028</v>
      </c>
      <c r="BK26" s="104">
        <v>57348</v>
      </c>
      <c r="BL26" s="104">
        <v>0</v>
      </c>
      <c r="BM26" s="104">
        <v>0</v>
      </c>
      <c r="BN26" s="104">
        <v>35515</v>
      </c>
      <c r="BO26" s="103">
        <v>151891</v>
      </c>
      <c r="BP26" s="106">
        <v>238451</v>
      </c>
      <c r="BQ26" s="100">
        <v>50800</v>
      </c>
      <c r="BR26" s="104">
        <v>64672</v>
      </c>
      <c r="BS26" s="103">
        <v>115472</v>
      </c>
      <c r="BT26" s="100">
        <v>0</v>
      </c>
      <c r="BU26" s="104">
        <v>170040</v>
      </c>
      <c r="BV26" s="104">
        <v>230744</v>
      </c>
      <c r="BW26" s="104">
        <v>131464</v>
      </c>
      <c r="BX26" s="104">
        <v>146288</v>
      </c>
      <c r="BY26" s="104">
        <v>144688</v>
      </c>
      <c r="BZ26" s="103">
        <v>823224</v>
      </c>
      <c r="CA26" s="106">
        <v>938696</v>
      </c>
      <c r="CB26" s="100">
        <v>81350</v>
      </c>
      <c r="CC26" s="104">
        <v>0</v>
      </c>
      <c r="CD26" s="103">
        <v>81350</v>
      </c>
      <c r="CE26" s="100">
        <v>0</v>
      </c>
      <c r="CF26" s="104">
        <v>1001617</v>
      </c>
      <c r="CG26" s="104">
        <v>1086563</v>
      </c>
      <c r="CH26" s="104">
        <v>731764</v>
      </c>
      <c r="CI26" s="104">
        <v>254252</v>
      </c>
      <c r="CJ26" s="104">
        <v>261058</v>
      </c>
      <c r="CK26" s="103">
        <v>3335254</v>
      </c>
      <c r="CL26" s="106">
        <v>3416604</v>
      </c>
      <c r="CM26" s="100">
        <v>0</v>
      </c>
      <c r="CN26" s="104">
        <v>0</v>
      </c>
      <c r="CO26" s="103">
        <v>0</v>
      </c>
      <c r="CP26" s="101">
        <v>0</v>
      </c>
      <c r="CQ26" s="104">
        <v>722089</v>
      </c>
      <c r="CR26" s="104">
        <v>798846</v>
      </c>
      <c r="CS26" s="104">
        <v>573608</v>
      </c>
      <c r="CT26" s="104">
        <v>254252</v>
      </c>
      <c r="CU26" s="104">
        <v>208730</v>
      </c>
      <c r="CV26" s="103">
        <v>2557525</v>
      </c>
      <c r="CW26" s="106">
        <v>2557525</v>
      </c>
      <c r="CX26" s="100">
        <v>81350</v>
      </c>
      <c r="CY26" s="104">
        <v>0</v>
      </c>
      <c r="CZ26" s="103">
        <v>81350</v>
      </c>
      <c r="DA26" s="100">
        <v>0</v>
      </c>
      <c r="DB26" s="104">
        <v>279528</v>
      </c>
      <c r="DC26" s="104">
        <v>287717</v>
      </c>
      <c r="DD26" s="104">
        <v>158156</v>
      </c>
      <c r="DE26" s="104">
        <v>0</v>
      </c>
      <c r="DF26" s="104">
        <v>52328</v>
      </c>
      <c r="DG26" s="103">
        <v>777729</v>
      </c>
      <c r="DH26" s="106">
        <v>859079</v>
      </c>
      <c r="DI26" s="100">
        <v>19377</v>
      </c>
      <c r="DJ26" s="104">
        <v>0</v>
      </c>
      <c r="DK26" s="102">
        <v>19377</v>
      </c>
      <c r="DL26" s="101">
        <v>0</v>
      </c>
      <c r="DM26" s="104">
        <v>86973</v>
      </c>
      <c r="DN26" s="104">
        <v>260341</v>
      </c>
      <c r="DO26" s="104">
        <v>516829</v>
      </c>
      <c r="DP26" s="104">
        <v>840641</v>
      </c>
      <c r="DQ26" s="104">
        <v>243932</v>
      </c>
      <c r="DR26" s="103">
        <v>1948716</v>
      </c>
      <c r="DS26" s="106">
        <v>1968093</v>
      </c>
      <c r="DT26" s="100">
        <v>19377</v>
      </c>
      <c r="DU26" s="104">
        <v>0</v>
      </c>
      <c r="DV26" s="103">
        <v>19377</v>
      </c>
      <c r="DW26" s="100">
        <v>0</v>
      </c>
      <c r="DX26" s="104">
        <v>86973</v>
      </c>
      <c r="DY26" s="104">
        <v>184809</v>
      </c>
      <c r="DZ26" s="104">
        <v>414713</v>
      </c>
      <c r="EA26" s="104">
        <v>840641</v>
      </c>
      <c r="EB26" s="104">
        <v>243932</v>
      </c>
      <c r="EC26" s="103">
        <v>1771068</v>
      </c>
      <c r="ED26" s="106">
        <v>1790445</v>
      </c>
      <c r="EE26" s="100">
        <v>0</v>
      </c>
      <c r="EF26" s="102">
        <v>0</v>
      </c>
      <c r="EG26" s="103">
        <v>0</v>
      </c>
      <c r="EH26" s="100">
        <v>0</v>
      </c>
      <c r="EI26" s="104">
        <v>0</v>
      </c>
      <c r="EJ26" s="104">
        <v>75532</v>
      </c>
      <c r="EK26" s="104">
        <v>102116</v>
      </c>
      <c r="EL26" s="104">
        <v>0</v>
      </c>
      <c r="EM26" s="104">
        <v>0</v>
      </c>
      <c r="EN26" s="102">
        <v>177648</v>
      </c>
      <c r="EO26" s="106">
        <v>177648</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72936</v>
      </c>
      <c r="FM26" s="104">
        <v>71232</v>
      </c>
      <c r="FN26" s="103">
        <v>144168</v>
      </c>
      <c r="FO26" s="100">
        <v>0</v>
      </c>
      <c r="FP26" s="104">
        <v>126173</v>
      </c>
      <c r="FQ26" s="104">
        <v>506960</v>
      </c>
      <c r="FR26" s="104">
        <v>292456</v>
      </c>
      <c r="FS26" s="104">
        <v>234440</v>
      </c>
      <c r="FT26" s="104">
        <v>168664</v>
      </c>
      <c r="FU26" s="103">
        <v>1328693</v>
      </c>
      <c r="FV26" s="106">
        <v>1472861</v>
      </c>
      <c r="FW26" s="105">
        <v>72936</v>
      </c>
      <c r="FX26" s="104">
        <v>71232</v>
      </c>
      <c r="FY26" s="102">
        <v>144168</v>
      </c>
      <c r="FZ26" s="101">
        <v>0</v>
      </c>
      <c r="GA26" s="104">
        <v>105384</v>
      </c>
      <c r="GB26" s="104">
        <v>475760</v>
      </c>
      <c r="GC26" s="104">
        <v>271864</v>
      </c>
      <c r="GD26" s="104">
        <v>234440</v>
      </c>
      <c r="GE26" s="104">
        <v>168664</v>
      </c>
      <c r="GF26" s="103">
        <v>1256112</v>
      </c>
      <c r="GG26" s="296">
        <v>1400280</v>
      </c>
      <c r="GH26" s="105">
        <v>0</v>
      </c>
      <c r="GI26" s="104">
        <v>0</v>
      </c>
      <c r="GJ26" s="102">
        <v>0</v>
      </c>
      <c r="GK26" s="101">
        <v>0</v>
      </c>
      <c r="GL26" s="104">
        <v>20789</v>
      </c>
      <c r="GM26" s="104">
        <v>0</v>
      </c>
      <c r="GN26" s="104">
        <v>20592</v>
      </c>
      <c r="GO26" s="104">
        <v>0</v>
      </c>
      <c r="GP26" s="104">
        <v>0</v>
      </c>
      <c r="GQ26" s="103">
        <v>41381</v>
      </c>
      <c r="GR26" s="106">
        <v>41381</v>
      </c>
      <c r="GS26" s="100">
        <v>0</v>
      </c>
      <c r="GT26" s="104">
        <v>0</v>
      </c>
      <c r="GU26" s="103">
        <v>0</v>
      </c>
      <c r="GV26" s="100">
        <v>0</v>
      </c>
      <c r="GW26" s="104">
        <v>0</v>
      </c>
      <c r="GX26" s="104">
        <v>31200</v>
      </c>
      <c r="GY26" s="104">
        <v>0</v>
      </c>
      <c r="GZ26" s="104">
        <v>0</v>
      </c>
      <c r="HA26" s="104">
        <v>0</v>
      </c>
      <c r="HB26" s="102">
        <v>31200</v>
      </c>
      <c r="HC26" s="106">
        <v>31200</v>
      </c>
      <c r="HD26" s="100">
        <v>115096</v>
      </c>
      <c r="HE26" s="104">
        <v>364766</v>
      </c>
      <c r="HF26" s="102">
        <v>479862</v>
      </c>
      <c r="HG26" s="101">
        <v>0</v>
      </c>
      <c r="HH26" s="104">
        <v>596604</v>
      </c>
      <c r="HI26" s="104">
        <v>644145</v>
      </c>
      <c r="HJ26" s="104">
        <v>711374</v>
      </c>
      <c r="HK26" s="104">
        <v>435974</v>
      </c>
      <c r="HL26" s="104">
        <v>964000</v>
      </c>
      <c r="HM26" s="103">
        <v>3352097</v>
      </c>
      <c r="HN26" s="99">
        <v>3831959</v>
      </c>
      <c r="HO26" s="306"/>
      <c r="HP26" s="307"/>
      <c r="HQ26" s="308"/>
      <c r="HR26" s="309"/>
      <c r="HS26" s="307"/>
      <c r="HT26" s="307"/>
      <c r="HU26" s="307"/>
      <c r="HV26" s="307"/>
      <c r="HW26" s="307"/>
      <c r="HX26" s="310"/>
      <c r="HY26" s="311"/>
      <c r="HZ26" s="137">
        <v>0</v>
      </c>
      <c r="IA26" s="122">
        <v>0</v>
      </c>
      <c r="IB26" s="137">
        <v>0</v>
      </c>
      <c r="IC26" s="121">
        <v>0</v>
      </c>
      <c r="ID26" s="122">
        <v>752772</v>
      </c>
      <c r="IE26" s="123">
        <v>1036060</v>
      </c>
      <c r="IF26" s="124">
        <v>843346</v>
      </c>
      <c r="IG26" s="122">
        <v>191829</v>
      </c>
      <c r="IH26" s="124">
        <v>0</v>
      </c>
      <c r="II26" s="125">
        <v>2824007</v>
      </c>
      <c r="IJ26" s="137">
        <v>2824007</v>
      </c>
      <c r="IK26" s="219">
        <v>0</v>
      </c>
      <c r="IL26" s="223">
        <v>0</v>
      </c>
      <c r="IM26" s="224">
        <v>0</v>
      </c>
      <c r="IN26" s="127"/>
      <c r="IO26" s="109">
        <v>0</v>
      </c>
      <c r="IP26" s="109">
        <v>123717</v>
      </c>
      <c r="IQ26" s="109">
        <v>0</v>
      </c>
      <c r="IR26" s="109">
        <v>0</v>
      </c>
      <c r="IS26" s="109">
        <v>0</v>
      </c>
      <c r="IT26" s="128">
        <v>123717</v>
      </c>
      <c r="IU26" s="298">
        <v>123717</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275250</v>
      </c>
      <c r="JL26" s="109">
        <v>404441</v>
      </c>
      <c r="JM26" s="109">
        <v>100970</v>
      </c>
      <c r="JN26" s="109">
        <v>191829</v>
      </c>
      <c r="JO26" s="109">
        <v>0</v>
      </c>
      <c r="JP26" s="110">
        <v>972490</v>
      </c>
      <c r="JQ26" s="298">
        <v>972490</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0</v>
      </c>
      <c r="KH26" s="109">
        <v>0</v>
      </c>
      <c r="KI26" s="109">
        <v>226056</v>
      </c>
      <c r="KJ26" s="109">
        <v>0</v>
      </c>
      <c r="KK26" s="109">
        <v>0</v>
      </c>
      <c r="KL26" s="110">
        <v>226056</v>
      </c>
      <c r="KM26" s="130">
        <v>226056</v>
      </c>
      <c r="KN26" s="219">
        <v>0</v>
      </c>
      <c r="KO26" s="223">
        <v>0</v>
      </c>
      <c r="KP26" s="224">
        <v>0</v>
      </c>
      <c r="KQ26" s="127"/>
      <c r="KR26" s="109">
        <v>477522</v>
      </c>
      <c r="KS26" s="109">
        <v>507902</v>
      </c>
      <c r="KT26" s="109">
        <v>516320</v>
      </c>
      <c r="KU26" s="109">
        <v>0</v>
      </c>
      <c r="KV26" s="109">
        <v>0</v>
      </c>
      <c r="KW26" s="110">
        <v>1501744</v>
      </c>
      <c r="KX26" s="298">
        <v>1501744</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c r="MJ26" s="109">
        <v>0</v>
      </c>
      <c r="MK26" s="109">
        <v>404714</v>
      </c>
      <c r="ML26" s="109">
        <v>2202620</v>
      </c>
      <c r="MM26" s="109">
        <v>2489566</v>
      </c>
      <c r="MN26" s="109">
        <v>2428796</v>
      </c>
      <c r="MO26" s="110">
        <v>7525696</v>
      </c>
      <c r="MP26" s="130">
        <v>7525696</v>
      </c>
      <c r="MQ26" s="129">
        <v>0</v>
      </c>
      <c r="MR26" s="109">
        <v>0</v>
      </c>
      <c r="MS26" s="110">
        <v>0</v>
      </c>
      <c r="MT26" s="132"/>
      <c r="MU26" s="109">
        <v>0</v>
      </c>
      <c r="MV26" s="109">
        <v>0</v>
      </c>
      <c r="MW26" s="109">
        <v>1547146</v>
      </c>
      <c r="MX26" s="109">
        <v>2489566</v>
      </c>
      <c r="MY26" s="109">
        <v>2074349</v>
      </c>
      <c r="MZ26" s="110">
        <v>6111061</v>
      </c>
      <c r="NA26" s="130">
        <v>6111061</v>
      </c>
      <c r="NB26" s="129">
        <v>0</v>
      </c>
      <c r="NC26" s="109">
        <v>0</v>
      </c>
      <c r="ND26" s="110">
        <v>0</v>
      </c>
      <c r="NE26" s="132"/>
      <c r="NF26" s="109">
        <v>0</v>
      </c>
      <c r="NG26" s="109">
        <v>404714</v>
      </c>
      <c r="NH26" s="109">
        <v>655474</v>
      </c>
      <c r="NI26" s="109">
        <v>0</v>
      </c>
      <c r="NJ26" s="109">
        <v>0</v>
      </c>
      <c r="NK26" s="110">
        <v>1060188</v>
      </c>
      <c r="NL26" s="298">
        <v>1060188</v>
      </c>
      <c r="NM26" s="129">
        <v>0</v>
      </c>
      <c r="NN26" s="109">
        <v>0</v>
      </c>
      <c r="NO26" s="110">
        <v>0</v>
      </c>
      <c r="NP26" s="132"/>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354447</v>
      </c>
      <c r="OG26" s="110">
        <v>354447</v>
      </c>
      <c r="OH26" s="111">
        <v>354447</v>
      </c>
      <c r="OI26" s="129">
        <v>512297</v>
      </c>
      <c r="OJ26" s="109">
        <v>612410</v>
      </c>
      <c r="OK26" s="128">
        <v>1124707</v>
      </c>
      <c r="OL26" s="108">
        <v>0</v>
      </c>
      <c r="OM26" s="109">
        <v>3628618</v>
      </c>
      <c r="ON26" s="109">
        <v>5719138</v>
      </c>
      <c r="OO26" s="109">
        <v>5990245</v>
      </c>
      <c r="OP26" s="109">
        <v>6205903</v>
      </c>
      <c r="OQ26" s="109">
        <v>5987903</v>
      </c>
      <c r="OR26" s="110">
        <v>27531807</v>
      </c>
      <c r="OS26" s="130">
        <v>28656514</v>
      </c>
    </row>
    <row r="27" spans="2:409" ht="21" customHeight="1" x14ac:dyDescent="0.2">
      <c r="B27" s="472" t="s">
        <v>22</v>
      </c>
      <c r="C27" s="100">
        <v>69339</v>
      </c>
      <c r="D27" s="104">
        <v>490996</v>
      </c>
      <c r="E27" s="103">
        <v>560335</v>
      </c>
      <c r="F27" s="99">
        <v>0</v>
      </c>
      <c r="G27" s="104">
        <v>2377722</v>
      </c>
      <c r="H27" s="104">
        <v>1968263</v>
      </c>
      <c r="I27" s="104">
        <v>994549</v>
      </c>
      <c r="J27" s="104">
        <v>1224340</v>
      </c>
      <c r="K27" s="104">
        <v>862313</v>
      </c>
      <c r="L27" s="160">
        <v>7427187</v>
      </c>
      <c r="M27" s="106">
        <v>7987522</v>
      </c>
      <c r="N27" s="100">
        <v>14368</v>
      </c>
      <c r="O27" s="104">
        <v>6048</v>
      </c>
      <c r="P27" s="103">
        <v>20416</v>
      </c>
      <c r="Q27" s="100">
        <v>0</v>
      </c>
      <c r="R27" s="104">
        <v>420564</v>
      </c>
      <c r="S27" s="104">
        <v>715436</v>
      </c>
      <c r="T27" s="104">
        <v>274662</v>
      </c>
      <c r="U27" s="104">
        <v>564064</v>
      </c>
      <c r="V27" s="104">
        <v>342673</v>
      </c>
      <c r="W27" s="103">
        <v>2317399</v>
      </c>
      <c r="X27" s="106">
        <v>2337815</v>
      </c>
      <c r="Y27" s="100">
        <v>0</v>
      </c>
      <c r="Z27" s="104">
        <v>0</v>
      </c>
      <c r="AA27" s="103">
        <v>0</v>
      </c>
      <c r="AB27" s="100">
        <v>0</v>
      </c>
      <c r="AC27" s="104">
        <v>117357</v>
      </c>
      <c r="AD27" s="104">
        <v>286442</v>
      </c>
      <c r="AE27" s="104">
        <v>39312</v>
      </c>
      <c r="AF27" s="104">
        <v>361088</v>
      </c>
      <c r="AG27" s="104">
        <v>156960</v>
      </c>
      <c r="AH27" s="103">
        <v>961159</v>
      </c>
      <c r="AI27" s="106">
        <v>961159</v>
      </c>
      <c r="AJ27" s="100">
        <v>0</v>
      </c>
      <c r="AK27" s="104">
        <v>0</v>
      </c>
      <c r="AL27" s="103">
        <v>0</v>
      </c>
      <c r="AM27" s="100">
        <v>0</v>
      </c>
      <c r="AN27" s="104">
        <v>80712</v>
      </c>
      <c r="AO27" s="104">
        <v>0</v>
      </c>
      <c r="AP27" s="104">
        <v>0</v>
      </c>
      <c r="AQ27" s="104">
        <v>90968</v>
      </c>
      <c r="AR27" s="104">
        <v>13361</v>
      </c>
      <c r="AS27" s="103">
        <v>185041</v>
      </c>
      <c r="AT27" s="106">
        <v>185041</v>
      </c>
      <c r="AU27" s="100">
        <v>0</v>
      </c>
      <c r="AV27" s="104">
        <v>6048</v>
      </c>
      <c r="AW27" s="103">
        <v>6048</v>
      </c>
      <c r="AX27" s="100">
        <v>0</v>
      </c>
      <c r="AY27" s="104">
        <v>125871</v>
      </c>
      <c r="AZ27" s="104">
        <v>266472</v>
      </c>
      <c r="BA27" s="104">
        <v>208806</v>
      </c>
      <c r="BB27" s="104">
        <v>47240</v>
      </c>
      <c r="BC27" s="104">
        <v>139976</v>
      </c>
      <c r="BD27" s="103">
        <v>788365</v>
      </c>
      <c r="BE27" s="106">
        <v>794413</v>
      </c>
      <c r="BF27" s="100">
        <v>0</v>
      </c>
      <c r="BG27" s="104">
        <v>0</v>
      </c>
      <c r="BH27" s="102">
        <v>0</v>
      </c>
      <c r="BI27" s="101">
        <v>0</v>
      </c>
      <c r="BJ27" s="104">
        <v>0</v>
      </c>
      <c r="BK27" s="104">
        <v>70642</v>
      </c>
      <c r="BL27" s="104">
        <v>0</v>
      </c>
      <c r="BM27" s="104">
        <v>0</v>
      </c>
      <c r="BN27" s="104">
        <v>0</v>
      </c>
      <c r="BO27" s="103">
        <v>70642</v>
      </c>
      <c r="BP27" s="106">
        <v>70642</v>
      </c>
      <c r="BQ27" s="100">
        <v>14368</v>
      </c>
      <c r="BR27" s="104">
        <v>0</v>
      </c>
      <c r="BS27" s="103">
        <v>14368</v>
      </c>
      <c r="BT27" s="100">
        <v>0</v>
      </c>
      <c r="BU27" s="104">
        <v>96624</v>
      </c>
      <c r="BV27" s="104">
        <v>91880</v>
      </c>
      <c r="BW27" s="104">
        <v>26544</v>
      </c>
      <c r="BX27" s="104">
        <v>64768</v>
      </c>
      <c r="BY27" s="104">
        <v>32376</v>
      </c>
      <c r="BZ27" s="103">
        <v>312192</v>
      </c>
      <c r="CA27" s="106">
        <v>326560</v>
      </c>
      <c r="CB27" s="100">
        <v>0</v>
      </c>
      <c r="CC27" s="104">
        <v>68224</v>
      </c>
      <c r="CD27" s="103">
        <v>68224</v>
      </c>
      <c r="CE27" s="100">
        <v>0</v>
      </c>
      <c r="CF27" s="104">
        <v>750853</v>
      </c>
      <c r="CG27" s="104">
        <v>440940</v>
      </c>
      <c r="CH27" s="104">
        <v>512375</v>
      </c>
      <c r="CI27" s="104">
        <v>115240</v>
      </c>
      <c r="CJ27" s="104">
        <v>302888</v>
      </c>
      <c r="CK27" s="103">
        <v>2122296</v>
      </c>
      <c r="CL27" s="106">
        <v>2190520</v>
      </c>
      <c r="CM27" s="100">
        <v>0</v>
      </c>
      <c r="CN27" s="104">
        <v>0</v>
      </c>
      <c r="CO27" s="103">
        <v>0</v>
      </c>
      <c r="CP27" s="101">
        <v>0</v>
      </c>
      <c r="CQ27" s="104">
        <v>603165</v>
      </c>
      <c r="CR27" s="104">
        <v>257612</v>
      </c>
      <c r="CS27" s="104">
        <v>425159</v>
      </c>
      <c r="CT27" s="104">
        <v>99744</v>
      </c>
      <c r="CU27" s="104">
        <v>170408</v>
      </c>
      <c r="CV27" s="103">
        <v>1556088</v>
      </c>
      <c r="CW27" s="106">
        <v>1556088</v>
      </c>
      <c r="CX27" s="100">
        <v>0</v>
      </c>
      <c r="CY27" s="104">
        <v>68224</v>
      </c>
      <c r="CZ27" s="103">
        <v>68224</v>
      </c>
      <c r="DA27" s="100">
        <v>0</v>
      </c>
      <c r="DB27" s="104">
        <v>147688</v>
      </c>
      <c r="DC27" s="104">
        <v>183328</v>
      </c>
      <c r="DD27" s="104">
        <v>87216</v>
      </c>
      <c r="DE27" s="104">
        <v>15496</v>
      </c>
      <c r="DF27" s="104">
        <v>132480</v>
      </c>
      <c r="DG27" s="103">
        <v>566208</v>
      </c>
      <c r="DH27" s="106">
        <v>634432</v>
      </c>
      <c r="DI27" s="100">
        <v>0</v>
      </c>
      <c r="DJ27" s="104">
        <v>0</v>
      </c>
      <c r="DK27" s="102">
        <v>0</v>
      </c>
      <c r="DL27" s="101">
        <v>0</v>
      </c>
      <c r="DM27" s="104">
        <v>0</v>
      </c>
      <c r="DN27" s="104">
        <v>0</v>
      </c>
      <c r="DO27" s="104">
        <v>34856</v>
      </c>
      <c r="DP27" s="104">
        <v>236668</v>
      </c>
      <c r="DQ27" s="104">
        <v>120320</v>
      </c>
      <c r="DR27" s="103">
        <v>391844</v>
      </c>
      <c r="DS27" s="106">
        <v>391844</v>
      </c>
      <c r="DT27" s="100">
        <v>0</v>
      </c>
      <c r="DU27" s="104">
        <v>0</v>
      </c>
      <c r="DV27" s="103">
        <v>0</v>
      </c>
      <c r="DW27" s="100">
        <v>0</v>
      </c>
      <c r="DX27" s="104">
        <v>0</v>
      </c>
      <c r="DY27" s="104">
        <v>0</v>
      </c>
      <c r="DZ27" s="104">
        <v>34856</v>
      </c>
      <c r="EA27" s="104">
        <v>236668</v>
      </c>
      <c r="EB27" s="104">
        <v>120320</v>
      </c>
      <c r="EC27" s="103">
        <v>391844</v>
      </c>
      <c r="ED27" s="106">
        <v>391844</v>
      </c>
      <c r="EE27" s="100">
        <v>0</v>
      </c>
      <c r="EF27" s="102">
        <v>0</v>
      </c>
      <c r="EG27" s="103">
        <v>0</v>
      </c>
      <c r="EH27" s="100">
        <v>0</v>
      </c>
      <c r="EI27" s="104">
        <v>0</v>
      </c>
      <c r="EJ27" s="104">
        <v>0</v>
      </c>
      <c r="EK27" s="104">
        <v>0</v>
      </c>
      <c r="EL27" s="104">
        <v>0</v>
      </c>
      <c r="EM27" s="104">
        <v>0</v>
      </c>
      <c r="EN27" s="102">
        <v>0</v>
      </c>
      <c r="EO27" s="106">
        <v>0</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9200</v>
      </c>
      <c r="FM27" s="104">
        <v>228744</v>
      </c>
      <c r="FN27" s="103">
        <v>237944</v>
      </c>
      <c r="FO27" s="100">
        <v>0</v>
      </c>
      <c r="FP27" s="104">
        <v>96624</v>
      </c>
      <c r="FQ27" s="104">
        <v>190000</v>
      </c>
      <c r="FR27" s="104">
        <v>172656</v>
      </c>
      <c r="FS27" s="104">
        <v>99664</v>
      </c>
      <c r="FT27" s="104">
        <v>96432</v>
      </c>
      <c r="FU27" s="103">
        <v>655376</v>
      </c>
      <c r="FV27" s="106">
        <v>893320</v>
      </c>
      <c r="FW27" s="105">
        <v>9200</v>
      </c>
      <c r="FX27" s="104">
        <v>45264</v>
      </c>
      <c r="FY27" s="102">
        <v>54464</v>
      </c>
      <c r="FZ27" s="101">
        <v>0</v>
      </c>
      <c r="GA27" s="104">
        <v>71280</v>
      </c>
      <c r="GB27" s="104">
        <v>190000</v>
      </c>
      <c r="GC27" s="104">
        <v>172656</v>
      </c>
      <c r="GD27" s="104">
        <v>99664</v>
      </c>
      <c r="GE27" s="104">
        <v>96432</v>
      </c>
      <c r="GF27" s="103">
        <v>630032</v>
      </c>
      <c r="GG27" s="296">
        <v>684496</v>
      </c>
      <c r="GH27" s="105">
        <v>0</v>
      </c>
      <c r="GI27" s="104">
        <v>0</v>
      </c>
      <c r="GJ27" s="102">
        <v>0</v>
      </c>
      <c r="GK27" s="101">
        <v>0</v>
      </c>
      <c r="GL27" s="104">
        <v>25344</v>
      </c>
      <c r="GM27" s="104">
        <v>0</v>
      </c>
      <c r="GN27" s="104">
        <v>0</v>
      </c>
      <c r="GO27" s="104">
        <v>0</v>
      </c>
      <c r="GP27" s="104">
        <v>0</v>
      </c>
      <c r="GQ27" s="103">
        <v>25344</v>
      </c>
      <c r="GR27" s="106">
        <v>25344</v>
      </c>
      <c r="GS27" s="100">
        <v>0</v>
      </c>
      <c r="GT27" s="104">
        <v>183480</v>
      </c>
      <c r="GU27" s="103">
        <v>183480</v>
      </c>
      <c r="GV27" s="100">
        <v>0</v>
      </c>
      <c r="GW27" s="104">
        <v>0</v>
      </c>
      <c r="GX27" s="104">
        <v>0</v>
      </c>
      <c r="GY27" s="104">
        <v>0</v>
      </c>
      <c r="GZ27" s="104">
        <v>0</v>
      </c>
      <c r="HA27" s="104">
        <v>0</v>
      </c>
      <c r="HB27" s="102">
        <v>0</v>
      </c>
      <c r="HC27" s="106">
        <v>183480</v>
      </c>
      <c r="HD27" s="100">
        <v>45771</v>
      </c>
      <c r="HE27" s="104">
        <v>187980</v>
      </c>
      <c r="HF27" s="102">
        <v>233751</v>
      </c>
      <c r="HG27" s="101">
        <v>0</v>
      </c>
      <c r="HH27" s="104">
        <v>1109681</v>
      </c>
      <c r="HI27" s="104">
        <v>621887</v>
      </c>
      <c r="HJ27" s="104">
        <v>0</v>
      </c>
      <c r="HK27" s="104">
        <v>208704</v>
      </c>
      <c r="HL27" s="104">
        <v>0</v>
      </c>
      <c r="HM27" s="103">
        <v>1940272</v>
      </c>
      <c r="HN27" s="99">
        <v>2174023</v>
      </c>
      <c r="HO27" s="306"/>
      <c r="HP27" s="307"/>
      <c r="HQ27" s="308"/>
      <c r="HR27" s="309"/>
      <c r="HS27" s="307"/>
      <c r="HT27" s="307"/>
      <c r="HU27" s="307"/>
      <c r="HV27" s="307"/>
      <c r="HW27" s="307"/>
      <c r="HX27" s="310"/>
      <c r="HY27" s="311"/>
      <c r="HZ27" s="118">
        <v>0</v>
      </c>
      <c r="IA27" s="119">
        <v>0</v>
      </c>
      <c r="IB27" s="120">
        <v>0</v>
      </c>
      <c r="IC27" s="133">
        <v>0</v>
      </c>
      <c r="ID27" s="119">
        <v>723518</v>
      </c>
      <c r="IE27" s="134">
        <v>1159040</v>
      </c>
      <c r="IF27" s="120">
        <v>651400</v>
      </c>
      <c r="IG27" s="119">
        <v>643664</v>
      </c>
      <c r="IH27" s="120">
        <v>0</v>
      </c>
      <c r="II27" s="135">
        <v>3177622</v>
      </c>
      <c r="IJ27" s="126">
        <v>3177622</v>
      </c>
      <c r="IK27" s="219">
        <v>0</v>
      </c>
      <c r="IL27" s="223">
        <v>0</v>
      </c>
      <c r="IM27" s="224">
        <v>0</v>
      </c>
      <c r="IN27" s="127"/>
      <c r="IO27" s="109">
        <v>0</v>
      </c>
      <c r="IP27" s="109">
        <v>209712</v>
      </c>
      <c r="IQ27" s="109">
        <v>426128</v>
      </c>
      <c r="IR27" s="109">
        <v>0</v>
      </c>
      <c r="IS27" s="109">
        <v>0</v>
      </c>
      <c r="IT27" s="128">
        <v>635840</v>
      </c>
      <c r="IU27" s="298">
        <v>635840</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184608</v>
      </c>
      <c r="JL27" s="109">
        <v>138864</v>
      </c>
      <c r="JM27" s="109">
        <v>65344</v>
      </c>
      <c r="JN27" s="109">
        <v>111512</v>
      </c>
      <c r="JO27" s="109">
        <v>0</v>
      </c>
      <c r="JP27" s="110">
        <v>500328</v>
      </c>
      <c r="JQ27" s="298">
        <v>500328</v>
      </c>
      <c r="JR27" s="129">
        <v>0</v>
      </c>
      <c r="JS27" s="109">
        <v>0</v>
      </c>
      <c r="JT27" s="128">
        <v>0</v>
      </c>
      <c r="JU27" s="108">
        <v>0</v>
      </c>
      <c r="JV27" s="109">
        <v>0</v>
      </c>
      <c r="JW27" s="109">
        <v>0</v>
      </c>
      <c r="JX27" s="109">
        <v>0</v>
      </c>
      <c r="JY27" s="109">
        <v>0</v>
      </c>
      <c r="JZ27" s="109">
        <v>0</v>
      </c>
      <c r="KA27" s="110">
        <v>0</v>
      </c>
      <c r="KB27" s="298">
        <v>0</v>
      </c>
      <c r="KC27" s="221">
        <v>0</v>
      </c>
      <c r="KD27" s="217">
        <v>0</v>
      </c>
      <c r="KE27" s="110">
        <v>0</v>
      </c>
      <c r="KF27" s="108">
        <v>0</v>
      </c>
      <c r="KG27" s="109">
        <v>308392</v>
      </c>
      <c r="KH27" s="109">
        <v>325936</v>
      </c>
      <c r="KI27" s="109">
        <v>0</v>
      </c>
      <c r="KJ27" s="109">
        <v>0</v>
      </c>
      <c r="KK27" s="109">
        <v>0</v>
      </c>
      <c r="KL27" s="110">
        <v>634328</v>
      </c>
      <c r="KM27" s="130">
        <v>634328</v>
      </c>
      <c r="KN27" s="219">
        <v>0</v>
      </c>
      <c r="KO27" s="223">
        <v>0</v>
      </c>
      <c r="KP27" s="224">
        <v>0</v>
      </c>
      <c r="KQ27" s="127"/>
      <c r="KR27" s="109">
        <v>230518</v>
      </c>
      <c r="KS27" s="109">
        <v>484528</v>
      </c>
      <c r="KT27" s="109">
        <v>159928</v>
      </c>
      <c r="KU27" s="109">
        <v>0</v>
      </c>
      <c r="KV27" s="109">
        <v>0</v>
      </c>
      <c r="KW27" s="110">
        <v>874974</v>
      </c>
      <c r="KX27" s="298">
        <v>874974</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0</v>
      </c>
      <c r="LQ27" s="109">
        <v>532152</v>
      </c>
      <c r="LR27" s="109">
        <v>0</v>
      </c>
      <c r="LS27" s="110">
        <v>532152</v>
      </c>
      <c r="LT27" s="298">
        <v>532152</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288384</v>
      </c>
      <c r="MK27" s="109">
        <v>445400</v>
      </c>
      <c r="ML27" s="109">
        <v>1214933</v>
      </c>
      <c r="MM27" s="109">
        <v>2271326</v>
      </c>
      <c r="MN27" s="109">
        <v>0</v>
      </c>
      <c r="MO27" s="110">
        <v>4220043</v>
      </c>
      <c r="MP27" s="130">
        <v>4220043</v>
      </c>
      <c r="MQ27" s="129">
        <v>0</v>
      </c>
      <c r="MR27" s="109">
        <v>0</v>
      </c>
      <c r="MS27" s="110">
        <v>0</v>
      </c>
      <c r="MT27" s="132"/>
      <c r="MU27" s="109">
        <v>0</v>
      </c>
      <c r="MV27" s="109">
        <v>0</v>
      </c>
      <c r="MW27" s="109">
        <v>922560</v>
      </c>
      <c r="MX27" s="109">
        <v>1984598</v>
      </c>
      <c r="MY27" s="109">
        <v>0</v>
      </c>
      <c r="MZ27" s="110">
        <v>2907158</v>
      </c>
      <c r="NA27" s="130">
        <v>2907158</v>
      </c>
      <c r="NB27" s="129">
        <v>0</v>
      </c>
      <c r="NC27" s="109">
        <v>0</v>
      </c>
      <c r="ND27" s="110">
        <v>0</v>
      </c>
      <c r="NE27" s="132"/>
      <c r="NF27" s="109">
        <v>288384</v>
      </c>
      <c r="NG27" s="109">
        <v>445400</v>
      </c>
      <c r="NH27" s="109">
        <v>292373</v>
      </c>
      <c r="NI27" s="109">
        <v>286728</v>
      </c>
      <c r="NJ27" s="109">
        <v>0</v>
      </c>
      <c r="NK27" s="110">
        <v>1312885</v>
      </c>
      <c r="NL27" s="298">
        <v>1312885</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0</v>
      </c>
      <c r="OF27" s="109">
        <v>0</v>
      </c>
      <c r="OG27" s="110">
        <v>0</v>
      </c>
      <c r="OH27" s="111">
        <v>0</v>
      </c>
      <c r="OI27" s="129">
        <v>69339</v>
      </c>
      <c r="OJ27" s="109">
        <v>490996</v>
      </c>
      <c r="OK27" s="128">
        <v>560335</v>
      </c>
      <c r="OL27" s="108">
        <v>0</v>
      </c>
      <c r="OM27" s="109">
        <v>3389624</v>
      </c>
      <c r="ON27" s="109">
        <v>3572703</v>
      </c>
      <c r="OO27" s="109">
        <v>2860882</v>
      </c>
      <c r="OP27" s="109">
        <v>4139330</v>
      </c>
      <c r="OQ27" s="109">
        <v>862313</v>
      </c>
      <c r="OR27" s="110">
        <v>14824852</v>
      </c>
      <c r="OS27" s="130">
        <v>15385187</v>
      </c>
    </row>
    <row r="28" spans="2:409" ht="21" customHeight="1" x14ac:dyDescent="0.2">
      <c r="B28" s="472" t="s">
        <v>23</v>
      </c>
      <c r="C28" s="100">
        <v>425411</v>
      </c>
      <c r="D28" s="104">
        <v>145808</v>
      </c>
      <c r="E28" s="103">
        <v>571219</v>
      </c>
      <c r="F28" s="99">
        <v>0</v>
      </c>
      <c r="G28" s="104">
        <v>2526608</v>
      </c>
      <c r="H28" s="104">
        <v>2595889</v>
      </c>
      <c r="I28" s="104">
        <v>1906050</v>
      </c>
      <c r="J28" s="104">
        <v>2202551</v>
      </c>
      <c r="K28" s="104">
        <v>1072744</v>
      </c>
      <c r="L28" s="160">
        <v>10303842</v>
      </c>
      <c r="M28" s="106">
        <v>10875061</v>
      </c>
      <c r="N28" s="100">
        <v>102369</v>
      </c>
      <c r="O28" s="104">
        <v>85256</v>
      </c>
      <c r="P28" s="103">
        <v>187625</v>
      </c>
      <c r="Q28" s="100">
        <v>0</v>
      </c>
      <c r="R28" s="104">
        <v>494782</v>
      </c>
      <c r="S28" s="104">
        <v>974866</v>
      </c>
      <c r="T28" s="104">
        <v>469295</v>
      </c>
      <c r="U28" s="104">
        <v>782292</v>
      </c>
      <c r="V28" s="104">
        <v>133424</v>
      </c>
      <c r="W28" s="103">
        <v>2854659</v>
      </c>
      <c r="X28" s="106">
        <v>3042284</v>
      </c>
      <c r="Y28" s="100">
        <v>0</v>
      </c>
      <c r="Z28" s="104">
        <v>0</v>
      </c>
      <c r="AA28" s="103">
        <v>0</v>
      </c>
      <c r="AB28" s="100">
        <v>0</v>
      </c>
      <c r="AC28" s="104">
        <v>155884</v>
      </c>
      <c r="AD28" s="104">
        <v>476715</v>
      </c>
      <c r="AE28" s="104">
        <v>279476</v>
      </c>
      <c r="AF28" s="104">
        <v>335775</v>
      </c>
      <c r="AG28" s="104">
        <v>0</v>
      </c>
      <c r="AH28" s="103">
        <v>1247850</v>
      </c>
      <c r="AI28" s="106">
        <v>1247850</v>
      </c>
      <c r="AJ28" s="100">
        <v>0</v>
      </c>
      <c r="AK28" s="104">
        <v>0</v>
      </c>
      <c r="AL28" s="103">
        <v>0</v>
      </c>
      <c r="AM28" s="100">
        <v>0</v>
      </c>
      <c r="AN28" s="104">
        <v>0</v>
      </c>
      <c r="AO28" s="104">
        <v>0</v>
      </c>
      <c r="AP28" s="104">
        <v>0</v>
      </c>
      <c r="AQ28" s="104">
        <v>153977</v>
      </c>
      <c r="AR28" s="104">
        <v>0</v>
      </c>
      <c r="AS28" s="103">
        <v>153977</v>
      </c>
      <c r="AT28" s="106">
        <v>153977</v>
      </c>
      <c r="AU28" s="100">
        <v>56785</v>
      </c>
      <c r="AV28" s="104">
        <v>58840</v>
      </c>
      <c r="AW28" s="103">
        <v>115625</v>
      </c>
      <c r="AX28" s="100">
        <v>0</v>
      </c>
      <c r="AY28" s="104">
        <v>165866</v>
      </c>
      <c r="AZ28" s="104">
        <v>356433</v>
      </c>
      <c r="BA28" s="104">
        <v>105131</v>
      </c>
      <c r="BB28" s="104">
        <v>106356</v>
      </c>
      <c r="BC28" s="104">
        <v>53808</v>
      </c>
      <c r="BD28" s="103">
        <v>787594</v>
      </c>
      <c r="BE28" s="106">
        <v>903219</v>
      </c>
      <c r="BF28" s="100">
        <v>0</v>
      </c>
      <c r="BG28" s="104">
        <v>26416</v>
      </c>
      <c r="BH28" s="102">
        <v>26416</v>
      </c>
      <c r="BI28" s="101">
        <v>0</v>
      </c>
      <c r="BJ28" s="104">
        <v>0</v>
      </c>
      <c r="BK28" s="104">
        <v>36350</v>
      </c>
      <c r="BL28" s="104">
        <v>0</v>
      </c>
      <c r="BM28" s="104">
        <v>0</v>
      </c>
      <c r="BN28" s="104">
        <v>0</v>
      </c>
      <c r="BO28" s="103">
        <v>36350</v>
      </c>
      <c r="BP28" s="106">
        <v>62766</v>
      </c>
      <c r="BQ28" s="100">
        <v>45584</v>
      </c>
      <c r="BR28" s="104">
        <v>0</v>
      </c>
      <c r="BS28" s="103">
        <v>45584</v>
      </c>
      <c r="BT28" s="100">
        <v>0</v>
      </c>
      <c r="BU28" s="104">
        <v>173032</v>
      </c>
      <c r="BV28" s="104">
        <v>105368</v>
      </c>
      <c r="BW28" s="104">
        <v>84688</v>
      </c>
      <c r="BX28" s="104">
        <v>186184</v>
      </c>
      <c r="BY28" s="104">
        <v>79616</v>
      </c>
      <c r="BZ28" s="103">
        <v>628888</v>
      </c>
      <c r="CA28" s="106">
        <v>674472</v>
      </c>
      <c r="CB28" s="100">
        <v>0</v>
      </c>
      <c r="CC28" s="104">
        <v>0</v>
      </c>
      <c r="CD28" s="103">
        <v>0</v>
      </c>
      <c r="CE28" s="100">
        <v>0</v>
      </c>
      <c r="CF28" s="104">
        <v>758667</v>
      </c>
      <c r="CG28" s="104">
        <v>880083</v>
      </c>
      <c r="CH28" s="104">
        <v>923348</v>
      </c>
      <c r="CI28" s="104">
        <v>527588</v>
      </c>
      <c r="CJ28" s="104">
        <v>86101</v>
      </c>
      <c r="CK28" s="103">
        <v>3175787</v>
      </c>
      <c r="CL28" s="106">
        <v>3175787</v>
      </c>
      <c r="CM28" s="100">
        <v>0</v>
      </c>
      <c r="CN28" s="104">
        <v>0</v>
      </c>
      <c r="CO28" s="103">
        <v>0</v>
      </c>
      <c r="CP28" s="101">
        <v>0</v>
      </c>
      <c r="CQ28" s="104">
        <v>567124</v>
      </c>
      <c r="CR28" s="104">
        <v>754429</v>
      </c>
      <c r="CS28" s="104">
        <v>622208</v>
      </c>
      <c r="CT28" s="104">
        <v>374766</v>
      </c>
      <c r="CU28" s="104">
        <v>20481</v>
      </c>
      <c r="CV28" s="103">
        <v>2339008</v>
      </c>
      <c r="CW28" s="106">
        <v>2339008</v>
      </c>
      <c r="CX28" s="100">
        <v>0</v>
      </c>
      <c r="CY28" s="104">
        <v>0</v>
      </c>
      <c r="CZ28" s="103">
        <v>0</v>
      </c>
      <c r="DA28" s="100">
        <v>0</v>
      </c>
      <c r="DB28" s="104">
        <v>191543</v>
      </c>
      <c r="DC28" s="104">
        <v>125654</v>
      </c>
      <c r="DD28" s="104">
        <v>301140</v>
      </c>
      <c r="DE28" s="104">
        <v>152822</v>
      </c>
      <c r="DF28" s="104">
        <v>65620</v>
      </c>
      <c r="DG28" s="103">
        <v>836779</v>
      </c>
      <c r="DH28" s="106">
        <v>836779</v>
      </c>
      <c r="DI28" s="100">
        <v>25313</v>
      </c>
      <c r="DJ28" s="104">
        <v>0</v>
      </c>
      <c r="DK28" s="102">
        <v>25313</v>
      </c>
      <c r="DL28" s="101">
        <v>0</v>
      </c>
      <c r="DM28" s="104">
        <v>173931</v>
      </c>
      <c r="DN28" s="104">
        <v>186168</v>
      </c>
      <c r="DO28" s="104">
        <v>410175</v>
      </c>
      <c r="DP28" s="104">
        <v>89690</v>
      </c>
      <c r="DQ28" s="104">
        <v>206510</v>
      </c>
      <c r="DR28" s="103">
        <v>1066474</v>
      </c>
      <c r="DS28" s="106">
        <v>1091787</v>
      </c>
      <c r="DT28" s="100">
        <v>0</v>
      </c>
      <c r="DU28" s="104">
        <v>0</v>
      </c>
      <c r="DV28" s="103">
        <v>0</v>
      </c>
      <c r="DW28" s="100">
        <v>0</v>
      </c>
      <c r="DX28" s="104">
        <v>142323</v>
      </c>
      <c r="DY28" s="104">
        <v>186168</v>
      </c>
      <c r="DZ28" s="104">
        <v>410175</v>
      </c>
      <c r="EA28" s="104">
        <v>89690</v>
      </c>
      <c r="EB28" s="104">
        <v>109869</v>
      </c>
      <c r="EC28" s="103">
        <v>938225</v>
      </c>
      <c r="ED28" s="106">
        <v>938225</v>
      </c>
      <c r="EE28" s="100">
        <v>25313</v>
      </c>
      <c r="EF28" s="102">
        <v>0</v>
      </c>
      <c r="EG28" s="103">
        <v>25313</v>
      </c>
      <c r="EH28" s="100">
        <v>0</v>
      </c>
      <c r="EI28" s="104">
        <v>31608</v>
      </c>
      <c r="EJ28" s="104">
        <v>0</v>
      </c>
      <c r="EK28" s="104">
        <v>0</v>
      </c>
      <c r="EL28" s="104">
        <v>0</v>
      </c>
      <c r="EM28" s="104">
        <v>96641</v>
      </c>
      <c r="EN28" s="102">
        <v>128249</v>
      </c>
      <c r="EO28" s="106">
        <v>153562</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29280</v>
      </c>
      <c r="FM28" s="104">
        <v>60552</v>
      </c>
      <c r="FN28" s="103">
        <v>189832</v>
      </c>
      <c r="FO28" s="100">
        <v>0</v>
      </c>
      <c r="FP28" s="104">
        <v>109296</v>
      </c>
      <c r="FQ28" s="104">
        <v>379112</v>
      </c>
      <c r="FR28" s="104">
        <v>103232</v>
      </c>
      <c r="FS28" s="104">
        <v>146504</v>
      </c>
      <c r="FT28" s="104">
        <v>39984</v>
      </c>
      <c r="FU28" s="103">
        <v>778128</v>
      </c>
      <c r="FV28" s="106">
        <v>967960</v>
      </c>
      <c r="FW28" s="105">
        <v>6080</v>
      </c>
      <c r="FX28" s="104">
        <v>60552</v>
      </c>
      <c r="FY28" s="102">
        <v>66632</v>
      </c>
      <c r="FZ28" s="101">
        <v>0</v>
      </c>
      <c r="GA28" s="104">
        <v>109296</v>
      </c>
      <c r="GB28" s="104">
        <v>342152</v>
      </c>
      <c r="GC28" s="104">
        <v>103232</v>
      </c>
      <c r="GD28" s="104">
        <v>146504</v>
      </c>
      <c r="GE28" s="104">
        <v>39984</v>
      </c>
      <c r="GF28" s="103">
        <v>741168</v>
      </c>
      <c r="GG28" s="296">
        <v>807800</v>
      </c>
      <c r="GH28" s="105">
        <v>0</v>
      </c>
      <c r="GI28" s="104">
        <v>0</v>
      </c>
      <c r="GJ28" s="102">
        <v>0</v>
      </c>
      <c r="GK28" s="101">
        <v>0</v>
      </c>
      <c r="GL28" s="104">
        <v>0</v>
      </c>
      <c r="GM28" s="104">
        <v>36960</v>
      </c>
      <c r="GN28" s="104">
        <v>0</v>
      </c>
      <c r="GO28" s="104">
        <v>0</v>
      </c>
      <c r="GP28" s="104">
        <v>0</v>
      </c>
      <c r="GQ28" s="103">
        <v>36960</v>
      </c>
      <c r="GR28" s="106">
        <v>36960</v>
      </c>
      <c r="GS28" s="100">
        <v>123200</v>
      </c>
      <c r="GT28" s="104">
        <v>0</v>
      </c>
      <c r="GU28" s="103">
        <v>123200</v>
      </c>
      <c r="GV28" s="100">
        <v>0</v>
      </c>
      <c r="GW28" s="104">
        <v>0</v>
      </c>
      <c r="GX28" s="104">
        <v>0</v>
      </c>
      <c r="GY28" s="104">
        <v>0</v>
      </c>
      <c r="GZ28" s="104">
        <v>0</v>
      </c>
      <c r="HA28" s="104">
        <v>0</v>
      </c>
      <c r="HB28" s="102">
        <v>0</v>
      </c>
      <c r="HC28" s="106">
        <v>123200</v>
      </c>
      <c r="HD28" s="100">
        <v>168449</v>
      </c>
      <c r="HE28" s="104">
        <v>0</v>
      </c>
      <c r="HF28" s="102">
        <v>168449</v>
      </c>
      <c r="HG28" s="101">
        <v>0</v>
      </c>
      <c r="HH28" s="104">
        <v>989932</v>
      </c>
      <c r="HI28" s="104">
        <v>175660</v>
      </c>
      <c r="HJ28" s="104">
        <v>0</v>
      </c>
      <c r="HK28" s="104">
        <v>656477</v>
      </c>
      <c r="HL28" s="104">
        <v>606725</v>
      </c>
      <c r="HM28" s="103">
        <v>2428794</v>
      </c>
      <c r="HN28" s="99">
        <v>2597243</v>
      </c>
      <c r="HO28" s="306"/>
      <c r="HP28" s="307"/>
      <c r="HQ28" s="308"/>
      <c r="HR28" s="309"/>
      <c r="HS28" s="307"/>
      <c r="HT28" s="307"/>
      <c r="HU28" s="307"/>
      <c r="HV28" s="307"/>
      <c r="HW28" s="307"/>
      <c r="HX28" s="310"/>
      <c r="HY28" s="311"/>
      <c r="HZ28" s="137">
        <v>0</v>
      </c>
      <c r="IA28" s="122">
        <v>0</v>
      </c>
      <c r="IB28" s="137">
        <v>0</v>
      </c>
      <c r="IC28" s="121">
        <v>0</v>
      </c>
      <c r="ID28" s="122">
        <v>359907</v>
      </c>
      <c r="IE28" s="123">
        <v>337239</v>
      </c>
      <c r="IF28" s="124">
        <v>890459</v>
      </c>
      <c r="IG28" s="122">
        <v>552968</v>
      </c>
      <c r="IH28" s="124">
        <v>0</v>
      </c>
      <c r="II28" s="125">
        <v>2140573</v>
      </c>
      <c r="IJ28" s="137">
        <v>2140573</v>
      </c>
      <c r="IK28" s="219">
        <v>0</v>
      </c>
      <c r="IL28" s="223">
        <v>0</v>
      </c>
      <c r="IM28" s="224">
        <v>0</v>
      </c>
      <c r="IN28" s="127"/>
      <c r="IO28" s="109">
        <v>0</v>
      </c>
      <c r="IP28" s="109">
        <v>0</v>
      </c>
      <c r="IQ28" s="109">
        <v>0</v>
      </c>
      <c r="IR28" s="109">
        <v>0</v>
      </c>
      <c r="IS28" s="109">
        <v>0</v>
      </c>
      <c r="IT28" s="128">
        <v>0</v>
      </c>
      <c r="IU28" s="298">
        <v>0</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118028</v>
      </c>
      <c r="JL28" s="109">
        <v>80078</v>
      </c>
      <c r="JM28" s="109">
        <v>375460</v>
      </c>
      <c r="JN28" s="109">
        <v>28078</v>
      </c>
      <c r="JO28" s="109">
        <v>0</v>
      </c>
      <c r="JP28" s="110">
        <v>601644</v>
      </c>
      <c r="JQ28" s="298">
        <v>601644</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0</v>
      </c>
      <c r="KI28" s="109">
        <v>0</v>
      </c>
      <c r="KJ28" s="109">
        <v>0</v>
      </c>
      <c r="KK28" s="109">
        <v>0</v>
      </c>
      <c r="KL28" s="110">
        <v>0</v>
      </c>
      <c r="KM28" s="130">
        <v>0</v>
      </c>
      <c r="KN28" s="219">
        <v>0</v>
      </c>
      <c r="KO28" s="223">
        <v>0</v>
      </c>
      <c r="KP28" s="224">
        <v>0</v>
      </c>
      <c r="KQ28" s="127"/>
      <c r="KR28" s="109">
        <v>241879</v>
      </c>
      <c r="KS28" s="109">
        <v>257161</v>
      </c>
      <c r="KT28" s="109">
        <v>514999</v>
      </c>
      <c r="KU28" s="109">
        <v>524890</v>
      </c>
      <c r="KV28" s="109">
        <v>0</v>
      </c>
      <c r="KW28" s="110">
        <v>1538929</v>
      </c>
      <c r="KX28" s="298">
        <v>1538929</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c r="MJ28" s="109">
        <v>0</v>
      </c>
      <c r="MK28" s="109">
        <v>543792</v>
      </c>
      <c r="ML28" s="109">
        <v>1516496</v>
      </c>
      <c r="MM28" s="109">
        <v>1825060</v>
      </c>
      <c r="MN28" s="109">
        <v>583620</v>
      </c>
      <c r="MO28" s="110">
        <v>4468968</v>
      </c>
      <c r="MP28" s="130">
        <v>4468968</v>
      </c>
      <c r="MQ28" s="129">
        <v>0</v>
      </c>
      <c r="MR28" s="109">
        <v>0</v>
      </c>
      <c r="MS28" s="110">
        <v>0</v>
      </c>
      <c r="MT28" s="132"/>
      <c r="MU28" s="109">
        <v>0</v>
      </c>
      <c r="MV28" s="109">
        <v>0</v>
      </c>
      <c r="MW28" s="109">
        <v>1217692</v>
      </c>
      <c r="MX28" s="109">
        <v>1505184</v>
      </c>
      <c r="MY28" s="109">
        <v>271532</v>
      </c>
      <c r="MZ28" s="110">
        <v>2994408</v>
      </c>
      <c r="NA28" s="130">
        <v>2994408</v>
      </c>
      <c r="NB28" s="129">
        <v>0</v>
      </c>
      <c r="NC28" s="109">
        <v>0</v>
      </c>
      <c r="ND28" s="110">
        <v>0</v>
      </c>
      <c r="NE28" s="132"/>
      <c r="NF28" s="109">
        <v>0</v>
      </c>
      <c r="NG28" s="109">
        <v>543792</v>
      </c>
      <c r="NH28" s="109">
        <v>298804</v>
      </c>
      <c r="NI28" s="109">
        <v>319876</v>
      </c>
      <c r="NJ28" s="109">
        <v>312088</v>
      </c>
      <c r="NK28" s="110">
        <v>1474560</v>
      </c>
      <c r="NL28" s="298">
        <v>1474560</v>
      </c>
      <c r="NM28" s="129">
        <v>0</v>
      </c>
      <c r="NN28" s="109">
        <v>0</v>
      </c>
      <c r="NO28" s="110">
        <v>0</v>
      </c>
      <c r="NP28" s="132"/>
      <c r="NQ28" s="109">
        <v>0</v>
      </c>
      <c r="NR28" s="109">
        <v>0</v>
      </c>
      <c r="NS28" s="109">
        <v>0</v>
      </c>
      <c r="NT28" s="109">
        <v>0</v>
      </c>
      <c r="NU28" s="109">
        <v>0</v>
      </c>
      <c r="NV28" s="110">
        <v>0</v>
      </c>
      <c r="NW28" s="111">
        <v>0</v>
      </c>
      <c r="NX28" s="129">
        <v>0</v>
      </c>
      <c r="NY28" s="109">
        <v>0</v>
      </c>
      <c r="NZ28" s="110">
        <v>0</v>
      </c>
      <c r="OA28" s="132"/>
      <c r="OB28" s="109">
        <v>0</v>
      </c>
      <c r="OC28" s="109">
        <v>0</v>
      </c>
      <c r="OD28" s="109">
        <v>0</v>
      </c>
      <c r="OE28" s="109">
        <v>0</v>
      </c>
      <c r="OF28" s="109">
        <v>0</v>
      </c>
      <c r="OG28" s="110">
        <v>0</v>
      </c>
      <c r="OH28" s="111">
        <v>0</v>
      </c>
      <c r="OI28" s="129">
        <v>425411</v>
      </c>
      <c r="OJ28" s="109">
        <v>145808</v>
      </c>
      <c r="OK28" s="128">
        <v>571219</v>
      </c>
      <c r="OL28" s="108">
        <v>0</v>
      </c>
      <c r="OM28" s="109">
        <v>2886515</v>
      </c>
      <c r="ON28" s="109">
        <v>3476920</v>
      </c>
      <c r="OO28" s="109">
        <v>4313005</v>
      </c>
      <c r="OP28" s="109">
        <v>4580579</v>
      </c>
      <c r="OQ28" s="109">
        <v>1656364</v>
      </c>
      <c r="OR28" s="110">
        <v>16913383</v>
      </c>
      <c r="OS28" s="130">
        <v>17484602</v>
      </c>
    </row>
    <row r="29" spans="2:409" ht="21" customHeight="1" x14ac:dyDescent="0.2">
      <c r="B29" s="472" t="s">
        <v>24</v>
      </c>
      <c r="C29" s="100">
        <v>398330</v>
      </c>
      <c r="D29" s="104">
        <v>250778</v>
      </c>
      <c r="E29" s="103">
        <v>649108</v>
      </c>
      <c r="F29" s="99">
        <v>0</v>
      </c>
      <c r="G29" s="104">
        <v>2095392</v>
      </c>
      <c r="H29" s="104">
        <v>2083571</v>
      </c>
      <c r="I29" s="104">
        <v>1604515</v>
      </c>
      <c r="J29" s="104">
        <v>1890152</v>
      </c>
      <c r="K29" s="104">
        <v>2015179</v>
      </c>
      <c r="L29" s="160">
        <v>9688809</v>
      </c>
      <c r="M29" s="106">
        <v>10337917</v>
      </c>
      <c r="N29" s="100">
        <v>95908</v>
      </c>
      <c r="O29" s="104">
        <v>98168</v>
      </c>
      <c r="P29" s="103">
        <v>194076</v>
      </c>
      <c r="Q29" s="100">
        <v>0</v>
      </c>
      <c r="R29" s="104">
        <v>899624</v>
      </c>
      <c r="S29" s="104">
        <v>503167</v>
      </c>
      <c r="T29" s="104">
        <v>468378</v>
      </c>
      <c r="U29" s="104">
        <v>710628</v>
      </c>
      <c r="V29" s="104">
        <v>1559239</v>
      </c>
      <c r="W29" s="103">
        <v>4141036</v>
      </c>
      <c r="X29" s="106">
        <v>4335112</v>
      </c>
      <c r="Y29" s="100">
        <v>0</v>
      </c>
      <c r="Z29" s="104">
        <v>0</v>
      </c>
      <c r="AA29" s="103">
        <v>0</v>
      </c>
      <c r="AB29" s="100">
        <v>0</v>
      </c>
      <c r="AC29" s="104">
        <v>468506</v>
      </c>
      <c r="AD29" s="104">
        <v>230061</v>
      </c>
      <c r="AE29" s="104">
        <v>296080</v>
      </c>
      <c r="AF29" s="104">
        <v>317890</v>
      </c>
      <c r="AG29" s="104">
        <v>1135151</v>
      </c>
      <c r="AH29" s="103">
        <v>2447688</v>
      </c>
      <c r="AI29" s="106">
        <v>2447688</v>
      </c>
      <c r="AJ29" s="100">
        <v>0</v>
      </c>
      <c r="AK29" s="104">
        <v>0</v>
      </c>
      <c r="AL29" s="103">
        <v>0</v>
      </c>
      <c r="AM29" s="100">
        <v>0</v>
      </c>
      <c r="AN29" s="104">
        <v>0</v>
      </c>
      <c r="AO29" s="104">
        <v>0</v>
      </c>
      <c r="AP29" s="104">
        <v>0</v>
      </c>
      <c r="AQ29" s="104">
        <v>153422</v>
      </c>
      <c r="AR29" s="104">
        <v>192045</v>
      </c>
      <c r="AS29" s="103">
        <v>345467</v>
      </c>
      <c r="AT29" s="106">
        <v>345467</v>
      </c>
      <c r="AU29" s="100">
        <v>13220</v>
      </c>
      <c r="AV29" s="104">
        <v>93400</v>
      </c>
      <c r="AW29" s="103">
        <v>106620</v>
      </c>
      <c r="AX29" s="100">
        <v>0</v>
      </c>
      <c r="AY29" s="104">
        <v>245834</v>
      </c>
      <c r="AZ29" s="104">
        <v>102681</v>
      </c>
      <c r="BA29" s="104">
        <v>26258</v>
      </c>
      <c r="BB29" s="104">
        <v>118452</v>
      </c>
      <c r="BC29" s="104">
        <v>166923</v>
      </c>
      <c r="BD29" s="103">
        <v>660148</v>
      </c>
      <c r="BE29" s="106">
        <v>766768</v>
      </c>
      <c r="BF29" s="100">
        <v>0</v>
      </c>
      <c r="BG29" s="104">
        <v>0</v>
      </c>
      <c r="BH29" s="102">
        <v>0</v>
      </c>
      <c r="BI29" s="101">
        <v>0</v>
      </c>
      <c r="BJ29" s="104">
        <v>43876</v>
      </c>
      <c r="BK29" s="104">
        <v>80257</v>
      </c>
      <c r="BL29" s="104">
        <v>36984</v>
      </c>
      <c r="BM29" s="104">
        <v>0</v>
      </c>
      <c r="BN29" s="104">
        <v>0</v>
      </c>
      <c r="BO29" s="103">
        <v>161117</v>
      </c>
      <c r="BP29" s="106">
        <v>161117</v>
      </c>
      <c r="BQ29" s="100">
        <v>82688</v>
      </c>
      <c r="BR29" s="104">
        <v>4768</v>
      </c>
      <c r="BS29" s="103">
        <v>87456</v>
      </c>
      <c r="BT29" s="100">
        <v>0</v>
      </c>
      <c r="BU29" s="104">
        <v>141408</v>
      </c>
      <c r="BV29" s="104">
        <v>90168</v>
      </c>
      <c r="BW29" s="104">
        <v>109056</v>
      </c>
      <c r="BX29" s="104">
        <v>120864</v>
      </c>
      <c r="BY29" s="104">
        <v>65120</v>
      </c>
      <c r="BZ29" s="103">
        <v>526616</v>
      </c>
      <c r="CA29" s="106">
        <v>614072</v>
      </c>
      <c r="CB29" s="100">
        <v>39854</v>
      </c>
      <c r="CC29" s="104">
        <v>35650</v>
      </c>
      <c r="CD29" s="103">
        <v>75504</v>
      </c>
      <c r="CE29" s="100">
        <v>0</v>
      </c>
      <c r="CF29" s="104">
        <v>697263</v>
      </c>
      <c r="CG29" s="104">
        <v>845516</v>
      </c>
      <c r="CH29" s="104">
        <v>451973</v>
      </c>
      <c r="CI29" s="104">
        <v>220917</v>
      </c>
      <c r="CJ29" s="104">
        <v>0</v>
      </c>
      <c r="CK29" s="103">
        <v>2215669</v>
      </c>
      <c r="CL29" s="106">
        <v>2291173</v>
      </c>
      <c r="CM29" s="100">
        <v>0</v>
      </c>
      <c r="CN29" s="104">
        <v>0</v>
      </c>
      <c r="CO29" s="103">
        <v>0</v>
      </c>
      <c r="CP29" s="101">
        <v>0</v>
      </c>
      <c r="CQ29" s="104">
        <v>585775</v>
      </c>
      <c r="CR29" s="104">
        <v>592710</v>
      </c>
      <c r="CS29" s="104">
        <v>243920</v>
      </c>
      <c r="CT29" s="104">
        <v>30119</v>
      </c>
      <c r="CU29" s="104">
        <v>0</v>
      </c>
      <c r="CV29" s="103">
        <v>1452524</v>
      </c>
      <c r="CW29" s="106">
        <v>1452524</v>
      </c>
      <c r="CX29" s="100">
        <v>39854</v>
      </c>
      <c r="CY29" s="104">
        <v>35650</v>
      </c>
      <c r="CZ29" s="103">
        <v>75504</v>
      </c>
      <c r="DA29" s="100">
        <v>0</v>
      </c>
      <c r="DB29" s="104">
        <v>111488</v>
      </c>
      <c r="DC29" s="104">
        <v>252806</v>
      </c>
      <c r="DD29" s="104">
        <v>208053</v>
      </c>
      <c r="DE29" s="104">
        <v>190798</v>
      </c>
      <c r="DF29" s="104">
        <v>0</v>
      </c>
      <c r="DG29" s="103">
        <v>763145</v>
      </c>
      <c r="DH29" s="106">
        <v>838649</v>
      </c>
      <c r="DI29" s="100">
        <v>0</v>
      </c>
      <c r="DJ29" s="104">
        <v>0</v>
      </c>
      <c r="DK29" s="102">
        <v>0</v>
      </c>
      <c r="DL29" s="101">
        <v>0</v>
      </c>
      <c r="DM29" s="104">
        <v>46038</v>
      </c>
      <c r="DN29" s="104">
        <v>175130</v>
      </c>
      <c r="DO29" s="104">
        <v>19395</v>
      </c>
      <c r="DP29" s="104">
        <v>0</v>
      </c>
      <c r="DQ29" s="104">
        <v>0</v>
      </c>
      <c r="DR29" s="103">
        <v>240563</v>
      </c>
      <c r="DS29" s="106">
        <v>240563</v>
      </c>
      <c r="DT29" s="100">
        <v>0</v>
      </c>
      <c r="DU29" s="104">
        <v>0</v>
      </c>
      <c r="DV29" s="103">
        <v>0</v>
      </c>
      <c r="DW29" s="100">
        <v>0</v>
      </c>
      <c r="DX29" s="104">
        <v>0</v>
      </c>
      <c r="DY29" s="104">
        <v>175130</v>
      </c>
      <c r="DZ29" s="104">
        <v>19395</v>
      </c>
      <c r="EA29" s="104">
        <v>0</v>
      </c>
      <c r="EB29" s="104">
        <v>0</v>
      </c>
      <c r="EC29" s="103">
        <v>194525</v>
      </c>
      <c r="ED29" s="106">
        <v>194525</v>
      </c>
      <c r="EE29" s="100">
        <v>0</v>
      </c>
      <c r="EF29" s="102">
        <v>0</v>
      </c>
      <c r="EG29" s="103">
        <v>0</v>
      </c>
      <c r="EH29" s="100">
        <v>0</v>
      </c>
      <c r="EI29" s="104">
        <v>46038</v>
      </c>
      <c r="EJ29" s="104">
        <v>0</v>
      </c>
      <c r="EK29" s="104">
        <v>0</v>
      </c>
      <c r="EL29" s="104">
        <v>0</v>
      </c>
      <c r="EM29" s="104">
        <v>0</v>
      </c>
      <c r="EN29" s="102">
        <v>46038</v>
      </c>
      <c r="EO29" s="106">
        <v>46038</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46920</v>
      </c>
      <c r="FM29" s="104">
        <v>16520</v>
      </c>
      <c r="FN29" s="103">
        <v>63440</v>
      </c>
      <c r="FO29" s="100">
        <v>0</v>
      </c>
      <c r="FP29" s="104">
        <v>108624</v>
      </c>
      <c r="FQ29" s="104">
        <v>193962</v>
      </c>
      <c r="FR29" s="104">
        <v>91728</v>
      </c>
      <c r="FS29" s="104">
        <v>88368</v>
      </c>
      <c r="FT29" s="104">
        <v>51400</v>
      </c>
      <c r="FU29" s="103">
        <v>534082</v>
      </c>
      <c r="FV29" s="106">
        <v>597522</v>
      </c>
      <c r="FW29" s="105">
        <v>46920</v>
      </c>
      <c r="FX29" s="104">
        <v>16520</v>
      </c>
      <c r="FY29" s="102">
        <v>63440</v>
      </c>
      <c r="FZ29" s="101">
        <v>0</v>
      </c>
      <c r="GA29" s="104">
        <v>85424</v>
      </c>
      <c r="GB29" s="104">
        <v>165736</v>
      </c>
      <c r="GC29" s="104">
        <v>91728</v>
      </c>
      <c r="GD29" s="104">
        <v>88368</v>
      </c>
      <c r="GE29" s="104">
        <v>51400</v>
      </c>
      <c r="GF29" s="103">
        <v>482656</v>
      </c>
      <c r="GG29" s="296">
        <v>546096</v>
      </c>
      <c r="GH29" s="105">
        <v>0</v>
      </c>
      <c r="GI29" s="104">
        <v>0</v>
      </c>
      <c r="GJ29" s="102">
        <v>0</v>
      </c>
      <c r="GK29" s="101">
        <v>0</v>
      </c>
      <c r="GL29" s="104">
        <v>23200</v>
      </c>
      <c r="GM29" s="104">
        <v>10626</v>
      </c>
      <c r="GN29" s="104">
        <v>0</v>
      </c>
      <c r="GO29" s="104">
        <v>0</v>
      </c>
      <c r="GP29" s="104">
        <v>0</v>
      </c>
      <c r="GQ29" s="103">
        <v>33826</v>
      </c>
      <c r="GR29" s="106">
        <v>33826</v>
      </c>
      <c r="GS29" s="100">
        <v>0</v>
      </c>
      <c r="GT29" s="104">
        <v>0</v>
      </c>
      <c r="GU29" s="103">
        <v>0</v>
      </c>
      <c r="GV29" s="100">
        <v>0</v>
      </c>
      <c r="GW29" s="104">
        <v>0</v>
      </c>
      <c r="GX29" s="104">
        <v>17600</v>
      </c>
      <c r="GY29" s="104">
        <v>0</v>
      </c>
      <c r="GZ29" s="104">
        <v>0</v>
      </c>
      <c r="HA29" s="104">
        <v>0</v>
      </c>
      <c r="HB29" s="102">
        <v>17600</v>
      </c>
      <c r="HC29" s="106">
        <v>17600</v>
      </c>
      <c r="HD29" s="100">
        <v>215648</v>
      </c>
      <c r="HE29" s="104">
        <v>100440</v>
      </c>
      <c r="HF29" s="102">
        <v>316088</v>
      </c>
      <c r="HG29" s="101">
        <v>0</v>
      </c>
      <c r="HH29" s="104">
        <v>343843</v>
      </c>
      <c r="HI29" s="104">
        <v>365796</v>
      </c>
      <c r="HJ29" s="104">
        <v>573041</v>
      </c>
      <c r="HK29" s="104">
        <v>870239</v>
      </c>
      <c r="HL29" s="104">
        <v>404540</v>
      </c>
      <c r="HM29" s="103">
        <v>2557459</v>
      </c>
      <c r="HN29" s="99">
        <v>2873547</v>
      </c>
      <c r="HO29" s="306"/>
      <c r="HP29" s="307"/>
      <c r="HQ29" s="308"/>
      <c r="HR29" s="309"/>
      <c r="HS29" s="307"/>
      <c r="HT29" s="307"/>
      <c r="HU29" s="307"/>
      <c r="HV29" s="307"/>
      <c r="HW29" s="307"/>
      <c r="HX29" s="310"/>
      <c r="HY29" s="311"/>
      <c r="HZ29" s="118">
        <v>0</v>
      </c>
      <c r="IA29" s="119">
        <v>0</v>
      </c>
      <c r="IB29" s="120">
        <v>0</v>
      </c>
      <c r="IC29" s="133">
        <v>0</v>
      </c>
      <c r="ID29" s="119">
        <v>0</v>
      </c>
      <c r="IE29" s="134">
        <v>424623</v>
      </c>
      <c r="IF29" s="120">
        <v>908719</v>
      </c>
      <c r="IG29" s="119">
        <v>392158</v>
      </c>
      <c r="IH29" s="120">
        <v>251656</v>
      </c>
      <c r="II29" s="135">
        <v>1977156</v>
      </c>
      <c r="IJ29" s="126">
        <v>1977156</v>
      </c>
      <c r="IK29" s="219">
        <v>0</v>
      </c>
      <c r="IL29" s="223">
        <v>0</v>
      </c>
      <c r="IM29" s="224">
        <v>0</v>
      </c>
      <c r="IN29" s="127"/>
      <c r="IO29" s="109">
        <v>0</v>
      </c>
      <c r="IP29" s="109">
        <v>0</v>
      </c>
      <c r="IQ29" s="109">
        <v>158825</v>
      </c>
      <c r="IR29" s="109">
        <v>392158</v>
      </c>
      <c r="IS29" s="109">
        <v>0</v>
      </c>
      <c r="IT29" s="128">
        <v>550983</v>
      </c>
      <c r="IU29" s="298">
        <v>550983</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0</v>
      </c>
      <c r="JL29" s="109">
        <v>190657</v>
      </c>
      <c r="JM29" s="109">
        <v>105196</v>
      </c>
      <c r="JN29" s="109">
        <v>0</v>
      </c>
      <c r="JO29" s="109">
        <v>0</v>
      </c>
      <c r="JP29" s="110">
        <v>295853</v>
      </c>
      <c r="JQ29" s="298">
        <v>295853</v>
      </c>
      <c r="JR29" s="129">
        <v>0</v>
      </c>
      <c r="JS29" s="109">
        <v>0</v>
      </c>
      <c r="JT29" s="128">
        <v>0</v>
      </c>
      <c r="JU29" s="108">
        <v>0</v>
      </c>
      <c r="JV29" s="109">
        <v>0</v>
      </c>
      <c r="JW29" s="109">
        <v>0</v>
      </c>
      <c r="JX29" s="109">
        <v>160858</v>
      </c>
      <c r="JY29" s="109">
        <v>0</v>
      </c>
      <c r="JZ29" s="109">
        <v>0</v>
      </c>
      <c r="KA29" s="110">
        <v>160858</v>
      </c>
      <c r="KB29" s="298">
        <v>160858</v>
      </c>
      <c r="KC29" s="221">
        <v>0</v>
      </c>
      <c r="KD29" s="217">
        <v>0</v>
      </c>
      <c r="KE29" s="110">
        <v>0</v>
      </c>
      <c r="KF29" s="108">
        <v>0</v>
      </c>
      <c r="KG29" s="109">
        <v>0</v>
      </c>
      <c r="KH29" s="109">
        <v>0</v>
      </c>
      <c r="KI29" s="109">
        <v>0</v>
      </c>
      <c r="KJ29" s="109">
        <v>0</v>
      </c>
      <c r="KK29" s="109">
        <v>0</v>
      </c>
      <c r="KL29" s="110">
        <v>0</v>
      </c>
      <c r="KM29" s="130">
        <v>0</v>
      </c>
      <c r="KN29" s="219">
        <v>0</v>
      </c>
      <c r="KO29" s="223">
        <v>0</v>
      </c>
      <c r="KP29" s="224">
        <v>0</v>
      </c>
      <c r="KQ29" s="127"/>
      <c r="KR29" s="109">
        <v>0</v>
      </c>
      <c r="KS29" s="109">
        <v>233966</v>
      </c>
      <c r="KT29" s="109">
        <v>483840</v>
      </c>
      <c r="KU29" s="109">
        <v>0</v>
      </c>
      <c r="KV29" s="109">
        <v>251656</v>
      </c>
      <c r="KW29" s="110">
        <v>969462</v>
      </c>
      <c r="KX29" s="298">
        <v>969462</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0</v>
      </c>
      <c r="MK29" s="109">
        <v>243760</v>
      </c>
      <c r="ML29" s="109">
        <v>963842</v>
      </c>
      <c r="MM29" s="109">
        <v>1462624</v>
      </c>
      <c r="MN29" s="109">
        <v>813800</v>
      </c>
      <c r="MO29" s="110">
        <v>3484026</v>
      </c>
      <c r="MP29" s="130">
        <v>3484026</v>
      </c>
      <c r="MQ29" s="129">
        <v>0</v>
      </c>
      <c r="MR29" s="109">
        <v>0</v>
      </c>
      <c r="MS29" s="110">
        <v>0</v>
      </c>
      <c r="MT29" s="132"/>
      <c r="MU29" s="109">
        <v>0</v>
      </c>
      <c r="MV29" s="109">
        <v>0</v>
      </c>
      <c r="MW29" s="109">
        <v>248360</v>
      </c>
      <c r="MX29" s="109">
        <v>573458</v>
      </c>
      <c r="MY29" s="109">
        <v>813800</v>
      </c>
      <c r="MZ29" s="110">
        <v>1635618</v>
      </c>
      <c r="NA29" s="130">
        <v>1635618</v>
      </c>
      <c r="NB29" s="129">
        <v>0</v>
      </c>
      <c r="NC29" s="109">
        <v>0</v>
      </c>
      <c r="ND29" s="110">
        <v>0</v>
      </c>
      <c r="NE29" s="132"/>
      <c r="NF29" s="109">
        <v>0</v>
      </c>
      <c r="NG29" s="109">
        <v>243760</v>
      </c>
      <c r="NH29" s="109">
        <v>715482</v>
      </c>
      <c r="NI29" s="109">
        <v>889166</v>
      </c>
      <c r="NJ29" s="109">
        <v>0</v>
      </c>
      <c r="NK29" s="110">
        <v>1848408</v>
      </c>
      <c r="NL29" s="298">
        <v>1848408</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398330</v>
      </c>
      <c r="OJ29" s="109">
        <v>250778</v>
      </c>
      <c r="OK29" s="128">
        <v>649108</v>
      </c>
      <c r="OL29" s="108">
        <v>0</v>
      </c>
      <c r="OM29" s="109">
        <v>2095392</v>
      </c>
      <c r="ON29" s="109">
        <v>2751954</v>
      </c>
      <c r="OO29" s="109">
        <v>3477076</v>
      </c>
      <c r="OP29" s="109">
        <v>3744934</v>
      </c>
      <c r="OQ29" s="109">
        <v>3080635</v>
      </c>
      <c r="OR29" s="110">
        <v>15149991</v>
      </c>
      <c r="OS29" s="130">
        <v>15799099</v>
      </c>
    </row>
    <row r="30" spans="2:409" ht="21" customHeight="1" x14ac:dyDescent="0.2">
      <c r="B30" s="472" t="s">
        <v>25</v>
      </c>
      <c r="C30" s="100">
        <v>117876</v>
      </c>
      <c r="D30" s="104">
        <v>280010</v>
      </c>
      <c r="E30" s="103">
        <v>397886</v>
      </c>
      <c r="F30" s="99">
        <v>0</v>
      </c>
      <c r="G30" s="104">
        <v>1184694</v>
      </c>
      <c r="H30" s="104">
        <v>985325</v>
      </c>
      <c r="I30" s="104">
        <v>1424158</v>
      </c>
      <c r="J30" s="104">
        <v>1523420</v>
      </c>
      <c r="K30" s="104">
        <v>576675</v>
      </c>
      <c r="L30" s="160">
        <v>5694272</v>
      </c>
      <c r="M30" s="106">
        <v>6092158</v>
      </c>
      <c r="N30" s="100">
        <v>24755</v>
      </c>
      <c r="O30" s="104">
        <v>94768</v>
      </c>
      <c r="P30" s="103">
        <v>119523</v>
      </c>
      <c r="Q30" s="100">
        <v>0</v>
      </c>
      <c r="R30" s="104">
        <v>245365</v>
      </c>
      <c r="S30" s="104">
        <v>144916</v>
      </c>
      <c r="T30" s="104">
        <v>759829</v>
      </c>
      <c r="U30" s="104">
        <v>427219</v>
      </c>
      <c r="V30" s="104">
        <v>218628</v>
      </c>
      <c r="W30" s="103">
        <v>1795957</v>
      </c>
      <c r="X30" s="106">
        <v>1915480</v>
      </c>
      <c r="Y30" s="100">
        <v>0</v>
      </c>
      <c r="Z30" s="104">
        <v>0</v>
      </c>
      <c r="AA30" s="103">
        <v>0</v>
      </c>
      <c r="AB30" s="100">
        <v>0</v>
      </c>
      <c r="AC30" s="104">
        <v>155830</v>
      </c>
      <c r="AD30" s="104">
        <v>4972</v>
      </c>
      <c r="AE30" s="104">
        <v>339855</v>
      </c>
      <c r="AF30" s="104">
        <v>293093</v>
      </c>
      <c r="AG30" s="104">
        <v>3877</v>
      </c>
      <c r="AH30" s="103">
        <v>797627</v>
      </c>
      <c r="AI30" s="106">
        <v>797627</v>
      </c>
      <c r="AJ30" s="100">
        <v>0</v>
      </c>
      <c r="AK30" s="104">
        <v>0</v>
      </c>
      <c r="AL30" s="103">
        <v>0</v>
      </c>
      <c r="AM30" s="100">
        <v>0</v>
      </c>
      <c r="AN30" s="104">
        <v>0</v>
      </c>
      <c r="AO30" s="104">
        <v>0</v>
      </c>
      <c r="AP30" s="104">
        <v>58926</v>
      </c>
      <c r="AQ30" s="104">
        <v>0</v>
      </c>
      <c r="AR30" s="104">
        <v>35078</v>
      </c>
      <c r="AS30" s="103">
        <v>94004</v>
      </c>
      <c r="AT30" s="106">
        <v>94004</v>
      </c>
      <c r="AU30" s="100">
        <v>24755</v>
      </c>
      <c r="AV30" s="104">
        <v>19379</v>
      </c>
      <c r="AW30" s="103">
        <v>44134</v>
      </c>
      <c r="AX30" s="100">
        <v>0</v>
      </c>
      <c r="AY30" s="104">
        <v>32055</v>
      </c>
      <c r="AZ30" s="104">
        <v>116776</v>
      </c>
      <c r="BA30" s="104">
        <v>232397</v>
      </c>
      <c r="BB30" s="104">
        <v>100004</v>
      </c>
      <c r="BC30" s="104">
        <v>154993</v>
      </c>
      <c r="BD30" s="103">
        <v>636225</v>
      </c>
      <c r="BE30" s="106">
        <v>680359</v>
      </c>
      <c r="BF30" s="100">
        <v>0</v>
      </c>
      <c r="BG30" s="104">
        <v>57357</v>
      </c>
      <c r="BH30" s="102">
        <v>57357</v>
      </c>
      <c r="BI30" s="101">
        <v>0</v>
      </c>
      <c r="BJ30" s="104">
        <v>0</v>
      </c>
      <c r="BK30" s="104">
        <v>0</v>
      </c>
      <c r="BL30" s="104">
        <v>94907</v>
      </c>
      <c r="BM30" s="104">
        <v>5426</v>
      </c>
      <c r="BN30" s="104">
        <v>0</v>
      </c>
      <c r="BO30" s="103">
        <v>100333</v>
      </c>
      <c r="BP30" s="106">
        <v>157690</v>
      </c>
      <c r="BQ30" s="100">
        <v>0</v>
      </c>
      <c r="BR30" s="104">
        <v>18032</v>
      </c>
      <c r="BS30" s="103">
        <v>18032</v>
      </c>
      <c r="BT30" s="100">
        <v>0</v>
      </c>
      <c r="BU30" s="104">
        <v>57480</v>
      </c>
      <c r="BV30" s="104">
        <v>23168</v>
      </c>
      <c r="BW30" s="104">
        <v>33744</v>
      </c>
      <c r="BX30" s="104">
        <v>28696</v>
      </c>
      <c r="BY30" s="104">
        <v>24680</v>
      </c>
      <c r="BZ30" s="103">
        <v>167768</v>
      </c>
      <c r="CA30" s="106">
        <v>185800</v>
      </c>
      <c r="CB30" s="100">
        <v>78353</v>
      </c>
      <c r="CC30" s="104">
        <v>36431</v>
      </c>
      <c r="CD30" s="103">
        <v>114784</v>
      </c>
      <c r="CE30" s="100">
        <v>0</v>
      </c>
      <c r="CF30" s="104">
        <v>529418</v>
      </c>
      <c r="CG30" s="104">
        <v>502400</v>
      </c>
      <c r="CH30" s="104">
        <v>341498</v>
      </c>
      <c r="CI30" s="104">
        <v>416264</v>
      </c>
      <c r="CJ30" s="104">
        <v>217414</v>
      </c>
      <c r="CK30" s="103">
        <v>2006994</v>
      </c>
      <c r="CL30" s="106">
        <v>2121778</v>
      </c>
      <c r="CM30" s="100">
        <v>0</v>
      </c>
      <c r="CN30" s="104">
        <v>0</v>
      </c>
      <c r="CO30" s="103">
        <v>0</v>
      </c>
      <c r="CP30" s="101">
        <v>0</v>
      </c>
      <c r="CQ30" s="104">
        <v>338424</v>
      </c>
      <c r="CR30" s="104">
        <v>104047</v>
      </c>
      <c r="CS30" s="104">
        <v>86072</v>
      </c>
      <c r="CT30" s="104">
        <v>269992</v>
      </c>
      <c r="CU30" s="104">
        <v>0</v>
      </c>
      <c r="CV30" s="103">
        <v>798535</v>
      </c>
      <c r="CW30" s="106">
        <v>798535</v>
      </c>
      <c r="CX30" s="100">
        <v>78353</v>
      </c>
      <c r="CY30" s="104">
        <v>36431</v>
      </c>
      <c r="CZ30" s="103">
        <v>114784</v>
      </c>
      <c r="DA30" s="100">
        <v>0</v>
      </c>
      <c r="DB30" s="104">
        <v>190994</v>
      </c>
      <c r="DC30" s="104">
        <v>398353</v>
      </c>
      <c r="DD30" s="104">
        <v>255426</v>
      </c>
      <c r="DE30" s="104">
        <v>146272</v>
      </c>
      <c r="DF30" s="104">
        <v>217414</v>
      </c>
      <c r="DG30" s="103">
        <v>1208459</v>
      </c>
      <c r="DH30" s="106">
        <v>1323243</v>
      </c>
      <c r="DI30" s="100">
        <v>0</v>
      </c>
      <c r="DJ30" s="104">
        <v>0</v>
      </c>
      <c r="DK30" s="102">
        <v>0</v>
      </c>
      <c r="DL30" s="101">
        <v>0</v>
      </c>
      <c r="DM30" s="104">
        <v>50952</v>
      </c>
      <c r="DN30" s="104">
        <v>56192</v>
      </c>
      <c r="DO30" s="104">
        <v>0</v>
      </c>
      <c r="DP30" s="104">
        <v>104645</v>
      </c>
      <c r="DQ30" s="104">
        <v>0</v>
      </c>
      <c r="DR30" s="103">
        <v>211789</v>
      </c>
      <c r="DS30" s="106">
        <v>211789</v>
      </c>
      <c r="DT30" s="100">
        <v>0</v>
      </c>
      <c r="DU30" s="104">
        <v>0</v>
      </c>
      <c r="DV30" s="103">
        <v>0</v>
      </c>
      <c r="DW30" s="100">
        <v>0</v>
      </c>
      <c r="DX30" s="104">
        <v>50952</v>
      </c>
      <c r="DY30" s="104">
        <v>56192</v>
      </c>
      <c r="DZ30" s="104">
        <v>0</v>
      </c>
      <c r="EA30" s="104">
        <v>59661</v>
      </c>
      <c r="EB30" s="104">
        <v>0</v>
      </c>
      <c r="EC30" s="103">
        <v>166805</v>
      </c>
      <c r="ED30" s="106">
        <v>166805</v>
      </c>
      <c r="EE30" s="100">
        <v>0</v>
      </c>
      <c r="EF30" s="102">
        <v>0</v>
      </c>
      <c r="EG30" s="103">
        <v>0</v>
      </c>
      <c r="EH30" s="100">
        <v>0</v>
      </c>
      <c r="EI30" s="104">
        <v>0</v>
      </c>
      <c r="EJ30" s="104">
        <v>0</v>
      </c>
      <c r="EK30" s="104">
        <v>0</v>
      </c>
      <c r="EL30" s="104">
        <v>44984</v>
      </c>
      <c r="EM30" s="104">
        <v>0</v>
      </c>
      <c r="EN30" s="102">
        <v>44984</v>
      </c>
      <c r="EO30" s="106">
        <v>44984</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14768</v>
      </c>
      <c r="FM30" s="104">
        <v>56960</v>
      </c>
      <c r="FN30" s="103">
        <v>71728</v>
      </c>
      <c r="FO30" s="100">
        <v>0</v>
      </c>
      <c r="FP30" s="104">
        <v>30992</v>
      </c>
      <c r="FQ30" s="104">
        <v>96208</v>
      </c>
      <c r="FR30" s="104">
        <v>126656</v>
      </c>
      <c r="FS30" s="104">
        <v>132272</v>
      </c>
      <c r="FT30" s="104">
        <v>57728</v>
      </c>
      <c r="FU30" s="103">
        <v>443856</v>
      </c>
      <c r="FV30" s="106">
        <v>515584</v>
      </c>
      <c r="FW30" s="105">
        <v>14768</v>
      </c>
      <c r="FX30" s="104">
        <v>56960</v>
      </c>
      <c r="FY30" s="102">
        <v>71728</v>
      </c>
      <c r="FZ30" s="101">
        <v>0</v>
      </c>
      <c r="GA30" s="104">
        <v>30992</v>
      </c>
      <c r="GB30" s="104">
        <v>96208</v>
      </c>
      <c r="GC30" s="104">
        <v>126656</v>
      </c>
      <c r="GD30" s="104">
        <v>132272</v>
      </c>
      <c r="GE30" s="104">
        <v>57728</v>
      </c>
      <c r="GF30" s="103">
        <v>443856</v>
      </c>
      <c r="GG30" s="296">
        <v>515584</v>
      </c>
      <c r="GH30" s="105">
        <v>0</v>
      </c>
      <c r="GI30" s="104">
        <v>0</v>
      </c>
      <c r="GJ30" s="102">
        <v>0</v>
      </c>
      <c r="GK30" s="101">
        <v>0</v>
      </c>
      <c r="GL30" s="104">
        <v>0</v>
      </c>
      <c r="GM30" s="104">
        <v>0</v>
      </c>
      <c r="GN30" s="104">
        <v>0</v>
      </c>
      <c r="GO30" s="104">
        <v>0</v>
      </c>
      <c r="GP30" s="104">
        <v>0</v>
      </c>
      <c r="GQ30" s="103">
        <v>0</v>
      </c>
      <c r="GR30" s="106">
        <v>0</v>
      </c>
      <c r="GS30" s="100">
        <v>0</v>
      </c>
      <c r="GT30" s="104">
        <v>0</v>
      </c>
      <c r="GU30" s="103">
        <v>0</v>
      </c>
      <c r="GV30" s="100">
        <v>0</v>
      </c>
      <c r="GW30" s="104">
        <v>0</v>
      </c>
      <c r="GX30" s="104">
        <v>0</v>
      </c>
      <c r="GY30" s="104">
        <v>0</v>
      </c>
      <c r="GZ30" s="104">
        <v>0</v>
      </c>
      <c r="HA30" s="104">
        <v>0</v>
      </c>
      <c r="HB30" s="102">
        <v>0</v>
      </c>
      <c r="HC30" s="106">
        <v>0</v>
      </c>
      <c r="HD30" s="100">
        <v>0</v>
      </c>
      <c r="HE30" s="104">
        <v>91851</v>
      </c>
      <c r="HF30" s="102">
        <v>91851</v>
      </c>
      <c r="HG30" s="101">
        <v>0</v>
      </c>
      <c r="HH30" s="104">
        <v>327967</v>
      </c>
      <c r="HI30" s="104">
        <v>185609</v>
      </c>
      <c r="HJ30" s="104">
        <v>196175</v>
      </c>
      <c r="HK30" s="104">
        <v>443020</v>
      </c>
      <c r="HL30" s="104">
        <v>82905</v>
      </c>
      <c r="HM30" s="103">
        <v>1235676</v>
      </c>
      <c r="HN30" s="99">
        <v>1327527</v>
      </c>
      <c r="HO30" s="306"/>
      <c r="HP30" s="307"/>
      <c r="HQ30" s="308"/>
      <c r="HR30" s="309"/>
      <c r="HS30" s="307"/>
      <c r="HT30" s="307"/>
      <c r="HU30" s="307"/>
      <c r="HV30" s="307"/>
      <c r="HW30" s="307"/>
      <c r="HX30" s="310"/>
      <c r="HY30" s="311"/>
      <c r="HZ30" s="137">
        <v>41280</v>
      </c>
      <c r="IA30" s="122">
        <v>0</v>
      </c>
      <c r="IB30" s="137">
        <v>41280</v>
      </c>
      <c r="IC30" s="121">
        <v>0</v>
      </c>
      <c r="ID30" s="122">
        <v>185021</v>
      </c>
      <c r="IE30" s="123">
        <v>59363</v>
      </c>
      <c r="IF30" s="124">
        <v>54900</v>
      </c>
      <c r="IG30" s="122">
        <v>0</v>
      </c>
      <c r="IH30" s="124">
        <v>0</v>
      </c>
      <c r="II30" s="125">
        <v>299284</v>
      </c>
      <c r="IJ30" s="137">
        <v>340564</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185021</v>
      </c>
      <c r="JL30" s="109">
        <v>59363</v>
      </c>
      <c r="JM30" s="109">
        <v>54900</v>
      </c>
      <c r="JN30" s="109">
        <v>0</v>
      </c>
      <c r="JO30" s="109">
        <v>0</v>
      </c>
      <c r="JP30" s="110">
        <v>299284</v>
      </c>
      <c r="JQ30" s="298">
        <v>299284</v>
      </c>
      <c r="JR30" s="129">
        <v>0</v>
      </c>
      <c r="JS30" s="109">
        <v>0</v>
      </c>
      <c r="JT30" s="128">
        <v>0</v>
      </c>
      <c r="JU30" s="108">
        <v>0</v>
      </c>
      <c r="JV30" s="109">
        <v>0</v>
      </c>
      <c r="JW30" s="109">
        <v>0</v>
      </c>
      <c r="JX30" s="109">
        <v>0</v>
      </c>
      <c r="JY30" s="109">
        <v>0</v>
      </c>
      <c r="JZ30" s="109">
        <v>0</v>
      </c>
      <c r="KA30" s="110">
        <v>0</v>
      </c>
      <c r="KB30" s="298">
        <v>0</v>
      </c>
      <c r="KC30" s="221">
        <v>41280</v>
      </c>
      <c r="KD30" s="217">
        <v>0</v>
      </c>
      <c r="KE30" s="110">
        <v>41280</v>
      </c>
      <c r="KF30" s="108">
        <v>0</v>
      </c>
      <c r="KG30" s="109">
        <v>0</v>
      </c>
      <c r="KH30" s="109">
        <v>0</v>
      </c>
      <c r="KI30" s="109">
        <v>0</v>
      </c>
      <c r="KJ30" s="109">
        <v>0</v>
      </c>
      <c r="KK30" s="109">
        <v>0</v>
      </c>
      <c r="KL30" s="110">
        <v>0</v>
      </c>
      <c r="KM30" s="130">
        <v>41280</v>
      </c>
      <c r="KN30" s="219">
        <v>0</v>
      </c>
      <c r="KO30" s="223">
        <v>0</v>
      </c>
      <c r="KP30" s="224">
        <v>0</v>
      </c>
      <c r="KQ30" s="127"/>
      <c r="KR30" s="109">
        <v>0</v>
      </c>
      <c r="KS30" s="109">
        <v>0</v>
      </c>
      <c r="KT30" s="109">
        <v>0</v>
      </c>
      <c r="KU30" s="109">
        <v>0</v>
      </c>
      <c r="KV30" s="109">
        <v>0</v>
      </c>
      <c r="KW30" s="110">
        <v>0</v>
      </c>
      <c r="KX30" s="298">
        <v>0</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342809</v>
      </c>
      <c r="MK30" s="109">
        <v>208531</v>
      </c>
      <c r="ML30" s="109">
        <v>1416941</v>
      </c>
      <c r="MM30" s="109">
        <v>578803</v>
      </c>
      <c r="MN30" s="109">
        <v>828365</v>
      </c>
      <c r="MO30" s="110">
        <v>3375449</v>
      </c>
      <c r="MP30" s="130">
        <v>3375449</v>
      </c>
      <c r="MQ30" s="129">
        <v>0</v>
      </c>
      <c r="MR30" s="109">
        <v>0</v>
      </c>
      <c r="MS30" s="110">
        <v>0</v>
      </c>
      <c r="MT30" s="132"/>
      <c r="MU30" s="109">
        <v>0</v>
      </c>
      <c r="MV30" s="109">
        <v>208531</v>
      </c>
      <c r="MW30" s="109">
        <v>1032766</v>
      </c>
      <c r="MX30" s="109">
        <v>255063</v>
      </c>
      <c r="MY30" s="109">
        <v>538474</v>
      </c>
      <c r="MZ30" s="110">
        <v>2034834</v>
      </c>
      <c r="NA30" s="130">
        <v>2034834</v>
      </c>
      <c r="NB30" s="129">
        <v>0</v>
      </c>
      <c r="NC30" s="109">
        <v>0</v>
      </c>
      <c r="ND30" s="110">
        <v>0</v>
      </c>
      <c r="NE30" s="132"/>
      <c r="NF30" s="109">
        <v>342809</v>
      </c>
      <c r="NG30" s="109">
        <v>0</v>
      </c>
      <c r="NH30" s="109">
        <v>384175</v>
      </c>
      <c r="NI30" s="109">
        <v>323740</v>
      </c>
      <c r="NJ30" s="109">
        <v>289891</v>
      </c>
      <c r="NK30" s="110">
        <v>1340615</v>
      </c>
      <c r="NL30" s="298">
        <v>1340615</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0</v>
      </c>
      <c r="OG30" s="110">
        <v>0</v>
      </c>
      <c r="OH30" s="111">
        <v>0</v>
      </c>
      <c r="OI30" s="129">
        <v>159156</v>
      </c>
      <c r="OJ30" s="109">
        <v>280010</v>
      </c>
      <c r="OK30" s="128">
        <v>439166</v>
      </c>
      <c r="OL30" s="108">
        <v>0</v>
      </c>
      <c r="OM30" s="109">
        <v>1712524</v>
      </c>
      <c r="ON30" s="109">
        <v>1253219</v>
      </c>
      <c r="OO30" s="109">
        <v>2895999</v>
      </c>
      <c r="OP30" s="109">
        <v>2102223</v>
      </c>
      <c r="OQ30" s="109">
        <v>1405040</v>
      </c>
      <c r="OR30" s="110">
        <v>9369005</v>
      </c>
      <c r="OS30" s="130">
        <v>9808171</v>
      </c>
    </row>
    <row r="31" spans="2:409" ht="21" customHeight="1" x14ac:dyDescent="0.2">
      <c r="B31" s="472" t="s">
        <v>26</v>
      </c>
      <c r="C31" s="100">
        <v>98398</v>
      </c>
      <c r="D31" s="104">
        <v>39270</v>
      </c>
      <c r="E31" s="103">
        <v>137668</v>
      </c>
      <c r="F31" s="99">
        <v>0</v>
      </c>
      <c r="G31" s="104">
        <v>1267114</v>
      </c>
      <c r="H31" s="104">
        <v>1557354</v>
      </c>
      <c r="I31" s="104">
        <v>1523064</v>
      </c>
      <c r="J31" s="104">
        <v>559555</v>
      </c>
      <c r="K31" s="104">
        <v>779522</v>
      </c>
      <c r="L31" s="160">
        <v>5686609</v>
      </c>
      <c r="M31" s="106">
        <v>5824277</v>
      </c>
      <c r="N31" s="100">
        <v>14128</v>
      </c>
      <c r="O31" s="104">
        <v>13270</v>
      </c>
      <c r="P31" s="103">
        <v>27398</v>
      </c>
      <c r="Q31" s="100">
        <v>0</v>
      </c>
      <c r="R31" s="104">
        <v>356580</v>
      </c>
      <c r="S31" s="104">
        <v>526873</v>
      </c>
      <c r="T31" s="104">
        <v>767210</v>
      </c>
      <c r="U31" s="104">
        <v>275964</v>
      </c>
      <c r="V31" s="104">
        <v>650982</v>
      </c>
      <c r="W31" s="103">
        <v>2577609</v>
      </c>
      <c r="X31" s="106">
        <v>2605007</v>
      </c>
      <c r="Y31" s="100">
        <v>0</v>
      </c>
      <c r="Z31" s="104">
        <v>0</v>
      </c>
      <c r="AA31" s="103">
        <v>0</v>
      </c>
      <c r="AB31" s="100">
        <v>0</v>
      </c>
      <c r="AC31" s="104">
        <v>261456</v>
      </c>
      <c r="AD31" s="104">
        <v>264270</v>
      </c>
      <c r="AE31" s="104">
        <v>423289</v>
      </c>
      <c r="AF31" s="104">
        <v>123184</v>
      </c>
      <c r="AG31" s="104">
        <v>486173</v>
      </c>
      <c r="AH31" s="103">
        <v>1558372</v>
      </c>
      <c r="AI31" s="106">
        <v>1558372</v>
      </c>
      <c r="AJ31" s="100">
        <v>0</v>
      </c>
      <c r="AK31" s="104">
        <v>0</v>
      </c>
      <c r="AL31" s="103">
        <v>0</v>
      </c>
      <c r="AM31" s="100">
        <v>0</v>
      </c>
      <c r="AN31" s="104">
        <v>0</v>
      </c>
      <c r="AO31" s="104">
        <v>0</v>
      </c>
      <c r="AP31" s="104">
        <v>0</v>
      </c>
      <c r="AQ31" s="104">
        <v>105228</v>
      </c>
      <c r="AR31" s="104">
        <v>0</v>
      </c>
      <c r="AS31" s="103">
        <v>105228</v>
      </c>
      <c r="AT31" s="106">
        <v>105228</v>
      </c>
      <c r="AU31" s="100">
        <v>0</v>
      </c>
      <c r="AV31" s="104">
        <v>13270</v>
      </c>
      <c r="AW31" s="103">
        <v>13270</v>
      </c>
      <c r="AX31" s="100">
        <v>0</v>
      </c>
      <c r="AY31" s="104">
        <v>89668</v>
      </c>
      <c r="AZ31" s="104">
        <v>107586</v>
      </c>
      <c r="BA31" s="104">
        <v>253809</v>
      </c>
      <c r="BB31" s="104">
        <v>0</v>
      </c>
      <c r="BC31" s="104">
        <v>132077</v>
      </c>
      <c r="BD31" s="103">
        <v>583140</v>
      </c>
      <c r="BE31" s="106">
        <v>596410</v>
      </c>
      <c r="BF31" s="100">
        <v>0</v>
      </c>
      <c r="BG31" s="104">
        <v>0</v>
      </c>
      <c r="BH31" s="102">
        <v>0</v>
      </c>
      <c r="BI31" s="101">
        <v>0</v>
      </c>
      <c r="BJ31" s="104">
        <v>0</v>
      </c>
      <c r="BK31" s="104">
        <v>83961</v>
      </c>
      <c r="BL31" s="104">
        <v>0</v>
      </c>
      <c r="BM31" s="104">
        <v>0</v>
      </c>
      <c r="BN31" s="104">
        <v>7900</v>
      </c>
      <c r="BO31" s="103">
        <v>91861</v>
      </c>
      <c r="BP31" s="106">
        <v>91861</v>
      </c>
      <c r="BQ31" s="100">
        <v>14128</v>
      </c>
      <c r="BR31" s="104">
        <v>0</v>
      </c>
      <c r="BS31" s="103">
        <v>14128</v>
      </c>
      <c r="BT31" s="100">
        <v>0</v>
      </c>
      <c r="BU31" s="104">
        <v>5456</v>
      </c>
      <c r="BV31" s="104">
        <v>71056</v>
      </c>
      <c r="BW31" s="104">
        <v>90112</v>
      </c>
      <c r="BX31" s="104">
        <v>47552</v>
      </c>
      <c r="BY31" s="104">
        <v>24832</v>
      </c>
      <c r="BZ31" s="103">
        <v>239008</v>
      </c>
      <c r="CA31" s="106">
        <v>253136</v>
      </c>
      <c r="CB31" s="100">
        <v>0</v>
      </c>
      <c r="CC31" s="104">
        <v>0</v>
      </c>
      <c r="CD31" s="103">
        <v>0</v>
      </c>
      <c r="CE31" s="100">
        <v>0</v>
      </c>
      <c r="CF31" s="104">
        <v>544457</v>
      </c>
      <c r="CG31" s="104">
        <v>589396</v>
      </c>
      <c r="CH31" s="104">
        <v>364876</v>
      </c>
      <c r="CI31" s="104">
        <v>100705</v>
      </c>
      <c r="CJ31" s="104">
        <v>0</v>
      </c>
      <c r="CK31" s="103">
        <v>1599434</v>
      </c>
      <c r="CL31" s="106">
        <v>1599434</v>
      </c>
      <c r="CM31" s="100">
        <v>0</v>
      </c>
      <c r="CN31" s="104">
        <v>0</v>
      </c>
      <c r="CO31" s="103">
        <v>0</v>
      </c>
      <c r="CP31" s="101">
        <v>0</v>
      </c>
      <c r="CQ31" s="104">
        <v>350296</v>
      </c>
      <c r="CR31" s="104">
        <v>411283</v>
      </c>
      <c r="CS31" s="104">
        <v>280287</v>
      </c>
      <c r="CT31" s="104">
        <v>0</v>
      </c>
      <c r="CU31" s="104">
        <v>0</v>
      </c>
      <c r="CV31" s="103">
        <v>1041866</v>
      </c>
      <c r="CW31" s="106">
        <v>1041866</v>
      </c>
      <c r="CX31" s="100">
        <v>0</v>
      </c>
      <c r="CY31" s="104">
        <v>0</v>
      </c>
      <c r="CZ31" s="103">
        <v>0</v>
      </c>
      <c r="DA31" s="100">
        <v>0</v>
      </c>
      <c r="DB31" s="104">
        <v>194161</v>
      </c>
      <c r="DC31" s="104">
        <v>178113</v>
      </c>
      <c r="DD31" s="104">
        <v>84589</v>
      </c>
      <c r="DE31" s="104">
        <v>100705</v>
      </c>
      <c r="DF31" s="104">
        <v>0</v>
      </c>
      <c r="DG31" s="103">
        <v>557568</v>
      </c>
      <c r="DH31" s="106">
        <v>557568</v>
      </c>
      <c r="DI31" s="100">
        <v>0</v>
      </c>
      <c r="DJ31" s="104">
        <v>0</v>
      </c>
      <c r="DK31" s="102">
        <v>0</v>
      </c>
      <c r="DL31" s="101">
        <v>0</v>
      </c>
      <c r="DM31" s="104">
        <v>113825</v>
      </c>
      <c r="DN31" s="104">
        <v>157379</v>
      </c>
      <c r="DO31" s="104">
        <v>79678</v>
      </c>
      <c r="DP31" s="104">
        <v>99142</v>
      </c>
      <c r="DQ31" s="104">
        <v>71916</v>
      </c>
      <c r="DR31" s="103">
        <v>521940</v>
      </c>
      <c r="DS31" s="106">
        <v>521940</v>
      </c>
      <c r="DT31" s="100">
        <v>0</v>
      </c>
      <c r="DU31" s="104">
        <v>0</v>
      </c>
      <c r="DV31" s="103">
        <v>0</v>
      </c>
      <c r="DW31" s="100">
        <v>0</v>
      </c>
      <c r="DX31" s="104">
        <v>113825</v>
      </c>
      <c r="DY31" s="104">
        <v>157379</v>
      </c>
      <c r="DZ31" s="104">
        <v>0</v>
      </c>
      <c r="EA31" s="104">
        <v>0</v>
      </c>
      <c r="EB31" s="104">
        <v>71916</v>
      </c>
      <c r="EC31" s="103">
        <v>343120</v>
      </c>
      <c r="ED31" s="106">
        <v>343120</v>
      </c>
      <c r="EE31" s="100">
        <v>0</v>
      </c>
      <c r="EF31" s="102">
        <v>0</v>
      </c>
      <c r="EG31" s="103">
        <v>0</v>
      </c>
      <c r="EH31" s="100">
        <v>0</v>
      </c>
      <c r="EI31" s="104">
        <v>0</v>
      </c>
      <c r="EJ31" s="104">
        <v>0</v>
      </c>
      <c r="EK31" s="104">
        <v>79678</v>
      </c>
      <c r="EL31" s="104">
        <v>99142</v>
      </c>
      <c r="EM31" s="104">
        <v>0</v>
      </c>
      <c r="EN31" s="102">
        <v>178820</v>
      </c>
      <c r="EO31" s="106">
        <v>178820</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30240</v>
      </c>
      <c r="FM31" s="104">
        <v>26000</v>
      </c>
      <c r="FN31" s="103">
        <v>56240</v>
      </c>
      <c r="FO31" s="100">
        <v>0</v>
      </c>
      <c r="FP31" s="104">
        <v>95040</v>
      </c>
      <c r="FQ31" s="104">
        <v>105888</v>
      </c>
      <c r="FR31" s="104">
        <v>108144</v>
      </c>
      <c r="FS31" s="104">
        <v>83744</v>
      </c>
      <c r="FT31" s="104">
        <v>56624</v>
      </c>
      <c r="FU31" s="103">
        <v>449440</v>
      </c>
      <c r="FV31" s="106">
        <v>505680</v>
      </c>
      <c r="FW31" s="105">
        <v>30240</v>
      </c>
      <c r="FX31" s="104">
        <v>26000</v>
      </c>
      <c r="FY31" s="102">
        <v>56240</v>
      </c>
      <c r="FZ31" s="101">
        <v>0</v>
      </c>
      <c r="GA31" s="104">
        <v>95040</v>
      </c>
      <c r="GB31" s="104">
        <v>105888</v>
      </c>
      <c r="GC31" s="104">
        <v>108144</v>
      </c>
      <c r="GD31" s="104">
        <v>83744</v>
      </c>
      <c r="GE31" s="104">
        <v>56624</v>
      </c>
      <c r="GF31" s="103">
        <v>449440</v>
      </c>
      <c r="GG31" s="296">
        <v>505680</v>
      </c>
      <c r="GH31" s="105">
        <v>0</v>
      </c>
      <c r="GI31" s="104">
        <v>0</v>
      </c>
      <c r="GJ31" s="102">
        <v>0</v>
      </c>
      <c r="GK31" s="101">
        <v>0</v>
      </c>
      <c r="GL31" s="104">
        <v>0</v>
      </c>
      <c r="GM31" s="104">
        <v>0</v>
      </c>
      <c r="GN31" s="104">
        <v>0</v>
      </c>
      <c r="GO31" s="104">
        <v>0</v>
      </c>
      <c r="GP31" s="104">
        <v>0</v>
      </c>
      <c r="GQ31" s="103">
        <v>0</v>
      </c>
      <c r="GR31" s="106">
        <v>0</v>
      </c>
      <c r="GS31" s="100">
        <v>0</v>
      </c>
      <c r="GT31" s="104">
        <v>0</v>
      </c>
      <c r="GU31" s="103">
        <v>0</v>
      </c>
      <c r="GV31" s="100">
        <v>0</v>
      </c>
      <c r="GW31" s="104">
        <v>0</v>
      </c>
      <c r="GX31" s="104">
        <v>0</v>
      </c>
      <c r="GY31" s="104">
        <v>0</v>
      </c>
      <c r="GZ31" s="104">
        <v>0</v>
      </c>
      <c r="HA31" s="104">
        <v>0</v>
      </c>
      <c r="HB31" s="102">
        <v>0</v>
      </c>
      <c r="HC31" s="106">
        <v>0</v>
      </c>
      <c r="HD31" s="100">
        <v>54030</v>
      </c>
      <c r="HE31" s="104">
        <v>0</v>
      </c>
      <c r="HF31" s="102">
        <v>54030</v>
      </c>
      <c r="HG31" s="101">
        <v>0</v>
      </c>
      <c r="HH31" s="104">
        <v>157212</v>
      </c>
      <c r="HI31" s="104">
        <v>177818</v>
      </c>
      <c r="HJ31" s="104">
        <v>203156</v>
      </c>
      <c r="HK31" s="104">
        <v>0</v>
      </c>
      <c r="HL31" s="104">
        <v>0</v>
      </c>
      <c r="HM31" s="103">
        <v>538186</v>
      </c>
      <c r="HN31" s="99">
        <v>592216</v>
      </c>
      <c r="HO31" s="306"/>
      <c r="HP31" s="307"/>
      <c r="HQ31" s="308"/>
      <c r="HR31" s="309"/>
      <c r="HS31" s="307"/>
      <c r="HT31" s="307"/>
      <c r="HU31" s="307"/>
      <c r="HV31" s="307"/>
      <c r="HW31" s="307"/>
      <c r="HX31" s="310"/>
      <c r="HY31" s="311"/>
      <c r="HZ31" s="118">
        <v>0</v>
      </c>
      <c r="IA31" s="119">
        <v>0</v>
      </c>
      <c r="IB31" s="120">
        <v>0</v>
      </c>
      <c r="IC31" s="133">
        <v>0</v>
      </c>
      <c r="ID31" s="119">
        <v>167974</v>
      </c>
      <c r="IE31" s="134">
        <v>703176</v>
      </c>
      <c r="IF31" s="120">
        <v>433614</v>
      </c>
      <c r="IG31" s="119">
        <v>24491</v>
      </c>
      <c r="IH31" s="120">
        <v>0</v>
      </c>
      <c r="II31" s="135">
        <v>1329255</v>
      </c>
      <c r="IJ31" s="126">
        <v>1329255</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167974</v>
      </c>
      <c r="JL31" s="109">
        <v>412792</v>
      </c>
      <c r="JM31" s="109">
        <v>25995</v>
      </c>
      <c r="JN31" s="109">
        <v>24491</v>
      </c>
      <c r="JO31" s="109">
        <v>0</v>
      </c>
      <c r="JP31" s="110">
        <v>631252</v>
      </c>
      <c r="JQ31" s="298">
        <v>631252</v>
      </c>
      <c r="JR31" s="129">
        <v>0</v>
      </c>
      <c r="JS31" s="109">
        <v>0</v>
      </c>
      <c r="JT31" s="128">
        <v>0</v>
      </c>
      <c r="JU31" s="108">
        <v>0</v>
      </c>
      <c r="JV31" s="109">
        <v>0</v>
      </c>
      <c r="JW31" s="109">
        <v>49220</v>
      </c>
      <c r="JX31" s="109">
        <v>150065</v>
      </c>
      <c r="JY31" s="109">
        <v>0</v>
      </c>
      <c r="JZ31" s="109">
        <v>0</v>
      </c>
      <c r="KA31" s="110">
        <v>199285</v>
      </c>
      <c r="KB31" s="298">
        <v>199285</v>
      </c>
      <c r="KC31" s="221">
        <v>0</v>
      </c>
      <c r="KD31" s="217">
        <v>0</v>
      </c>
      <c r="KE31" s="110">
        <v>0</v>
      </c>
      <c r="KF31" s="108">
        <v>0</v>
      </c>
      <c r="KG31" s="109">
        <v>0</v>
      </c>
      <c r="KH31" s="109">
        <v>0</v>
      </c>
      <c r="KI31" s="109">
        <v>0</v>
      </c>
      <c r="KJ31" s="109">
        <v>0</v>
      </c>
      <c r="KK31" s="109">
        <v>0</v>
      </c>
      <c r="KL31" s="110">
        <v>0</v>
      </c>
      <c r="KM31" s="130">
        <v>0</v>
      </c>
      <c r="KN31" s="219">
        <v>0</v>
      </c>
      <c r="KO31" s="223">
        <v>0</v>
      </c>
      <c r="KP31" s="224">
        <v>0</v>
      </c>
      <c r="KQ31" s="127"/>
      <c r="KR31" s="109">
        <v>0</v>
      </c>
      <c r="KS31" s="109">
        <v>241164</v>
      </c>
      <c r="KT31" s="109">
        <v>257554</v>
      </c>
      <c r="KU31" s="109">
        <v>0</v>
      </c>
      <c r="KV31" s="109">
        <v>0</v>
      </c>
      <c r="KW31" s="110">
        <v>498718</v>
      </c>
      <c r="KX31" s="298">
        <v>498718</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0</v>
      </c>
      <c r="MK31" s="109">
        <v>248081</v>
      </c>
      <c r="ML31" s="109">
        <v>983989</v>
      </c>
      <c r="MM31" s="109">
        <v>1031301</v>
      </c>
      <c r="MN31" s="109">
        <v>275457</v>
      </c>
      <c r="MO31" s="110">
        <v>2538828</v>
      </c>
      <c r="MP31" s="130">
        <v>2538828</v>
      </c>
      <c r="MQ31" s="129">
        <v>0</v>
      </c>
      <c r="MR31" s="109">
        <v>0</v>
      </c>
      <c r="MS31" s="110">
        <v>0</v>
      </c>
      <c r="MT31" s="132"/>
      <c r="MU31" s="109">
        <v>0</v>
      </c>
      <c r="MV31" s="109">
        <v>0</v>
      </c>
      <c r="MW31" s="109">
        <v>719041</v>
      </c>
      <c r="MX31" s="109">
        <v>1031301</v>
      </c>
      <c r="MY31" s="109">
        <v>275457</v>
      </c>
      <c r="MZ31" s="110">
        <v>2025799</v>
      </c>
      <c r="NA31" s="130">
        <v>2025799</v>
      </c>
      <c r="NB31" s="129">
        <v>0</v>
      </c>
      <c r="NC31" s="109">
        <v>0</v>
      </c>
      <c r="ND31" s="110">
        <v>0</v>
      </c>
      <c r="NE31" s="132"/>
      <c r="NF31" s="109">
        <v>0</v>
      </c>
      <c r="NG31" s="109">
        <v>248081</v>
      </c>
      <c r="NH31" s="109">
        <v>264948</v>
      </c>
      <c r="NI31" s="109">
        <v>0</v>
      </c>
      <c r="NJ31" s="109">
        <v>0</v>
      </c>
      <c r="NK31" s="110">
        <v>513029</v>
      </c>
      <c r="NL31" s="298">
        <v>513029</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98398</v>
      </c>
      <c r="OJ31" s="109">
        <v>39270</v>
      </c>
      <c r="OK31" s="128">
        <v>137668</v>
      </c>
      <c r="OL31" s="108">
        <v>0</v>
      </c>
      <c r="OM31" s="109">
        <v>1435088</v>
      </c>
      <c r="ON31" s="109">
        <v>2508611</v>
      </c>
      <c r="OO31" s="109">
        <v>2940667</v>
      </c>
      <c r="OP31" s="109">
        <v>1615347</v>
      </c>
      <c r="OQ31" s="109">
        <v>1054979</v>
      </c>
      <c r="OR31" s="110">
        <v>9554692</v>
      </c>
      <c r="OS31" s="130">
        <v>9692360</v>
      </c>
    </row>
    <row r="32" spans="2:409" ht="21" customHeight="1" x14ac:dyDescent="0.2">
      <c r="B32" s="472" t="s">
        <v>27</v>
      </c>
      <c r="C32" s="100">
        <v>76665</v>
      </c>
      <c r="D32" s="104">
        <v>375452</v>
      </c>
      <c r="E32" s="103">
        <v>452117</v>
      </c>
      <c r="F32" s="99">
        <v>0</v>
      </c>
      <c r="G32" s="104">
        <v>1429474</v>
      </c>
      <c r="H32" s="104">
        <v>1670586</v>
      </c>
      <c r="I32" s="104">
        <v>1437487</v>
      </c>
      <c r="J32" s="104">
        <v>1426874</v>
      </c>
      <c r="K32" s="104">
        <v>610068</v>
      </c>
      <c r="L32" s="160">
        <v>6574489</v>
      </c>
      <c r="M32" s="106">
        <v>7026606</v>
      </c>
      <c r="N32" s="100">
        <v>15056</v>
      </c>
      <c r="O32" s="104">
        <v>155462</v>
      </c>
      <c r="P32" s="103">
        <v>170518</v>
      </c>
      <c r="Q32" s="100">
        <v>0</v>
      </c>
      <c r="R32" s="104">
        <v>444492</v>
      </c>
      <c r="S32" s="104">
        <v>526993</v>
      </c>
      <c r="T32" s="104">
        <v>601893</v>
      </c>
      <c r="U32" s="104">
        <v>465010</v>
      </c>
      <c r="V32" s="104">
        <v>589060</v>
      </c>
      <c r="W32" s="103">
        <v>2627448</v>
      </c>
      <c r="X32" s="106">
        <v>2797966</v>
      </c>
      <c r="Y32" s="100">
        <v>0</v>
      </c>
      <c r="Z32" s="104">
        <v>0</v>
      </c>
      <c r="AA32" s="103">
        <v>0</v>
      </c>
      <c r="AB32" s="100">
        <v>0</v>
      </c>
      <c r="AC32" s="104">
        <v>190491</v>
      </c>
      <c r="AD32" s="104">
        <v>199451</v>
      </c>
      <c r="AE32" s="104">
        <v>411433</v>
      </c>
      <c r="AF32" s="104">
        <v>197096</v>
      </c>
      <c r="AG32" s="104">
        <v>429176</v>
      </c>
      <c r="AH32" s="103">
        <v>1427647</v>
      </c>
      <c r="AI32" s="106">
        <v>1427647</v>
      </c>
      <c r="AJ32" s="100">
        <v>0</v>
      </c>
      <c r="AK32" s="104">
        <v>0</v>
      </c>
      <c r="AL32" s="103">
        <v>0</v>
      </c>
      <c r="AM32" s="100">
        <v>0</v>
      </c>
      <c r="AN32" s="104">
        <v>0</v>
      </c>
      <c r="AO32" s="104">
        <v>13195</v>
      </c>
      <c r="AP32" s="104">
        <v>56926</v>
      </c>
      <c r="AQ32" s="104">
        <v>56926</v>
      </c>
      <c r="AR32" s="104">
        <v>0</v>
      </c>
      <c r="AS32" s="103">
        <v>127047</v>
      </c>
      <c r="AT32" s="106">
        <v>127047</v>
      </c>
      <c r="AU32" s="100">
        <v>0</v>
      </c>
      <c r="AV32" s="104">
        <v>150350</v>
      </c>
      <c r="AW32" s="103">
        <v>150350</v>
      </c>
      <c r="AX32" s="100">
        <v>0</v>
      </c>
      <c r="AY32" s="104">
        <v>190465</v>
      </c>
      <c r="AZ32" s="104">
        <v>218110</v>
      </c>
      <c r="BA32" s="104">
        <v>118318</v>
      </c>
      <c r="BB32" s="104">
        <v>142268</v>
      </c>
      <c r="BC32" s="104">
        <v>135916</v>
      </c>
      <c r="BD32" s="103">
        <v>805077</v>
      </c>
      <c r="BE32" s="106">
        <v>955427</v>
      </c>
      <c r="BF32" s="100">
        <v>0</v>
      </c>
      <c r="BG32" s="104">
        <v>0</v>
      </c>
      <c r="BH32" s="102">
        <v>0</v>
      </c>
      <c r="BI32" s="101">
        <v>0</v>
      </c>
      <c r="BJ32" s="104">
        <v>0</v>
      </c>
      <c r="BK32" s="104">
        <v>39501</v>
      </c>
      <c r="BL32" s="104">
        <v>0</v>
      </c>
      <c r="BM32" s="104">
        <v>0</v>
      </c>
      <c r="BN32" s="104">
        <v>0</v>
      </c>
      <c r="BO32" s="103">
        <v>39501</v>
      </c>
      <c r="BP32" s="106">
        <v>39501</v>
      </c>
      <c r="BQ32" s="100">
        <v>15056</v>
      </c>
      <c r="BR32" s="104">
        <v>5112</v>
      </c>
      <c r="BS32" s="103">
        <v>20168</v>
      </c>
      <c r="BT32" s="100">
        <v>0</v>
      </c>
      <c r="BU32" s="104">
        <v>63536</v>
      </c>
      <c r="BV32" s="104">
        <v>56736</v>
      </c>
      <c r="BW32" s="104">
        <v>15216</v>
      </c>
      <c r="BX32" s="104">
        <v>68720</v>
      </c>
      <c r="BY32" s="104">
        <v>23968</v>
      </c>
      <c r="BZ32" s="103">
        <v>228176</v>
      </c>
      <c r="CA32" s="106">
        <v>248344</v>
      </c>
      <c r="CB32" s="100">
        <v>0</v>
      </c>
      <c r="CC32" s="104">
        <v>79762</v>
      </c>
      <c r="CD32" s="103">
        <v>79762</v>
      </c>
      <c r="CE32" s="100">
        <v>0</v>
      </c>
      <c r="CF32" s="104">
        <v>571030</v>
      </c>
      <c r="CG32" s="104">
        <v>845685</v>
      </c>
      <c r="CH32" s="104">
        <v>465930</v>
      </c>
      <c r="CI32" s="104">
        <v>82972</v>
      </c>
      <c r="CJ32" s="104">
        <v>0</v>
      </c>
      <c r="CK32" s="103">
        <v>1965617</v>
      </c>
      <c r="CL32" s="106">
        <v>2045379</v>
      </c>
      <c r="CM32" s="100">
        <v>0</v>
      </c>
      <c r="CN32" s="104">
        <v>0</v>
      </c>
      <c r="CO32" s="103">
        <v>0</v>
      </c>
      <c r="CP32" s="101">
        <v>0</v>
      </c>
      <c r="CQ32" s="104">
        <v>519146</v>
      </c>
      <c r="CR32" s="104">
        <v>657152</v>
      </c>
      <c r="CS32" s="104">
        <v>299511</v>
      </c>
      <c r="CT32" s="104">
        <v>82972</v>
      </c>
      <c r="CU32" s="104">
        <v>0</v>
      </c>
      <c r="CV32" s="103">
        <v>1558781</v>
      </c>
      <c r="CW32" s="106">
        <v>1558781</v>
      </c>
      <c r="CX32" s="100">
        <v>0</v>
      </c>
      <c r="CY32" s="104">
        <v>79762</v>
      </c>
      <c r="CZ32" s="103">
        <v>79762</v>
      </c>
      <c r="DA32" s="100">
        <v>0</v>
      </c>
      <c r="DB32" s="104">
        <v>51884</v>
      </c>
      <c r="DC32" s="104">
        <v>188533</v>
      </c>
      <c r="DD32" s="104">
        <v>166419</v>
      </c>
      <c r="DE32" s="104">
        <v>0</v>
      </c>
      <c r="DF32" s="104">
        <v>0</v>
      </c>
      <c r="DG32" s="103">
        <v>406836</v>
      </c>
      <c r="DH32" s="106">
        <v>486598</v>
      </c>
      <c r="DI32" s="100">
        <v>0</v>
      </c>
      <c r="DJ32" s="104">
        <v>71588</v>
      </c>
      <c r="DK32" s="102">
        <v>71588</v>
      </c>
      <c r="DL32" s="101">
        <v>0</v>
      </c>
      <c r="DM32" s="104">
        <v>34164</v>
      </c>
      <c r="DN32" s="104">
        <v>69652</v>
      </c>
      <c r="DO32" s="104">
        <v>212528</v>
      </c>
      <c r="DP32" s="104">
        <v>0</v>
      </c>
      <c r="DQ32" s="104">
        <v>0</v>
      </c>
      <c r="DR32" s="103">
        <v>316344</v>
      </c>
      <c r="DS32" s="106">
        <v>387932</v>
      </c>
      <c r="DT32" s="100">
        <v>0</v>
      </c>
      <c r="DU32" s="104">
        <v>71588</v>
      </c>
      <c r="DV32" s="103">
        <v>71588</v>
      </c>
      <c r="DW32" s="100">
        <v>0</v>
      </c>
      <c r="DX32" s="104">
        <v>34164</v>
      </c>
      <c r="DY32" s="104">
        <v>69652</v>
      </c>
      <c r="DZ32" s="104">
        <v>212528</v>
      </c>
      <c r="EA32" s="104">
        <v>0</v>
      </c>
      <c r="EB32" s="104">
        <v>0</v>
      </c>
      <c r="EC32" s="103">
        <v>316344</v>
      </c>
      <c r="ED32" s="106">
        <v>387932</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9200</v>
      </c>
      <c r="FM32" s="104">
        <v>68640</v>
      </c>
      <c r="FN32" s="103">
        <v>77840</v>
      </c>
      <c r="FO32" s="100">
        <v>0</v>
      </c>
      <c r="FP32" s="104">
        <v>65920</v>
      </c>
      <c r="FQ32" s="104">
        <v>228256</v>
      </c>
      <c r="FR32" s="104">
        <v>157136</v>
      </c>
      <c r="FS32" s="104">
        <v>18800</v>
      </c>
      <c r="FT32" s="104">
        <v>21008</v>
      </c>
      <c r="FU32" s="103">
        <v>491120</v>
      </c>
      <c r="FV32" s="106">
        <v>568960</v>
      </c>
      <c r="FW32" s="105">
        <v>9200</v>
      </c>
      <c r="FX32" s="104">
        <v>68640</v>
      </c>
      <c r="FY32" s="102">
        <v>77840</v>
      </c>
      <c r="FZ32" s="101">
        <v>0</v>
      </c>
      <c r="GA32" s="104">
        <v>9600</v>
      </c>
      <c r="GB32" s="104">
        <v>205376</v>
      </c>
      <c r="GC32" s="104">
        <v>157136</v>
      </c>
      <c r="GD32" s="104">
        <v>18800</v>
      </c>
      <c r="GE32" s="104">
        <v>21008</v>
      </c>
      <c r="GF32" s="103">
        <v>411920</v>
      </c>
      <c r="GG32" s="296">
        <v>489760</v>
      </c>
      <c r="GH32" s="105">
        <v>0</v>
      </c>
      <c r="GI32" s="104">
        <v>0</v>
      </c>
      <c r="GJ32" s="102">
        <v>0</v>
      </c>
      <c r="GK32" s="101">
        <v>0</v>
      </c>
      <c r="GL32" s="104">
        <v>0</v>
      </c>
      <c r="GM32" s="104">
        <v>0</v>
      </c>
      <c r="GN32" s="104">
        <v>0</v>
      </c>
      <c r="GO32" s="104">
        <v>0</v>
      </c>
      <c r="GP32" s="104">
        <v>0</v>
      </c>
      <c r="GQ32" s="103">
        <v>0</v>
      </c>
      <c r="GR32" s="106">
        <v>0</v>
      </c>
      <c r="GS32" s="100">
        <v>0</v>
      </c>
      <c r="GT32" s="104">
        <v>0</v>
      </c>
      <c r="GU32" s="103">
        <v>0</v>
      </c>
      <c r="GV32" s="100">
        <v>0</v>
      </c>
      <c r="GW32" s="104">
        <v>56320</v>
      </c>
      <c r="GX32" s="104">
        <v>22880</v>
      </c>
      <c r="GY32" s="104">
        <v>0</v>
      </c>
      <c r="GZ32" s="104">
        <v>0</v>
      </c>
      <c r="HA32" s="104">
        <v>0</v>
      </c>
      <c r="HB32" s="102">
        <v>79200</v>
      </c>
      <c r="HC32" s="106">
        <v>79200</v>
      </c>
      <c r="HD32" s="100">
        <v>52409</v>
      </c>
      <c r="HE32" s="104">
        <v>0</v>
      </c>
      <c r="HF32" s="102">
        <v>52409</v>
      </c>
      <c r="HG32" s="101">
        <v>0</v>
      </c>
      <c r="HH32" s="104">
        <v>313868</v>
      </c>
      <c r="HI32" s="104">
        <v>0</v>
      </c>
      <c r="HJ32" s="104">
        <v>0</v>
      </c>
      <c r="HK32" s="104">
        <v>860092</v>
      </c>
      <c r="HL32" s="104">
        <v>0</v>
      </c>
      <c r="HM32" s="103">
        <v>1173960</v>
      </c>
      <c r="HN32" s="99">
        <v>1226369</v>
      </c>
      <c r="HO32" s="306"/>
      <c r="HP32" s="307"/>
      <c r="HQ32" s="308"/>
      <c r="HR32" s="309"/>
      <c r="HS32" s="307"/>
      <c r="HT32" s="307"/>
      <c r="HU32" s="307"/>
      <c r="HV32" s="307"/>
      <c r="HW32" s="307"/>
      <c r="HX32" s="310"/>
      <c r="HY32" s="311"/>
      <c r="HZ32" s="137">
        <v>0</v>
      </c>
      <c r="IA32" s="122">
        <v>0</v>
      </c>
      <c r="IB32" s="137">
        <v>0</v>
      </c>
      <c r="IC32" s="121">
        <v>0</v>
      </c>
      <c r="ID32" s="122">
        <v>243415</v>
      </c>
      <c r="IE32" s="123">
        <v>21221</v>
      </c>
      <c r="IF32" s="124">
        <v>603077</v>
      </c>
      <c r="IG32" s="122">
        <v>250016</v>
      </c>
      <c r="IH32" s="124">
        <v>0</v>
      </c>
      <c r="II32" s="125">
        <v>1117729</v>
      </c>
      <c r="IJ32" s="137">
        <v>1117729</v>
      </c>
      <c r="IK32" s="219">
        <v>0</v>
      </c>
      <c r="IL32" s="223">
        <v>0</v>
      </c>
      <c r="IM32" s="224">
        <v>0</v>
      </c>
      <c r="IN32" s="127"/>
      <c r="IO32" s="109">
        <v>0</v>
      </c>
      <c r="IP32" s="109">
        <v>0</v>
      </c>
      <c r="IQ32" s="109">
        <v>175496</v>
      </c>
      <c r="IR32" s="109">
        <v>0</v>
      </c>
      <c r="IS32" s="109">
        <v>0</v>
      </c>
      <c r="IT32" s="128">
        <v>175496</v>
      </c>
      <c r="IU32" s="298">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0</v>
      </c>
      <c r="JL32" s="109">
        <v>21221</v>
      </c>
      <c r="JM32" s="109">
        <v>0</v>
      </c>
      <c r="JN32" s="109">
        <v>0</v>
      </c>
      <c r="JO32" s="109">
        <v>0</v>
      </c>
      <c r="JP32" s="110">
        <v>21221</v>
      </c>
      <c r="JQ32" s="298">
        <v>21221</v>
      </c>
      <c r="JR32" s="129">
        <v>0</v>
      </c>
      <c r="JS32" s="109">
        <v>0</v>
      </c>
      <c r="JT32" s="128">
        <v>0</v>
      </c>
      <c r="JU32" s="108">
        <v>0</v>
      </c>
      <c r="JV32" s="109">
        <v>0</v>
      </c>
      <c r="JW32" s="109">
        <v>0</v>
      </c>
      <c r="JX32" s="109">
        <v>0</v>
      </c>
      <c r="JY32" s="109">
        <v>250016</v>
      </c>
      <c r="JZ32" s="109">
        <v>0</v>
      </c>
      <c r="KA32" s="110">
        <v>250016</v>
      </c>
      <c r="KB32" s="298">
        <v>250016</v>
      </c>
      <c r="KC32" s="221">
        <v>0</v>
      </c>
      <c r="KD32" s="217">
        <v>0</v>
      </c>
      <c r="KE32" s="110">
        <v>0</v>
      </c>
      <c r="KF32" s="108">
        <v>0</v>
      </c>
      <c r="KG32" s="109">
        <v>0</v>
      </c>
      <c r="KH32" s="109">
        <v>0</v>
      </c>
      <c r="KI32" s="109">
        <v>197616</v>
      </c>
      <c r="KJ32" s="109">
        <v>0</v>
      </c>
      <c r="KK32" s="109">
        <v>0</v>
      </c>
      <c r="KL32" s="110">
        <v>197616</v>
      </c>
      <c r="KM32" s="130">
        <v>197616</v>
      </c>
      <c r="KN32" s="219">
        <v>0</v>
      </c>
      <c r="KO32" s="223">
        <v>0</v>
      </c>
      <c r="KP32" s="224">
        <v>0</v>
      </c>
      <c r="KQ32" s="127"/>
      <c r="KR32" s="109">
        <v>243415</v>
      </c>
      <c r="KS32" s="109">
        <v>0</v>
      </c>
      <c r="KT32" s="109">
        <v>0</v>
      </c>
      <c r="KU32" s="109">
        <v>0</v>
      </c>
      <c r="KV32" s="109">
        <v>0</v>
      </c>
      <c r="KW32" s="110">
        <v>243415</v>
      </c>
      <c r="KX32" s="298">
        <v>243415</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229965</v>
      </c>
      <c r="LQ32" s="109">
        <v>0</v>
      </c>
      <c r="LR32" s="109">
        <v>0</v>
      </c>
      <c r="LS32" s="110">
        <v>229965</v>
      </c>
      <c r="LT32" s="298">
        <v>229965</v>
      </c>
      <c r="LU32" s="129">
        <v>0</v>
      </c>
      <c r="LV32" s="109">
        <v>0</v>
      </c>
      <c r="LW32" s="110">
        <v>0</v>
      </c>
      <c r="LX32" s="132"/>
      <c r="LY32" s="109">
        <v>0</v>
      </c>
      <c r="LZ32" s="109">
        <v>0</v>
      </c>
      <c r="MA32" s="109">
        <v>0</v>
      </c>
      <c r="MB32" s="109">
        <v>0</v>
      </c>
      <c r="MC32" s="109">
        <v>0</v>
      </c>
      <c r="MD32" s="110">
        <v>0</v>
      </c>
      <c r="ME32" s="111">
        <v>0</v>
      </c>
      <c r="MF32" s="129">
        <v>0</v>
      </c>
      <c r="MG32" s="109">
        <v>0</v>
      </c>
      <c r="MH32" s="110">
        <v>0</v>
      </c>
      <c r="MI32" s="132"/>
      <c r="MJ32" s="109">
        <v>46329</v>
      </c>
      <c r="MK32" s="109">
        <v>1068274</v>
      </c>
      <c r="ML32" s="109">
        <v>620293</v>
      </c>
      <c r="MM32" s="109">
        <v>806887</v>
      </c>
      <c r="MN32" s="109">
        <v>284180</v>
      </c>
      <c r="MO32" s="110">
        <v>2825963</v>
      </c>
      <c r="MP32" s="130">
        <v>2825963</v>
      </c>
      <c r="MQ32" s="129">
        <v>0</v>
      </c>
      <c r="MR32" s="109">
        <v>0</v>
      </c>
      <c r="MS32" s="110">
        <v>0</v>
      </c>
      <c r="MT32" s="132"/>
      <c r="MU32" s="109">
        <v>0</v>
      </c>
      <c r="MV32" s="109">
        <v>234623</v>
      </c>
      <c r="MW32" s="109">
        <v>83527</v>
      </c>
      <c r="MX32" s="109">
        <v>0</v>
      </c>
      <c r="MY32" s="109">
        <v>284180</v>
      </c>
      <c r="MZ32" s="110">
        <v>602330</v>
      </c>
      <c r="NA32" s="130">
        <v>602330</v>
      </c>
      <c r="NB32" s="129">
        <v>0</v>
      </c>
      <c r="NC32" s="109">
        <v>0</v>
      </c>
      <c r="ND32" s="110">
        <v>0</v>
      </c>
      <c r="NE32" s="132"/>
      <c r="NF32" s="109">
        <v>46329</v>
      </c>
      <c r="NG32" s="109">
        <v>833651</v>
      </c>
      <c r="NH32" s="109">
        <v>536766</v>
      </c>
      <c r="NI32" s="109">
        <v>806887</v>
      </c>
      <c r="NJ32" s="109">
        <v>0</v>
      </c>
      <c r="NK32" s="110">
        <v>2223633</v>
      </c>
      <c r="NL32" s="298">
        <v>2223633</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0</v>
      </c>
      <c r="OF32" s="109">
        <v>0</v>
      </c>
      <c r="OG32" s="110">
        <v>0</v>
      </c>
      <c r="OH32" s="111">
        <v>0</v>
      </c>
      <c r="OI32" s="129">
        <v>76665</v>
      </c>
      <c r="OJ32" s="109">
        <v>375452</v>
      </c>
      <c r="OK32" s="128">
        <v>452117</v>
      </c>
      <c r="OL32" s="108">
        <v>0</v>
      </c>
      <c r="OM32" s="109">
        <v>1719218</v>
      </c>
      <c r="ON32" s="109">
        <v>2760081</v>
      </c>
      <c r="OO32" s="109">
        <v>2660857</v>
      </c>
      <c r="OP32" s="109">
        <v>2483777</v>
      </c>
      <c r="OQ32" s="109">
        <v>894248</v>
      </c>
      <c r="OR32" s="110">
        <v>10518181</v>
      </c>
      <c r="OS32" s="130">
        <v>10970298</v>
      </c>
    </row>
    <row r="33" spans="2:409" ht="21" customHeight="1" x14ac:dyDescent="0.2">
      <c r="B33" s="472" t="s">
        <v>28</v>
      </c>
      <c r="C33" s="100">
        <v>0</v>
      </c>
      <c r="D33" s="104">
        <v>0</v>
      </c>
      <c r="E33" s="103">
        <v>0</v>
      </c>
      <c r="F33" s="99">
        <v>0</v>
      </c>
      <c r="G33" s="104">
        <v>615147</v>
      </c>
      <c r="H33" s="104">
        <v>330121</v>
      </c>
      <c r="I33" s="104">
        <v>409045</v>
      </c>
      <c r="J33" s="104">
        <v>0</v>
      </c>
      <c r="K33" s="104">
        <v>130288</v>
      </c>
      <c r="L33" s="160">
        <v>1484601</v>
      </c>
      <c r="M33" s="106">
        <v>1484601</v>
      </c>
      <c r="N33" s="100">
        <v>0</v>
      </c>
      <c r="O33" s="104">
        <v>0</v>
      </c>
      <c r="P33" s="103">
        <v>0</v>
      </c>
      <c r="Q33" s="100">
        <v>0</v>
      </c>
      <c r="R33" s="104">
        <v>34256</v>
      </c>
      <c r="S33" s="104">
        <v>58088</v>
      </c>
      <c r="T33" s="104">
        <v>230511</v>
      </c>
      <c r="U33" s="104">
        <v>0</v>
      </c>
      <c r="V33" s="104">
        <v>130288</v>
      </c>
      <c r="W33" s="103">
        <v>453143</v>
      </c>
      <c r="X33" s="106">
        <v>453143</v>
      </c>
      <c r="Y33" s="100">
        <v>0</v>
      </c>
      <c r="Z33" s="104">
        <v>0</v>
      </c>
      <c r="AA33" s="103">
        <v>0</v>
      </c>
      <c r="AB33" s="100">
        <v>0</v>
      </c>
      <c r="AC33" s="104">
        <v>0</v>
      </c>
      <c r="AD33" s="104">
        <v>0</v>
      </c>
      <c r="AE33" s="104">
        <v>145652</v>
      </c>
      <c r="AF33" s="104">
        <v>0</v>
      </c>
      <c r="AG33" s="104">
        <v>0</v>
      </c>
      <c r="AH33" s="103">
        <v>145652</v>
      </c>
      <c r="AI33" s="106">
        <v>145652</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40912</v>
      </c>
      <c r="BA33" s="104">
        <v>77707</v>
      </c>
      <c r="BB33" s="104">
        <v>0</v>
      </c>
      <c r="BC33" s="104">
        <v>120256</v>
      </c>
      <c r="BD33" s="103">
        <v>238875</v>
      </c>
      <c r="BE33" s="106">
        <v>238875</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34256</v>
      </c>
      <c r="BV33" s="104">
        <v>17176</v>
      </c>
      <c r="BW33" s="104">
        <v>7152</v>
      </c>
      <c r="BX33" s="104">
        <v>0</v>
      </c>
      <c r="BY33" s="104">
        <v>10032</v>
      </c>
      <c r="BZ33" s="103">
        <v>68616</v>
      </c>
      <c r="CA33" s="106">
        <v>68616</v>
      </c>
      <c r="CB33" s="100">
        <v>0</v>
      </c>
      <c r="CC33" s="104">
        <v>0</v>
      </c>
      <c r="CD33" s="103">
        <v>0</v>
      </c>
      <c r="CE33" s="100">
        <v>0</v>
      </c>
      <c r="CF33" s="104">
        <v>92602</v>
      </c>
      <c r="CG33" s="104">
        <v>199161</v>
      </c>
      <c r="CH33" s="104">
        <v>106109</v>
      </c>
      <c r="CI33" s="104">
        <v>0</v>
      </c>
      <c r="CJ33" s="104">
        <v>0</v>
      </c>
      <c r="CK33" s="103">
        <v>397872</v>
      </c>
      <c r="CL33" s="106">
        <v>397872</v>
      </c>
      <c r="CM33" s="100">
        <v>0</v>
      </c>
      <c r="CN33" s="104">
        <v>0</v>
      </c>
      <c r="CO33" s="103">
        <v>0</v>
      </c>
      <c r="CP33" s="101">
        <v>0</v>
      </c>
      <c r="CQ33" s="104">
        <v>92602</v>
      </c>
      <c r="CR33" s="104">
        <v>199161</v>
      </c>
      <c r="CS33" s="104">
        <v>0</v>
      </c>
      <c r="CT33" s="104">
        <v>0</v>
      </c>
      <c r="CU33" s="104">
        <v>0</v>
      </c>
      <c r="CV33" s="103">
        <v>291763</v>
      </c>
      <c r="CW33" s="106">
        <v>291763</v>
      </c>
      <c r="CX33" s="100">
        <v>0</v>
      </c>
      <c r="CY33" s="104">
        <v>0</v>
      </c>
      <c r="CZ33" s="103">
        <v>0</v>
      </c>
      <c r="DA33" s="100">
        <v>0</v>
      </c>
      <c r="DB33" s="104">
        <v>0</v>
      </c>
      <c r="DC33" s="104">
        <v>0</v>
      </c>
      <c r="DD33" s="104">
        <v>106109</v>
      </c>
      <c r="DE33" s="104">
        <v>0</v>
      </c>
      <c r="DF33" s="104">
        <v>0</v>
      </c>
      <c r="DG33" s="103">
        <v>106109</v>
      </c>
      <c r="DH33" s="106">
        <v>106109</v>
      </c>
      <c r="DI33" s="100">
        <v>0</v>
      </c>
      <c r="DJ33" s="104">
        <v>0</v>
      </c>
      <c r="DK33" s="102">
        <v>0</v>
      </c>
      <c r="DL33" s="101">
        <v>0</v>
      </c>
      <c r="DM33" s="104">
        <v>0</v>
      </c>
      <c r="DN33" s="104">
        <v>24056</v>
      </c>
      <c r="DO33" s="104">
        <v>66425</v>
      </c>
      <c r="DP33" s="104">
        <v>0</v>
      </c>
      <c r="DQ33" s="104">
        <v>0</v>
      </c>
      <c r="DR33" s="103">
        <v>90481</v>
      </c>
      <c r="DS33" s="106">
        <v>90481</v>
      </c>
      <c r="DT33" s="100">
        <v>0</v>
      </c>
      <c r="DU33" s="104">
        <v>0</v>
      </c>
      <c r="DV33" s="103">
        <v>0</v>
      </c>
      <c r="DW33" s="100">
        <v>0</v>
      </c>
      <c r="DX33" s="104">
        <v>0</v>
      </c>
      <c r="DY33" s="104">
        <v>24056</v>
      </c>
      <c r="DZ33" s="104">
        <v>0</v>
      </c>
      <c r="EA33" s="104">
        <v>0</v>
      </c>
      <c r="EB33" s="104">
        <v>0</v>
      </c>
      <c r="EC33" s="103">
        <v>24056</v>
      </c>
      <c r="ED33" s="106">
        <v>24056</v>
      </c>
      <c r="EE33" s="100">
        <v>0</v>
      </c>
      <c r="EF33" s="102">
        <v>0</v>
      </c>
      <c r="EG33" s="103">
        <v>0</v>
      </c>
      <c r="EH33" s="100">
        <v>0</v>
      </c>
      <c r="EI33" s="104">
        <v>0</v>
      </c>
      <c r="EJ33" s="104">
        <v>0</v>
      </c>
      <c r="EK33" s="104">
        <v>66425</v>
      </c>
      <c r="EL33" s="104">
        <v>0</v>
      </c>
      <c r="EM33" s="104">
        <v>0</v>
      </c>
      <c r="EN33" s="102">
        <v>66425</v>
      </c>
      <c r="EO33" s="106">
        <v>66425</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0</v>
      </c>
      <c r="FM33" s="104">
        <v>0</v>
      </c>
      <c r="FN33" s="103">
        <v>0</v>
      </c>
      <c r="FO33" s="100">
        <v>0</v>
      </c>
      <c r="FP33" s="104">
        <v>15800</v>
      </c>
      <c r="FQ33" s="104">
        <v>48816</v>
      </c>
      <c r="FR33" s="104">
        <v>6000</v>
      </c>
      <c r="FS33" s="104">
        <v>0</v>
      </c>
      <c r="FT33" s="104">
        <v>0</v>
      </c>
      <c r="FU33" s="103">
        <v>70616</v>
      </c>
      <c r="FV33" s="106">
        <v>70616</v>
      </c>
      <c r="FW33" s="105">
        <v>0</v>
      </c>
      <c r="FX33" s="104">
        <v>0</v>
      </c>
      <c r="FY33" s="102">
        <v>0</v>
      </c>
      <c r="FZ33" s="101">
        <v>0</v>
      </c>
      <c r="GA33" s="104">
        <v>15800</v>
      </c>
      <c r="GB33" s="104">
        <v>48816</v>
      </c>
      <c r="GC33" s="104">
        <v>6000</v>
      </c>
      <c r="GD33" s="104">
        <v>0</v>
      </c>
      <c r="GE33" s="104">
        <v>0</v>
      </c>
      <c r="GF33" s="103">
        <v>70616</v>
      </c>
      <c r="GG33" s="296">
        <v>70616</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472489</v>
      </c>
      <c r="HI33" s="104">
        <v>0</v>
      </c>
      <c r="HJ33" s="104">
        <v>0</v>
      </c>
      <c r="HK33" s="104">
        <v>0</v>
      </c>
      <c r="HL33" s="104">
        <v>0</v>
      </c>
      <c r="HM33" s="103">
        <v>472489</v>
      </c>
      <c r="HN33" s="99">
        <v>472489</v>
      </c>
      <c r="HO33" s="306"/>
      <c r="HP33" s="307"/>
      <c r="HQ33" s="308"/>
      <c r="HR33" s="309"/>
      <c r="HS33" s="307"/>
      <c r="HT33" s="307"/>
      <c r="HU33" s="307"/>
      <c r="HV33" s="307"/>
      <c r="HW33" s="307"/>
      <c r="HX33" s="310"/>
      <c r="HY33" s="311"/>
      <c r="HZ33" s="118">
        <v>0</v>
      </c>
      <c r="IA33" s="119">
        <v>0</v>
      </c>
      <c r="IB33" s="120">
        <v>0</v>
      </c>
      <c r="IC33" s="133">
        <v>0</v>
      </c>
      <c r="ID33" s="119">
        <v>62808</v>
      </c>
      <c r="IE33" s="134">
        <v>41632</v>
      </c>
      <c r="IF33" s="120">
        <v>0</v>
      </c>
      <c r="IG33" s="119">
        <v>0</v>
      </c>
      <c r="IH33" s="120">
        <v>261472</v>
      </c>
      <c r="II33" s="135">
        <v>365912</v>
      </c>
      <c r="IJ33" s="126">
        <v>365912</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62808</v>
      </c>
      <c r="JL33" s="109">
        <v>41632</v>
      </c>
      <c r="JM33" s="109">
        <v>0</v>
      </c>
      <c r="JN33" s="109">
        <v>0</v>
      </c>
      <c r="JO33" s="109">
        <v>0</v>
      </c>
      <c r="JP33" s="110">
        <v>104440</v>
      </c>
      <c r="JQ33" s="298">
        <v>104440</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0</v>
      </c>
      <c r="KT33" s="109">
        <v>0</v>
      </c>
      <c r="KU33" s="109">
        <v>0</v>
      </c>
      <c r="KV33" s="109">
        <v>261472</v>
      </c>
      <c r="KW33" s="110">
        <v>261472</v>
      </c>
      <c r="KX33" s="298">
        <v>261472</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8">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0</v>
      </c>
      <c r="MK33" s="109">
        <v>217504</v>
      </c>
      <c r="ML33" s="109">
        <v>0</v>
      </c>
      <c r="MM33" s="109">
        <v>230752</v>
      </c>
      <c r="MN33" s="109">
        <v>555608</v>
      </c>
      <c r="MO33" s="110">
        <v>1003864</v>
      </c>
      <c r="MP33" s="130">
        <v>1003864</v>
      </c>
      <c r="MQ33" s="129">
        <v>0</v>
      </c>
      <c r="MR33" s="109">
        <v>0</v>
      </c>
      <c r="MS33" s="110">
        <v>0</v>
      </c>
      <c r="MT33" s="132"/>
      <c r="MU33" s="109">
        <v>0</v>
      </c>
      <c r="MV33" s="109">
        <v>0</v>
      </c>
      <c r="MW33" s="109">
        <v>0</v>
      </c>
      <c r="MX33" s="109">
        <v>230752</v>
      </c>
      <c r="MY33" s="109">
        <v>249400</v>
      </c>
      <c r="MZ33" s="110">
        <v>480152</v>
      </c>
      <c r="NA33" s="130">
        <v>480152</v>
      </c>
      <c r="NB33" s="129">
        <v>0</v>
      </c>
      <c r="NC33" s="109">
        <v>0</v>
      </c>
      <c r="ND33" s="110">
        <v>0</v>
      </c>
      <c r="NE33" s="132"/>
      <c r="NF33" s="109">
        <v>0</v>
      </c>
      <c r="NG33" s="109">
        <v>217504</v>
      </c>
      <c r="NH33" s="109">
        <v>0</v>
      </c>
      <c r="NI33" s="109">
        <v>0</v>
      </c>
      <c r="NJ33" s="109">
        <v>306208</v>
      </c>
      <c r="NK33" s="110">
        <v>523712</v>
      </c>
      <c r="NL33" s="298">
        <v>523712</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0</v>
      </c>
      <c r="OK33" s="128">
        <v>0</v>
      </c>
      <c r="OL33" s="108">
        <v>0</v>
      </c>
      <c r="OM33" s="109">
        <v>677955</v>
      </c>
      <c r="ON33" s="109">
        <v>589257</v>
      </c>
      <c r="OO33" s="109">
        <v>409045</v>
      </c>
      <c r="OP33" s="109">
        <v>230752</v>
      </c>
      <c r="OQ33" s="109">
        <v>947368</v>
      </c>
      <c r="OR33" s="110">
        <v>2854377</v>
      </c>
      <c r="OS33" s="130">
        <v>2854377</v>
      </c>
    </row>
    <row r="34" spans="2:409" ht="21" customHeight="1" x14ac:dyDescent="0.2">
      <c r="B34" s="472" t="s">
        <v>29</v>
      </c>
      <c r="C34" s="100">
        <v>49168</v>
      </c>
      <c r="D34" s="104">
        <v>13888</v>
      </c>
      <c r="E34" s="103">
        <v>63056</v>
      </c>
      <c r="F34" s="99">
        <v>0</v>
      </c>
      <c r="G34" s="104">
        <v>81096</v>
      </c>
      <c r="H34" s="104">
        <v>827951</v>
      </c>
      <c r="I34" s="104">
        <v>437070</v>
      </c>
      <c r="J34" s="104">
        <v>0</v>
      </c>
      <c r="K34" s="104">
        <v>221928</v>
      </c>
      <c r="L34" s="160">
        <v>1568045</v>
      </c>
      <c r="M34" s="106">
        <v>1631101</v>
      </c>
      <c r="N34" s="100">
        <v>0</v>
      </c>
      <c r="O34" s="104">
        <v>13888</v>
      </c>
      <c r="P34" s="103">
        <v>13888</v>
      </c>
      <c r="Q34" s="100">
        <v>0</v>
      </c>
      <c r="R34" s="104">
        <v>33056</v>
      </c>
      <c r="S34" s="104">
        <v>269036</v>
      </c>
      <c r="T34" s="104">
        <v>19808</v>
      </c>
      <c r="U34" s="104">
        <v>0</v>
      </c>
      <c r="V34" s="104">
        <v>61624</v>
      </c>
      <c r="W34" s="103">
        <v>383524</v>
      </c>
      <c r="X34" s="106">
        <v>397412</v>
      </c>
      <c r="Y34" s="100">
        <v>0</v>
      </c>
      <c r="Z34" s="104">
        <v>0</v>
      </c>
      <c r="AA34" s="103">
        <v>0</v>
      </c>
      <c r="AB34" s="100">
        <v>0</v>
      </c>
      <c r="AC34" s="104">
        <v>0</v>
      </c>
      <c r="AD34" s="104">
        <v>121780</v>
      </c>
      <c r="AE34" s="104">
        <v>0</v>
      </c>
      <c r="AF34" s="104">
        <v>0</v>
      </c>
      <c r="AG34" s="104">
        <v>0</v>
      </c>
      <c r="AH34" s="103">
        <v>121780</v>
      </c>
      <c r="AI34" s="106">
        <v>121780</v>
      </c>
      <c r="AJ34" s="100">
        <v>0</v>
      </c>
      <c r="AK34" s="104">
        <v>0</v>
      </c>
      <c r="AL34" s="103">
        <v>0</v>
      </c>
      <c r="AM34" s="100">
        <v>0</v>
      </c>
      <c r="AN34" s="104">
        <v>0</v>
      </c>
      <c r="AO34" s="104">
        <v>0</v>
      </c>
      <c r="AP34" s="104">
        <v>0</v>
      </c>
      <c r="AQ34" s="104">
        <v>0</v>
      </c>
      <c r="AR34" s="104">
        <v>56856</v>
      </c>
      <c r="AS34" s="103">
        <v>56856</v>
      </c>
      <c r="AT34" s="106">
        <v>56856</v>
      </c>
      <c r="AU34" s="100">
        <v>0</v>
      </c>
      <c r="AV34" s="104">
        <v>13888</v>
      </c>
      <c r="AW34" s="103">
        <v>13888</v>
      </c>
      <c r="AX34" s="100">
        <v>0</v>
      </c>
      <c r="AY34" s="104">
        <v>33056</v>
      </c>
      <c r="AZ34" s="104">
        <v>79288</v>
      </c>
      <c r="BA34" s="104">
        <v>0</v>
      </c>
      <c r="BB34" s="104">
        <v>0</v>
      </c>
      <c r="BC34" s="104">
        <v>0</v>
      </c>
      <c r="BD34" s="103">
        <v>112344</v>
      </c>
      <c r="BE34" s="106">
        <v>126232</v>
      </c>
      <c r="BF34" s="100">
        <v>0</v>
      </c>
      <c r="BG34" s="104">
        <v>0</v>
      </c>
      <c r="BH34" s="102">
        <v>0</v>
      </c>
      <c r="BI34" s="101">
        <v>0</v>
      </c>
      <c r="BJ34" s="104">
        <v>0</v>
      </c>
      <c r="BK34" s="104">
        <v>30592</v>
      </c>
      <c r="BL34" s="104">
        <v>0</v>
      </c>
      <c r="BM34" s="104">
        <v>0</v>
      </c>
      <c r="BN34" s="104">
        <v>0</v>
      </c>
      <c r="BO34" s="103">
        <v>30592</v>
      </c>
      <c r="BP34" s="106">
        <v>30592</v>
      </c>
      <c r="BQ34" s="100">
        <v>0</v>
      </c>
      <c r="BR34" s="104">
        <v>0</v>
      </c>
      <c r="BS34" s="103">
        <v>0</v>
      </c>
      <c r="BT34" s="100">
        <v>0</v>
      </c>
      <c r="BU34" s="104">
        <v>0</v>
      </c>
      <c r="BV34" s="104">
        <v>37376</v>
      </c>
      <c r="BW34" s="104">
        <v>19808</v>
      </c>
      <c r="BX34" s="104">
        <v>0</v>
      </c>
      <c r="BY34" s="104">
        <v>4768</v>
      </c>
      <c r="BZ34" s="103">
        <v>61952</v>
      </c>
      <c r="CA34" s="106">
        <v>61952</v>
      </c>
      <c r="CB34" s="100">
        <v>37088</v>
      </c>
      <c r="CC34" s="104">
        <v>0</v>
      </c>
      <c r="CD34" s="103">
        <v>37088</v>
      </c>
      <c r="CE34" s="100">
        <v>0</v>
      </c>
      <c r="CF34" s="104">
        <v>48040</v>
      </c>
      <c r="CG34" s="104">
        <v>144160</v>
      </c>
      <c r="CH34" s="104">
        <v>94624</v>
      </c>
      <c r="CI34" s="104">
        <v>0</v>
      </c>
      <c r="CJ34" s="104">
        <v>0</v>
      </c>
      <c r="CK34" s="103">
        <v>286824</v>
      </c>
      <c r="CL34" s="106">
        <v>323912</v>
      </c>
      <c r="CM34" s="100">
        <v>0</v>
      </c>
      <c r="CN34" s="104">
        <v>0</v>
      </c>
      <c r="CO34" s="103">
        <v>0</v>
      </c>
      <c r="CP34" s="101">
        <v>0</v>
      </c>
      <c r="CQ34" s="104">
        <v>48040</v>
      </c>
      <c r="CR34" s="104">
        <v>144160</v>
      </c>
      <c r="CS34" s="104">
        <v>94624</v>
      </c>
      <c r="CT34" s="104">
        <v>0</v>
      </c>
      <c r="CU34" s="104">
        <v>0</v>
      </c>
      <c r="CV34" s="103">
        <v>286824</v>
      </c>
      <c r="CW34" s="106">
        <v>286824</v>
      </c>
      <c r="CX34" s="100">
        <v>37088</v>
      </c>
      <c r="CY34" s="104">
        <v>0</v>
      </c>
      <c r="CZ34" s="103">
        <v>37088</v>
      </c>
      <c r="DA34" s="100">
        <v>0</v>
      </c>
      <c r="DB34" s="104">
        <v>0</v>
      </c>
      <c r="DC34" s="104">
        <v>0</v>
      </c>
      <c r="DD34" s="104">
        <v>0</v>
      </c>
      <c r="DE34" s="104">
        <v>0</v>
      </c>
      <c r="DF34" s="104">
        <v>0</v>
      </c>
      <c r="DG34" s="103">
        <v>0</v>
      </c>
      <c r="DH34" s="106">
        <v>37088</v>
      </c>
      <c r="DI34" s="100">
        <v>0</v>
      </c>
      <c r="DJ34" s="104">
        <v>0</v>
      </c>
      <c r="DK34" s="102">
        <v>0</v>
      </c>
      <c r="DL34" s="101">
        <v>0</v>
      </c>
      <c r="DM34" s="104">
        <v>0</v>
      </c>
      <c r="DN34" s="104">
        <v>0</v>
      </c>
      <c r="DO34" s="104">
        <v>122446</v>
      </c>
      <c r="DP34" s="104">
        <v>0</v>
      </c>
      <c r="DQ34" s="104">
        <v>107664</v>
      </c>
      <c r="DR34" s="103">
        <v>230110</v>
      </c>
      <c r="DS34" s="106">
        <v>230110</v>
      </c>
      <c r="DT34" s="100">
        <v>0</v>
      </c>
      <c r="DU34" s="104">
        <v>0</v>
      </c>
      <c r="DV34" s="103">
        <v>0</v>
      </c>
      <c r="DW34" s="100">
        <v>0</v>
      </c>
      <c r="DX34" s="104">
        <v>0</v>
      </c>
      <c r="DY34" s="104">
        <v>0</v>
      </c>
      <c r="DZ34" s="104">
        <v>122446</v>
      </c>
      <c r="EA34" s="104">
        <v>0</v>
      </c>
      <c r="EB34" s="104">
        <v>64950</v>
      </c>
      <c r="EC34" s="103">
        <v>187396</v>
      </c>
      <c r="ED34" s="106">
        <v>187396</v>
      </c>
      <c r="EE34" s="100">
        <v>0</v>
      </c>
      <c r="EF34" s="102">
        <v>0</v>
      </c>
      <c r="EG34" s="103">
        <v>0</v>
      </c>
      <c r="EH34" s="100">
        <v>0</v>
      </c>
      <c r="EI34" s="104">
        <v>0</v>
      </c>
      <c r="EJ34" s="104">
        <v>0</v>
      </c>
      <c r="EK34" s="104">
        <v>0</v>
      </c>
      <c r="EL34" s="104">
        <v>0</v>
      </c>
      <c r="EM34" s="104">
        <v>42714</v>
      </c>
      <c r="EN34" s="102">
        <v>42714</v>
      </c>
      <c r="EO34" s="106">
        <v>42714</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12080</v>
      </c>
      <c r="FM34" s="104">
        <v>0</v>
      </c>
      <c r="FN34" s="103">
        <v>12080</v>
      </c>
      <c r="FO34" s="100">
        <v>0</v>
      </c>
      <c r="FP34" s="104">
        <v>0</v>
      </c>
      <c r="FQ34" s="104">
        <v>51984</v>
      </c>
      <c r="FR34" s="104">
        <v>200192</v>
      </c>
      <c r="FS34" s="104">
        <v>0</v>
      </c>
      <c r="FT34" s="104">
        <v>52640</v>
      </c>
      <c r="FU34" s="103">
        <v>304816</v>
      </c>
      <c r="FV34" s="106">
        <v>316896</v>
      </c>
      <c r="FW34" s="105">
        <v>12080</v>
      </c>
      <c r="FX34" s="104">
        <v>0</v>
      </c>
      <c r="FY34" s="102">
        <v>12080</v>
      </c>
      <c r="FZ34" s="101">
        <v>0</v>
      </c>
      <c r="GA34" s="104">
        <v>0</v>
      </c>
      <c r="GB34" s="104">
        <v>51984</v>
      </c>
      <c r="GC34" s="104">
        <v>40192</v>
      </c>
      <c r="GD34" s="104">
        <v>0</v>
      </c>
      <c r="GE34" s="104">
        <v>52640</v>
      </c>
      <c r="GF34" s="103">
        <v>144816</v>
      </c>
      <c r="GG34" s="296">
        <v>156896</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160000</v>
      </c>
      <c r="GZ34" s="104">
        <v>0</v>
      </c>
      <c r="HA34" s="104">
        <v>0</v>
      </c>
      <c r="HB34" s="102">
        <v>160000</v>
      </c>
      <c r="HC34" s="106">
        <v>160000</v>
      </c>
      <c r="HD34" s="100">
        <v>0</v>
      </c>
      <c r="HE34" s="104">
        <v>0</v>
      </c>
      <c r="HF34" s="102">
        <v>0</v>
      </c>
      <c r="HG34" s="101">
        <v>0</v>
      </c>
      <c r="HH34" s="104">
        <v>0</v>
      </c>
      <c r="HI34" s="104">
        <v>362771</v>
      </c>
      <c r="HJ34" s="104">
        <v>0</v>
      </c>
      <c r="HK34" s="104">
        <v>0</v>
      </c>
      <c r="HL34" s="104">
        <v>0</v>
      </c>
      <c r="HM34" s="103">
        <v>362771</v>
      </c>
      <c r="HN34" s="99">
        <v>362771</v>
      </c>
      <c r="HO34" s="306"/>
      <c r="HP34" s="307"/>
      <c r="HQ34" s="308"/>
      <c r="HR34" s="309"/>
      <c r="HS34" s="307"/>
      <c r="HT34" s="307"/>
      <c r="HU34" s="307"/>
      <c r="HV34" s="307"/>
      <c r="HW34" s="307"/>
      <c r="HX34" s="310"/>
      <c r="HY34" s="311"/>
      <c r="HZ34" s="137">
        <v>0</v>
      </c>
      <c r="IA34" s="122">
        <v>0</v>
      </c>
      <c r="IB34" s="137">
        <v>0</v>
      </c>
      <c r="IC34" s="121">
        <v>0</v>
      </c>
      <c r="ID34" s="122">
        <v>93176</v>
      </c>
      <c r="IE34" s="123">
        <v>76432</v>
      </c>
      <c r="IF34" s="124">
        <v>116536</v>
      </c>
      <c r="IG34" s="122">
        <v>259784</v>
      </c>
      <c r="IH34" s="124">
        <v>0</v>
      </c>
      <c r="II34" s="125">
        <v>545928</v>
      </c>
      <c r="IJ34" s="137">
        <v>545928</v>
      </c>
      <c r="IK34" s="219">
        <v>0</v>
      </c>
      <c r="IL34" s="223">
        <v>0</v>
      </c>
      <c r="IM34" s="224">
        <v>0</v>
      </c>
      <c r="IN34" s="127"/>
      <c r="IO34" s="109">
        <v>0</v>
      </c>
      <c r="IP34" s="109">
        <v>0</v>
      </c>
      <c r="IQ34" s="109">
        <v>0</v>
      </c>
      <c r="IR34" s="109">
        <v>0</v>
      </c>
      <c r="IS34" s="109">
        <v>0</v>
      </c>
      <c r="IT34" s="128">
        <v>0</v>
      </c>
      <c r="IU34" s="298">
        <v>0</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93176</v>
      </c>
      <c r="JL34" s="109">
        <v>76432</v>
      </c>
      <c r="JM34" s="109">
        <v>116536</v>
      </c>
      <c r="JN34" s="109">
        <v>0</v>
      </c>
      <c r="JO34" s="109">
        <v>0</v>
      </c>
      <c r="JP34" s="110">
        <v>286144</v>
      </c>
      <c r="JQ34" s="298">
        <v>286144</v>
      </c>
      <c r="JR34" s="129">
        <v>0</v>
      </c>
      <c r="JS34" s="109">
        <v>0</v>
      </c>
      <c r="JT34" s="128">
        <v>0</v>
      </c>
      <c r="JU34" s="108">
        <v>0</v>
      </c>
      <c r="JV34" s="109">
        <v>0</v>
      </c>
      <c r="JW34" s="109">
        <v>0</v>
      </c>
      <c r="JX34" s="109">
        <v>0</v>
      </c>
      <c r="JY34" s="109">
        <v>0</v>
      </c>
      <c r="JZ34" s="109">
        <v>0</v>
      </c>
      <c r="KA34" s="110">
        <v>0</v>
      </c>
      <c r="KB34" s="298">
        <v>0</v>
      </c>
      <c r="KC34" s="221">
        <v>0</v>
      </c>
      <c r="KD34" s="217">
        <v>0</v>
      </c>
      <c r="KE34" s="110">
        <v>0</v>
      </c>
      <c r="KF34" s="108">
        <v>0</v>
      </c>
      <c r="KG34" s="109">
        <v>0</v>
      </c>
      <c r="KH34" s="109">
        <v>0</v>
      </c>
      <c r="KI34" s="109">
        <v>0</v>
      </c>
      <c r="KJ34" s="109">
        <v>0</v>
      </c>
      <c r="KK34" s="109">
        <v>0</v>
      </c>
      <c r="KL34" s="110">
        <v>0</v>
      </c>
      <c r="KM34" s="130">
        <v>0</v>
      </c>
      <c r="KN34" s="219">
        <v>0</v>
      </c>
      <c r="KO34" s="223">
        <v>0</v>
      </c>
      <c r="KP34" s="224">
        <v>0</v>
      </c>
      <c r="KQ34" s="127"/>
      <c r="KR34" s="109">
        <v>0</v>
      </c>
      <c r="KS34" s="109">
        <v>0</v>
      </c>
      <c r="KT34" s="109">
        <v>0</v>
      </c>
      <c r="KU34" s="109">
        <v>0</v>
      </c>
      <c r="KV34" s="109">
        <v>0</v>
      </c>
      <c r="KW34" s="110">
        <v>0</v>
      </c>
      <c r="KX34" s="298">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0</v>
      </c>
      <c r="LQ34" s="109">
        <v>259784</v>
      </c>
      <c r="LR34" s="109">
        <v>0</v>
      </c>
      <c r="LS34" s="110">
        <v>259784</v>
      </c>
      <c r="LT34" s="298">
        <v>259784</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0</v>
      </c>
      <c r="MK34" s="109">
        <v>0</v>
      </c>
      <c r="ML34" s="109">
        <v>327468</v>
      </c>
      <c r="MM34" s="109">
        <v>249905</v>
      </c>
      <c r="MN34" s="109">
        <v>0</v>
      </c>
      <c r="MO34" s="110">
        <v>577373</v>
      </c>
      <c r="MP34" s="130">
        <v>577373</v>
      </c>
      <c r="MQ34" s="129">
        <v>0</v>
      </c>
      <c r="MR34" s="109">
        <v>0</v>
      </c>
      <c r="MS34" s="110">
        <v>0</v>
      </c>
      <c r="MT34" s="132"/>
      <c r="MU34" s="109">
        <v>0</v>
      </c>
      <c r="MV34" s="109">
        <v>0</v>
      </c>
      <c r="MW34" s="109">
        <v>0</v>
      </c>
      <c r="MX34" s="109">
        <v>249905</v>
      </c>
      <c r="MY34" s="109">
        <v>0</v>
      </c>
      <c r="MZ34" s="110">
        <v>249905</v>
      </c>
      <c r="NA34" s="130">
        <v>249905</v>
      </c>
      <c r="NB34" s="129">
        <v>0</v>
      </c>
      <c r="NC34" s="109">
        <v>0</v>
      </c>
      <c r="ND34" s="110">
        <v>0</v>
      </c>
      <c r="NE34" s="132"/>
      <c r="NF34" s="109">
        <v>0</v>
      </c>
      <c r="NG34" s="109">
        <v>0</v>
      </c>
      <c r="NH34" s="109">
        <v>327468</v>
      </c>
      <c r="NI34" s="109">
        <v>0</v>
      </c>
      <c r="NJ34" s="109">
        <v>0</v>
      </c>
      <c r="NK34" s="110">
        <v>327468</v>
      </c>
      <c r="NL34" s="298">
        <v>327468</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49168</v>
      </c>
      <c r="OJ34" s="109">
        <v>13888</v>
      </c>
      <c r="OK34" s="128">
        <v>63056</v>
      </c>
      <c r="OL34" s="108">
        <v>0</v>
      </c>
      <c r="OM34" s="109">
        <v>174272</v>
      </c>
      <c r="ON34" s="109">
        <v>904383</v>
      </c>
      <c r="OO34" s="109">
        <v>881074</v>
      </c>
      <c r="OP34" s="109">
        <v>509689</v>
      </c>
      <c r="OQ34" s="109">
        <v>221928</v>
      </c>
      <c r="OR34" s="110">
        <v>2691346</v>
      </c>
      <c r="OS34" s="130">
        <v>2754402</v>
      </c>
    </row>
    <row r="35" spans="2:409" ht="21" customHeight="1" x14ac:dyDescent="0.2">
      <c r="B35" s="472" t="s">
        <v>30</v>
      </c>
      <c r="C35" s="100">
        <v>47200</v>
      </c>
      <c r="D35" s="104">
        <v>92192</v>
      </c>
      <c r="E35" s="161">
        <v>139392</v>
      </c>
      <c r="F35" s="162">
        <v>0</v>
      </c>
      <c r="G35" s="163">
        <v>359358</v>
      </c>
      <c r="H35" s="163">
        <v>26336</v>
      </c>
      <c r="I35" s="163">
        <v>232092</v>
      </c>
      <c r="J35" s="163">
        <v>297240</v>
      </c>
      <c r="K35" s="163">
        <v>61468</v>
      </c>
      <c r="L35" s="164">
        <v>976494</v>
      </c>
      <c r="M35" s="106">
        <v>1115886</v>
      </c>
      <c r="N35" s="100">
        <v>0</v>
      </c>
      <c r="O35" s="104">
        <v>84112</v>
      </c>
      <c r="P35" s="103">
        <v>84112</v>
      </c>
      <c r="Q35" s="100">
        <v>0</v>
      </c>
      <c r="R35" s="104">
        <v>172474</v>
      </c>
      <c r="S35" s="104">
        <v>26336</v>
      </c>
      <c r="T35" s="104">
        <v>97944</v>
      </c>
      <c r="U35" s="104">
        <v>98704</v>
      </c>
      <c r="V35" s="104">
        <v>57068</v>
      </c>
      <c r="W35" s="103">
        <v>452526</v>
      </c>
      <c r="X35" s="106">
        <v>536638</v>
      </c>
      <c r="Y35" s="100">
        <v>0</v>
      </c>
      <c r="Z35" s="104">
        <v>0</v>
      </c>
      <c r="AA35" s="103">
        <v>0</v>
      </c>
      <c r="AB35" s="100">
        <v>0</v>
      </c>
      <c r="AC35" s="104">
        <v>110010</v>
      </c>
      <c r="AD35" s="104">
        <v>26336</v>
      </c>
      <c r="AE35" s="104">
        <v>84904</v>
      </c>
      <c r="AF35" s="104">
        <v>33688</v>
      </c>
      <c r="AG35" s="104">
        <v>57068</v>
      </c>
      <c r="AH35" s="103">
        <v>312006</v>
      </c>
      <c r="AI35" s="106">
        <v>312006</v>
      </c>
      <c r="AJ35" s="100">
        <v>0</v>
      </c>
      <c r="AK35" s="104">
        <v>0</v>
      </c>
      <c r="AL35" s="103">
        <v>0</v>
      </c>
      <c r="AM35" s="100">
        <v>0</v>
      </c>
      <c r="AN35" s="104">
        <v>0</v>
      </c>
      <c r="AO35" s="104">
        <v>0</v>
      </c>
      <c r="AP35" s="104">
        <v>0</v>
      </c>
      <c r="AQ35" s="104">
        <v>0</v>
      </c>
      <c r="AR35" s="104">
        <v>0</v>
      </c>
      <c r="AS35" s="103">
        <v>0</v>
      </c>
      <c r="AT35" s="106">
        <v>0</v>
      </c>
      <c r="AU35" s="100">
        <v>0</v>
      </c>
      <c r="AV35" s="104">
        <v>84112</v>
      </c>
      <c r="AW35" s="103">
        <v>84112</v>
      </c>
      <c r="AX35" s="100">
        <v>0</v>
      </c>
      <c r="AY35" s="104">
        <v>47664</v>
      </c>
      <c r="AZ35" s="104">
        <v>0</v>
      </c>
      <c r="BA35" s="104">
        <v>0</v>
      </c>
      <c r="BB35" s="104">
        <v>42072</v>
      </c>
      <c r="BC35" s="104">
        <v>0</v>
      </c>
      <c r="BD35" s="103">
        <v>89736</v>
      </c>
      <c r="BE35" s="106">
        <v>173848</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14800</v>
      </c>
      <c r="BV35" s="104">
        <v>0</v>
      </c>
      <c r="BW35" s="104">
        <v>13040</v>
      </c>
      <c r="BX35" s="104">
        <v>22944</v>
      </c>
      <c r="BY35" s="104">
        <v>0</v>
      </c>
      <c r="BZ35" s="103">
        <v>50784</v>
      </c>
      <c r="CA35" s="106">
        <v>50784</v>
      </c>
      <c r="CB35" s="100">
        <v>39600</v>
      </c>
      <c r="CC35" s="104">
        <v>0</v>
      </c>
      <c r="CD35" s="103">
        <v>39600</v>
      </c>
      <c r="CE35" s="100">
        <v>0</v>
      </c>
      <c r="CF35" s="104">
        <v>24024</v>
      </c>
      <c r="CG35" s="104">
        <v>0</v>
      </c>
      <c r="CH35" s="104">
        <v>0</v>
      </c>
      <c r="CI35" s="104">
        <v>113336</v>
      </c>
      <c r="CJ35" s="104">
        <v>0</v>
      </c>
      <c r="CK35" s="103">
        <v>137360</v>
      </c>
      <c r="CL35" s="106">
        <v>176960</v>
      </c>
      <c r="CM35" s="100">
        <v>0</v>
      </c>
      <c r="CN35" s="104">
        <v>0</v>
      </c>
      <c r="CO35" s="103">
        <v>0</v>
      </c>
      <c r="CP35" s="101">
        <v>0</v>
      </c>
      <c r="CQ35" s="104">
        <v>24024</v>
      </c>
      <c r="CR35" s="104">
        <v>0</v>
      </c>
      <c r="CS35" s="104">
        <v>0</v>
      </c>
      <c r="CT35" s="104">
        <v>113336</v>
      </c>
      <c r="CU35" s="104">
        <v>0</v>
      </c>
      <c r="CV35" s="103">
        <v>137360</v>
      </c>
      <c r="CW35" s="106">
        <v>137360</v>
      </c>
      <c r="CX35" s="100">
        <v>39600</v>
      </c>
      <c r="CY35" s="104">
        <v>0</v>
      </c>
      <c r="CZ35" s="103">
        <v>39600</v>
      </c>
      <c r="DA35" s="100">
        <v>0</v>
      </c>
      <c r="DB35" s="104">
        <v>0</v>
      </c>
      <c r="DC35" s="104">
        <v>0</v>
      </c>
      <c r="DD35" s="104">
        <v>0</v>
      </c>
      <c r="DE35" s="104">
        <v>0</v>
      </c>
      <c r="DF35" s="104">
        <v>0</v>
      </c>
      <c r="DG35" s="103">
        <v>0</v>
      </c>
      <c r="DH35" s="106">
        <v>39600</v>
      </c>
      <c r="DI35" s="100">
        <v>0</v>
      </c>
      <c r="DJ35" s="104">
        <v>0</v>
      </c>
      <c r="DK35" s="102">
        <v>0</v>
      </c>
      <c r="DL35" s="101">
        <v>0</v>
      </c>
      <c r="DM35" s="104">
        <v>0</v>
      </c>
      <c r="DN35" s="104">
        <v>0</v>
      </c>
      <c r="DO35" s="104">
        <v>109828</v>
      </c>
      <c r="DP35" s="104">
        <v>66952</v>
      </c>
      <c r="DQ35" s="104">
        <v>0</v>
      </c>
      <c r="DR35" s="103">
        <v>176780</v>
      </c>
      <c r="DS35" s="106">
        <v>176780</v>
      </c>
      <c r="DT35" s="100">
        <v>0</v>
      </c>
      <c r="DU35" s="104">
        <v>0</v>
      </c>
      <c r="DV35" s="103">
        <v>0</v>
      </c>
      <c r="DW35" s="100">
        <v>0</v>
      </c>
      <c r="DX35" s="104">
        <v>0</v>
      </c>
      <c r="DY35" s="104">
        <v>0</v>
      </c>
      <c r="DZ35" s="104">
        <v>46376</v>
      </c>
      <c r="EA35" s="104">
        <v>66952</v>
      </c>
      <c r="EB35" s="104">
        <v>0</v>
      </c>
      <c r="EC35" s="103">
        <v>113328</v>
      </c>
      <c r="ED35" s="106">
        <v>113328</v>
      </c>
      <c r="EE35" s="100">
        <v>0</v>
      </c>
      <c r="EF35" s="102">
        <v>0</v>
      </c>
      <c r="EG35" s="103">
        <v>0</v>
      </c>
      <c r="EH35" s="100">
        <v>0</v>
      </c>
      <c r="EI35" s="104">
        <v>0</v>
      </c>
      <c r="EJ35" s="104">
        <v>0</v>
      </c>
      <c r="EK35" s="104">
        <v>63452</v>
      </c>
      <c r="EL35" s="104">
        <v>0</v>
      </c>
      <c r="EM35" s="104">
        <v>0</v>
      </c>
      <c r="EN35" s="102">
        <v>63452</v>
      </c>
      <c r="EO35" s="106">
        <v>63452</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7600</v>
      </c>
      <c r="FM35" s="104">
        <v>8080</v>
      </c>
      <c r="FN35" s="103">
        <v>15680</v>
      </c>
      <c r="FO35" s="100">
        <v>0</v>
      </c>
      <c r="FP35" s="104">
        <v>2240</v>
      </c>
      <c r="FQ35" s="104">
        <v>0</v>
      </c>
      <c r="FR35" s="104">
        <v>24320</v>
      </c>
      <c r="FS35" s="104">
        <v>18248</v>
      </c>
      <c r="FT35" s="104">
        <v>4400</v>
      </c>
      <c r="FU35" s="103">
        <v>49208</v>
      </c>
      <c r="FV35" s="106">
        <v>64888</v>
      </c>
      <c r="FW35" s="105">
        <v>7600</v>
      </c>
      <c r="FX35" s="104">
        <v>8080</v>
      </c>
      <c r="FY35" s="102">
        <v>15680</v>
      </c>
      <c r="FZ35" s="101">
        <v>0</v>
      </c>
      <c r="GA35" s="104">
        <v>2240</v>
      </c>
      <c r="GB35" s="104">
        <v>0</v>
      </c>
      <c r="GC35" s="104">
        <v>24320</v>
      </c>
      <c r="GD35" s="104">
        <v>18248</v>
      </c>
      <c r="GE35" s="104">
        <v>4400</v>
      </c>
      <c r="GF35" s="103">
        <v>49208</v>
      </c>
      <c r="GG35" s="296">
        <v>64888</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60620</v>
      </c>
      <c r="HI35" s="104">
        <v>0</v>
      </c>
      <c r="HJ35" s="104">
        <v>0</v>
      </c>
      <c r="HK35" s="104">
        <v>0</v>
      </c>
      <c r="HL35" s="104">
        <v>0</v>
      </c>
      <c r="HM35" s="103">
        <v>160620</v>
      </c>
      <c r="HN35" s="99">
        <v>160620</v>
      </c>
      <c r="HO35" s="306"/>
      <c r="HP35" s="307"/>
      <c r="HQ35" s="308"/>
      <c r="HR35" s="309"/>
      <c r="HS35" s="307"/>
      <c r="HT35" s="307"/>
      <c r="HU35" s="307"/>
      <c r="HV35" s="307"/>
      <c r="HW35" s="307"/>
      <c r="HX35" s="310"/>
      <c r="HY35" s="311"/>
      <c r="HZ35" s="118">
        <v>26763</v>
      </c>
      <c r="IA35" s="119">
        <v>0</v>
      </c>
      <c r="IB35" s="120">
        <v>26763</v>
      </c>
      <c r="IC35" s="133">
        <v>0</v>
      </c>
      <c r="ID35" s="119">
        <v>18768</v>
      </c>
      <c r="IE35" s="134">
        <v>57712</v>
      </c>
      <c r="IF35" s="120">
        <v>116712</v>
      </c>
      <c r="IG35" s="119">
        <v>254504</v>
      </c>
      <c r="IH35" s="120">
        <v>0</v>
      </c>
      <c r="II35" s="135">
        <v>447696</v>
      </c>
      <c r="IJ35" s="126">
        <v>474459</v>
      </c>
      <c r="IK35" s="219">
        <v>0</v>
      </c>
      <c r="IL35" s="223">
        <v>0</v>
      </c>
      <c r="IM35" s="224">
        <v>0</v>
      </c>
      <c r="IN35" s="127"/>
      <c r="IO35" s="109">
        <v>0</v>
      </c>
      <c r="IP35" s="109">
        <v>0</v>
      </c>
      <c r="IQ35" s="109">
        <v>0</v>
      </c>
      <c r="IR35" s="109">
        <v>0</v>
      </c>
      <c r="IS35" s="109">
        <v>0</v>
      </c>
      <c r="IT35" s="128">
        <v>0</v>
      </c>
      <c r="IU35" s="298">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18768</v>
      </c>
      <c r="JL35" s="109">
        <v>0</v>
      </c>
      <c r="JM35" s="109">
        <v>116712</v>
      </c>
      <c r="JN35" s="109">
        <v>0</v>
      </c>
      <c r="JO35" s="109">
        <v>0</v>
      </c>
      <c r="JP35" s="110">
        <v>135480</v>
      </c>
      <c r="JQ35" s="298">
        <v>135480</v>
      </c>
      <c r="JR35" s="129">
        <v>26763</v>
      </c>
      <c r="JS35" s="109">
        <v>0</v>
      </c>
      <c r="JT35" s="128">
        <v>26763</v>
      </c>
      <c r="JU35" s="108">
        <v>0</v>
      </c>
      <c r="JV35" s="109">
        <v>0</v>
      </c>
      <c r="JW35" s="109">
        <v>57712</v>
      </c>
      <c r="JX35" s="109">
        <v>0</v>
      </c>
      <c r="JY35" s="109">
        <v>0</v>
      </c>
      <c r="JZ35" s="109">
        <v>0</v>
      </c>
      <c r="KA35" s="110">
        <v>57712</v>
      </c>
      <c r="KB35" s="298">
        <v>84475</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254504</v>
      </c>
      <c r="KV35" s="109">
        <v>0</v>
      </c>
      <c r="KW35" s="110">
        <v>254504</v>
      </c>
      <c r="KX35" s="298">
        <v>254504</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440032</v>
      </c>
      <c r="MK35" s="109">
        <v>0</v>
      </c>
      <c r="ML35" s="109">
        <v>246962</v>
      </c>
      <c r="MM35" s="109">
        <v>1691856</v>
      </c>
      <c r="MN35" s="109">
        <v>0</v>
      </c>
      <c r="MO35" s="110">
        <v>2378850</v>
      </c>
      <c r="MP35" s="130">
        <v>2378850</v>
      </c>
      <c r="MQ35" s="129">
        <v>0</v>
      </c>
      <c r="MR35" s="109">
        <v>0</v>
      </c>
      <c r="MS35" s="110">
        <v>0</v>
      </c>
      <c r="MT35" s="132"/>
      <c r="MU35" s="109">
        <v>0</v>
      </c>
      <c r="MV35" s="109">
        <v>0</v>
      </c>
      <c r="MW35" s="109">
        <v>0</v>
      </c>
      <c r="MX35" s="109">
        <v>239208</v>
      </c>
      <c r="MY35" s="109">
        <v>0</v>
      </c>
      <c r="MZ35" s="110">
        <v>239208</v>
      </c>
      <c r="NA35" s="130">
        <v>239208</v>
      </c>
      <c r="NB35" s="129">
        <v>0</v>
      </c>
      <c r="NC35" s="109">
        <v>0</v>
      </c>
      <c r="ND35" s="110">
        <v>0</v>
      </c>
      <c r="NE35" s="132"/>
      <c r="NF35" s="109">
        <v>440032</v>
      </c>
      <c r="NG35" s="109">
        <v>0</v>
      </c>
      <c r="NH35" s="109">
        <v>246962</v>
      </c>
      <c r="NI35" s="109">
        <v>1060136</v>
      </c>
      <c r="NJ35" s="109">
        <v>0</v>
      </c>
      <c r="NK35" s="110">
        <v>1747130</v>
      </c>
      <c r="NL35" s="298">
        <v>1747130</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392512</v>
      </c>
      <c r="OF35" s="109">
        <v>0</v>
      </c>
      <c r="OG35" s="110">
        <v>392512</v>
      </c>
      <c r="OH35" s="111">
        <v>392512</v>
      </c>
      <c r="OI35" s="129">
        <v>73963</v>
      </c>
      <c r="OJ35" s="109">
        <v>92192</v>
      </c>
      <c r="OK35" s="128">
        <v>166155</v>
      </c>
      <c r="OL35" s="108">
        <v>0</v>
      </c>
      <c r="OM35" s="109">
        <v>818158</v>
      </c>
      <c r="ON35" s="109">
        <v>84048</v>
      </c>
      <c r="OO35" s="109">
        <v>595766</v>
      </c>
      <c r="OP35" s="109">
        <v>2243600</v>
      </c>
      <c r="OQ35" s="109">
        <v>61468</v>
      </c>
      <c r="OR35" s="110">
        <v>3803040</v>
      </c>
      <c r="OS35" s="130">
        <v>3969195</v>
      </c>
    </row>
    <row r="36" spans="2:409" ht="21" customHeight="1" x14ac:dyDescent="0.2">
      <c r="B36" s="472" t="s">
        <v>31</v>
      </c>
      <c r="C36" s="100">
        <v>12496</v>
      </c>
      <c r="D36" s="104">
        <v>0</v>
      </c>
      <c r="E36" s="103">
        <v>12496</v>
      </c>
      <c r="F36" s="99">
        <v>0</v>
      </c>
      <c r="G36" s="104">
        <v>83616</v>
      </c>
      <c r="H36" s="104">
        <v>234690</v>
      </c>
      <c r="I36" s="104">
        <v>977146</v>
      </c>
      <c r="J36" s="104">
        <v>67582</v>
      </c>
      <c r="K36" s="104">
        <v>16672</v>
      </c>
      <c r="L36" s="160">
        <v>1379706</v>
      </c>
      <c r="M36" s="106">
        <v>1392202</v>
      </c>
      <c r="N36" s="100">
        <v>7296</v>
      </c>
      <c r="O36" s="104">
        <v>0</v>
      </c>
      <c r="P36" s="103">
        <v>7296</v>
      </c>
      <c r="Q36" s="100">
        <v>0</v>
      </c>
      <c r="R36" s="104">
        <v>0</v>
      </c>
      <c r="S36" s="104">
        <v>56856</v>
      </c>
      <c r="T36" s="104">
        <v>228168</v>
      </c>
      <c r="U36" s="104">
        <v>29840</v>
      </c>
      <c r="V36" s="104">
        <v>16672</v>
      </c>
      <c r="W36" s="103">
        <v>331536</v>
      </c>
      <c r="X36" s="106">
        <v>338832</v>
      </c>
      <c r="Y36" s="100">
        <v>0</v>
      </c>
      <c r="Z36" s="104">
        <v>0</v>
      </c>
      <c r="AA36" s="103">
        <v>0</v>
      </c>
      <c r="AB36" s="100">
        <v>0</v>
      </c>
      <c r="AC36" s="104">
        <v>0</v>
      </c>
      <c r="AD36" s="104">
        <v>0</v>
      </c>
      <c r="AE36" s="104">
        <v>0</v>
      </c>
      <c r="AF36" s="104">
        <v>0</v>
      </c>
      <c r="AG36" s="104">
        <v>0</v>
      </c>
      <c r="AH36" s="103">
        <v>0</v>
      </c>
      <c r="AI36" s="106">
        <v>0</v>
      </c>
      <c r="AJ36" s="100">
        <v>0</v>
      </c>
      <c r="AK36" s="104">
        <v>0</v>
      </c>
      <c r="AL36" s="103">
        <v>0</v>
      </c>
      <c r="AM36" s="100">
        <v>0</v>
      </c>
      <c r="AN36" s="104">
        <v>0</v>
      </c>
      <c r="AO36" s="104">
        <v>56856</v>
      </c>
      <c r="AP36" s="104">
        <v>102336</v>
      </c>
      <c r="AQ36" s="104">
        <v>0</v>
      </c>
      <c r="AR36" s="104">
        <v>0</v>
      </c>
      <c r="AS36" s="103">
        <v>159192</v>
      </c>
      <c r="AT36" s="106">
        <v>159192</v>
      </c>
      <c r="AU36" s="100">
        <v>7296</v>
      </c>
      <c r="AV36" s="104">
        <v>0</v>
      </c>
      <c r="AW36" s="103">
        <v>7296</v>
      </c>
      <c r="AX36" s="100">
        <v>0</v>
      </c>
      <c r="AY36" s="104">
        <v>0</v>
      </c>
      <c r="AZ36" s="104">
        <v>0</v>
      </c>
      <c r="BA36" s="104">
        <v>94328</v>
      </c>
      <c r="BB36" s="104">
        <v>0</v>
      </c>
      <c r="BC36" s="104">
        <v>0</v>
      </c>
      <c r="BD36" s="103">
        <v>94328</v>
      </c>
      <c r="BE36" s="106">
        <v>101624</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0</v>
      </c>
      <c r="BW36" s="104">
        <v>31504</v>
      </c>
      <c r="BX36" s="104">
        <v>29840</v>
      </c>
      <c r="BY36" s="104">
        <v>16672</v>
      </c>
      <c r="BZ36" s="103">
        <v>78016</v>
      </c>
      <c r="CA36" s="106">
        <v>78016</v>
      </c>
      <c r="CB36" s="100">
        <v>0</v>
      </c>
      <c r="CC36" s="104">
        <v>0</v>
      </c>
      <c r="CD36" s="103">
        <v>0</v>
      </c>
      <c r="CE36" s="100">
        <v>0</v>
      </c>
      <c r="CF36" s="104">
        <v>77216</v>
      </c>
      <c r="CG36" s="104">
        <v>128194</v>
      </c>
      <c r="CH36" s="104">
        <v>307150</v>
      </c>
      <c r="CI36" s="104">
        <v>0</v>
      </c>
      <c r="CJ36" s="104">
        <v>0</v>
      </c>
      <c r="CK36" s="103">
        <v>512560</v>
      </c>
      <c r="CL36" s="106">
        <v>512560</v>
      </c>
      <c r="CM36" s="100">
        <v>0</v>
      </c>
      <c r="CN36" s="104">
        <v>0</v>
      </c>
      <c r="CO36" s="103">
        <v>0</v>
      </c>
      <c r="CP36" s="101">
        <v>0</v>
      </c>
      <c r="CQ36" s="104">
        <v>29744</v>
      </c>
      <c r="CR36" s="104">
        <v>64579</v>
      </c>
      <c r="CS36" s="104">
        <v>186470</v>
      </c>
      <c r="CT36" s="104">
        <v>0</v>
      </c>
      <c r="CU36" s="104">
        <v>0</v>
      </c>
      <c r="CV36" s="103">
        <v>280793</v>
      </c>
      <c r="CW36" s="106">
        <v>280793</v>
      </c>
      <c r="CX36" s="100">
        <v>0</v>
      </c>
      <c r="CY36" s="104">
        <v>0</v>
      </c>
      <c r="CZ36" s="103">
        <v>0</v>
      </c>
      <c r="DA36" s="100">
        <v>0</v>
      </c>
      <c r="DB36" s="104">
        <v>47472</v>
      </c>
      <c r="DC36" s="104">
        <v>63615</v>
      </c>
      <c r="DD36" s="104">
        <v>120680</v>
      </c>
      <c r="DE36" s="104">
        <v>0</v>
      </c>
      <c r="DF36" s="104">
        <v>0</v>
      </c>
      <c r="DG36" s="103">
        <v>231767</v>
      </c>
      <c r="DH36" s="106">
        <v>231767</v>
      </c>
      <c r="DI36" s="100">
        <v>0</v>
      </c>
      <c r="DJ36" s="104">
        <v>0</v>
      </c>
      <c r="DK36" s="102">
        <v>0</v>
      </c>
      <c r="DL36" s="101">
        <v>0</v>
      </c>
      <c r="DM36" s="104">
        <v>0</v>
      </c>
      <c r="DN36" s="104">
        <v>0</v>
      </c>
      <c r="DO36" s="104">
        <v>180822</v>
      </c>
      <c r="DP36" s="104">
        <v>27142</v>
      </c>
      <c r="DQ36" s="104">
        <v>0</v>
      </c>
      <c r="DR36" s="103">
        <v>207964</v>
      </c>
      <c r="DS36" s="106">
        <v>207964</v>
      </c>
      <c r="DT36" s="100">
        <v>0</v>
      </c>
      <c r="DU36" s="104">
        <v>0</v>
      </c>
      <c r="DV36" s="103">
        <v>0</v>
      </c>
      <c r="DW36" s="100">
        <v>0</v>
      </c>
      <c r="DX36" s="104">
        <v>0</v>
      </c>
      <c r="DY36" s="104">
        <v>0</v>
      </c>
      <c r="DZ36" s="104">
        <v>180822</v>
      </c>
      <c r="EA36" s="104">
        <v>27142</v>
      </c>
      <c r="EB36" s="104">
        <v>0</v>
      </c>
      <c r="EC36" s="103">
        <v>207964</v>
      </c>
      <c r="ED36" s="106">
        <v>207964</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5200</v>
      </c>
      <c r="FM36" s="104">
        <v>0</v>
      </c>
      <c r="FN36" s="103">
        <v>5200</v>
      </c>
      <c r="FO36" s="100">
        <v>0</v>
      </c>
      <c r="FP36" s="104">
        <v>6400</v>
      </c>
      <c r="FQ36" s="104">
        <v>49640</v>
      </c>
      <c r="FR36" s="104">
        <v>57600</v>
      </c>
      <c r="FS36" s="104">
        <v>10600</v>
      </c>
      <c r="FT36" s="104">
        <v>0</v>
      </c>
      <c r="FU36" s="103">
        <v>124240</v>
      </c>
      <c r="FV36" s="106">
        <v>129440</v>
      </c>
      <c r="FW36" s="105">
        <v>5200</v>
      </c>
      <c r="FX36" s="104">
        <v>0</v>
      </c>
      <c r="FY36" s="102">
        <v>5200</v>
      </c>
      <c r="FZ36" s="101">
        <v>0</v>
      </c>
      <c r="GA36" s="104">
        <v>6400</v>
      </c>
      <c r="GB36" s="104">
        <v>49640</v>
      </c>
      <c r="GC36" s="104">
        <v>57600</v>
      </c>
      <c r="GD36" s="104">
        <v>10600</v>
      </c>
      <c r="GE36" s="104">
        <v>0</v>
      </c>
      <c r="GF36" s="103">
        <v>124240</v>
      </c>
      <c r="GG36" s="296">
        <v>129440</v>
      </c>
      <c r="GH36" s="105">
        <v>0</v>
      </c>
      <c r="GI36" s="104">
        <v>0</v>
      </c>
      <c r="GJ36" s="102">
        <v>0</v>
      </c>
      <c r="GK36" s="101">
        <v>0</v>
      </c>
      <c r="GL36" s="104">
        <v>0</v>
      </c>
      <c r="GM36" s="104">
        <v>0</v>
      </c>
      <c r="GN36" s="104">
        <v>0</v>
      </c>
      <c r="GO36" s="104">
        <v>0</v>
      </c>
      <c r="GP36" s="104">
        <v>0</v>
      </c>
      <c r="GQ36" s="103">
        <v>0</v>
      </c>
      <c r="GR36" s="106">
        <v>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203406</v>
      </c>
      <c r="HK36" s="104">
        <v>0</v>
      </c>
      <c r="HL36" s="104">
        <v>0</v>
      </c>
      <c r="HM36" s="103">
        <v>203406</v>
      </c>
      <c r="HN36" s="99">
        <v>203406</v>
      </c>
      <c r="HO36" s="306"/>
      <c r="HP36" s="307"/>
      <c r="HQ36" s="308"/>
      <c r="HR36" s="309"/>
      <c r="HS36" s="307"/>
      <c r="HT36" s="307"/>
      <c r="HU36" s="307"/>
      <c r="HV36" s="307"/>
      <c r="HW36" s="307"/>
      <c r="HX36" s="310"/>
      <c r="HY36" s="311"/>
      <c r="HZ36" s="137">
        <v>0</v>
      </c>
      <c r="IA36" s="122">
        <v>0</v>
      </c>
      <c r="IB36" s="137">
        <v>0</v>
      </c>
      <c r="IC36" s="121">
        <v>0</v>
      </c>
      <c r="ID36" s="122">
        <v>156809</v>
      </c>
      <c r="IE36" s="123">
        <v>346681</v>
      </c>
      <c r="IF36" s="124">
        <v>20409</v>
      </c>
      <c r="IG36" s="122">
        <v>432644</v>
      </c>
      <c r="IH36" s="124">
        <v>253728</v>
      </c>
      <c r="II36" s="125">
        <v>1210271</v>
      </c>
      <c r="IJ36" s="137">
        <v>1210271</v>
      </c>
      <c r="IK36" s="219">
        <v>0</v>
      </c>
      <c r="IL36" s="223">
        <v>0</v>
      </c>
      <c r="IM36" s="224">
        <v>0</v>
      </c>
      <c r="IN36" s="127"/>
      <c r="IO36" s="109">
        <v>0</v>
      </c>
      <c r="IP36" s="109">
        <v>0</v>
      </c>
      <c r="IQ36" s="109">
        <v>0</v>
      </c>
      <c r="IR36" s="109">
        <v>0</v>
      </c>
      <c r="IS36" s="109">
        <v>0</v>
      </c>
      <c r="IT36" s="128">
        <v>0</v>
      </c>
      <c r="IU36" s="298">
        <v>0</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20231</v>
      </c>
      <c r="JL36" s="109">
        <v>18284</v>
      </c>
      <c r="JM36" s="109">
        <v>20409</v>
      </c>
      <c r="JN36" s="109">
        <v>0</v>
      </c>
      <c r="JO36" s="109">
        <v>0</v>
      </c>
      <c r="JP36" s="110">
        <v>58924</v>
      </c>
      <c r="JQ36" s="298">
        <v>58924</v>
      </c>
      <c r="JR36" s="129">
        <v>0</v>
      </c>
      <c r="JS36" s="109">
        <v>0</v>
      </c>
      <c r="JT36" s="128">
        <v>0</v>
      </c>
      <c r="JU36" s="108">
        <v>0</v>
      </c>
      <c r="JV36" s="109">
        <v>0</v>
      </c>
      <c r="JW36" s="109">
        <v>0</v>
      </c>
      <c r="JX36" s="109">
        <v>0</v>
      </c>
      <c r="JY36" s="109">
        <v>194972</v>
      </c>
      <c r="JZ36" s="109">
        <v>0</v>
      </c>
      <c r="KA36" s="110">
        <v>194972</v>
      </c>
      <c r="KB36" s="298">
        <v>194972</v>
      </c>
      <c r="KC36" s="221">
        <v>0</v>
      </c>
      <c r="KD36" s="217">
        <v>0</v>
      </c>
      <c r="KE36" s="110">
        <v>0</v>
      </c>
      <c r="KF36" s="108">
        <v>0</v>
      </c>
      <c r="KG36" s="109">
        <v>136578</v>
      </c>
      <c r="KH36" s="109">
        <v>0</v>
      </c>
      <c r="KI36" s="109">
        <v>0</v>
      </c>
      <c r="KJ36" s="109">
        <v>0</v>
      </c>
      <c r="KK36" s="109">
        <v>0</v>
      </c>
      <c r="KL36" s="110">
        <v>136578</v>
      </c>
      <c r="KM36" s="130">
        <v>136578</v>
      </c>
      <c r="KN36" s="219">
        <v>0</v>
      </c>
      <c r="KO36" s="223">
        <v>0</v>
      </c>
      <c r="KP36" s="224">
        <v>0</v>
      </c>
      <c r="KQ36" s="127"/>
      <c r="KR36" s="109">
        <v>0</v>
      </c>
      <c r="KS36" s="109">
        <v>242069</v>
      </c>
      <c r="KT36" s="109">
        <v>0</v>
      </c>
      <c r="KU36" s="109">
        <v>237672</v>
      </c>
      <c r="KV36" s="109">
        <v>253728</v>
      </c>
      <c r="KW36" s="110">
        <v>733469</v>
      </c>
      <c r="KX36" s="298">
        <v>733469</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86328</v>
      </c>
      <c r="LP36" s="109">
        <v>0</v>
      </c>
      <c r="LQ36" s="109">
        <v>0</v>
      </c>
      <c r="LR36" s="109">
        <v>0</v>
      </c>
      <c r="LS36" s="110">
        <v>86328</v>
      </c>
      <c r="LT36" s="298">
        <v>86328</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0</v>
      </c>
      <c r="MK36" s="109">
        <v>0</v>
      </c>
      <c r="ML36" s="109">
        <v>426981</v>
      </c>
      <c r="MM36" s="109">
        <v>277585</v>
      </c>
      <c r="MN36" s="109">
        <v>0</v>
      </c>
      <c r="MO36" s="110">
        <v>704566</v>
      </c>
      <c r="MP36" s="130">
        <v>704566</v>
      </c>
      <c r="MQ36" s="129">
        <v>0</v>
      </c>
      <c r="MR36" s="109">
        <v>0</v>
      </c>
      <c r="MS36" s="110">
        <v>0</v>
      </c>
      <c r="MT36" s="132"/>
      <c r="MU36" s="109">
        <v>0</v>
      </c>
      <c r="MV36" s="109">
        <v>0</v>
      </c>
      <c r="MW36" s="109">
        <v>426981</v>
      </c>
      <c r="MX36" s="109">
        <v>277585</v>
      </c>
      <c r="MY36" s="109">
        <v>0</v>
      </c>
      <c r="MZ36" s="110">
        <v>704566</v>
      </c>
      <c r="NA36" s="130">
        <v>704566</v>
      </c>
      <c r="NB36" s="129">
        <v>0</v>
      </c>
      <c r="NC36" s="109">
        <v>0</v>
      </c>
      <c r="ND36" s="110">
        <v>0</v>
      </c>
      <c r="NE36" s="132"/>
      <c r="NF36" s="109">
        <v>0</v>
      </c>
      <c r="NG36" s="109">
        <v>0</v>
      </c>
      <c r="NH36" s="109">
        <v>0</v>
      </c>
      <c r="NI36" s="109">
        <v>0</v>
      </c>
      <c r="NJ36" s="109">
        <v>0</v>
      </c>
      <c r="NK36" s="110">
        <v>0</v>
      </c>
      <c r="NL36" s="298">
        <v>0</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12496</v>
      </c>
      <c r="OJ36" s="109">
        <v>0</v>
      </c>
      <c r="OK36" s="128">
        <v>12496</v>
      </c>
      <c r="OL36" s="108">
        <v>0</v>
      </c>
      <c r="OM36" s="109">
        <v>240425</v>
      </c>
      <c r="ON36" s="109">
        <v>581371</v>
      </c>
      <c r="OO36" s="109">
        <v>1424536</v>
      </c>
      <c r="OP36" s="109">
        <v>777811</v>
      </c>
      <c r="OQ36" s="109">
        <v>270400</v>
      </c>
      <c r="OR36" s="110">
        <v>3294543</v>
      </c>
      <c r="OS36" s="130">
        <v>3307039</v>
      </c>
    </row>
    <row r="37" spans="2:409" ht="21" customHeight="1" x14ac:dyDescent="0.2">
      <c r="B37" s="472" t="s">
        <v>32</v>
      </c>
      <c r="C37" s="100">
        <v>0</v>
      </c>
      <c r="D37" s="104">
        <v>20240</v>
      </c>
      <c r="E37" s="161">
        <v>20240</v>
      </c>
      <c r="F37" s="162">
        <v>0</v>
      </c>
      <c r="G37" s="163">
        <v>490736</v>
      </c>
      <c r="H37" s="163">
        <v>1110074</v>
      </c>
      <c r="I37" s="163">
        <v>300336</v>
      </c>
      <c r="J37" s="163">
        <v>437737</v>
      </c>
      <c r="K37" s="163">
        <v>738936</v>
      </c>
      <c r="L37" s="164">
        <v>3077819</v>
      </c>
      <c r="M37" s="106">
        <v>3098059</v>
      </c>
      <c r="N37" s="100">
        <v>0</v>
      </c>
      <c r="O37" s="104">
        <v>8240</v>
      </c>
      <c r="P37" s="103">
        <v>8240</v>
      </c>
      <c r="Q37" s="100">
        <v>0</v>
      </c>
      <c r="R37" s="104">
        <v>208864</v>
      </c>
      <c r="S37" s="104">
        <v>259602</v>
      </c>
      <c r="T37" s="104">
        <v>9600</v>
      </c>
      <c r="U37" s="104">
        <v>118392</v>
      </c>
      <c r="V37" s="104">
        <v>263760</v>
      </c>
      <c r="W37" s="103">
        <v>860218</v>
      </c>
      <c r="X37" s="106">
        <v>868458</v>
      </c>
      <c r="Y37" s="100">
        <v>0</v>
      </c>
      <c r="Z37" s="104">
        <v>0</v>
      </c>
      <c r="AA37" s="103">
        <v>0</v>
      </c>
      <c r="AB37" s="100">
        <v>0</v>
      </c>
      <c r="AC37" s="104">
        <v>107024</v>
      </c>
      <c r="AD37" s="104">
        <v>73440</v>
      </c>
      <c r="AE37" s="104">
        <v>0</v>
      </c>
      <c r="AF37" s="104">
        <v>78008</v>
      </c>
      <c r="AG37" s="104">
        <v>176224</v>
      </c>
      <c r="AH37" s="103">
        <v>434696</v>
      </c>
      <c r="AI37" s="106">
        <v>434696</v>
      </c>
      <c r="AJ37" s="100">
        <v>0</v>
      </c>
      <c r="AK37" s="104">
        <v>0</v>
      </c>
      <c r="AL37" s="103">
        <v>0</v>
      </c>
      <c r="AM37" s="100">
        <v>0</v>
      </c>
      <c r="AN37" s="104">
        <v>0</v>
      </c>
      <c r="AO37" s="104">
        <v>0</v>
      </c>
      <c r="AP37" s="104">
        <v>0</v>
      </c>
      <c r="AQ37" s="104">
        <v>0</v>
      </c>
      <c r="AR37" s="104">
        <v>46112</v>
      </c>
      <c r="AS37" s="103">
        <v>46112</v>
      </c>
      <c r="AT37" s="106">
        <v>46112</v>
      </c>
      <c r="AU37" s="100">
        <v>0</v>
      </c>
      <c r="AV37" s="104">
        <v>8240</v>
      </c>
      <c r="AW37" s="103">
        <v>8240</v>
      </c>
      <c r="AX37" s="100">
        <v>0</v>
      </c>
      <c r="AY37" s="104">
        <v>93568</v>
      </c>
      <c r="AZ37" s="104">
        <v>119922</v>
      </c>
      <c r="BA37" s="104">
        <v>0</v>
      </c>
      <c r="BB37" s="104">
        <v>0</v>
      </c>
      <c r="BC37" s="104">
        <v>0</v>
      </c>
      <c r="BD37" s="103">
        <v>213490</v>
      </c>
      <c r="BE37" s="106">
        <v>221730</v>
      </c>
      <c r="BF37" s="100">
        <v>0</v>
      </c>
      <c r="BG37" s="104">
        <v>0</v>
      </c>
      <c r="BH37" s="102">
        <v>0</v>
      </c>
      <c r="BI37" s="101">
        <v>0</v>
      </c>
      <c r="BJ37" s="104">
        <v>0</v>
      </c>
      <c r="BK37" s="104">
        <v>30592</v>
      </c>
      <c r="BL37" s="104">
        <v>0</v>
      </c>
      <c r="BM37" s="104">
        <v>0</v>
      </c>
      <c r="BN37" s="104">
        <v>0</v>
      </c>
      <c r="BO37" s="103">
        <v>30592</v>
      </c>
      <c r="BP37" s="106">
        <v>30592</v>
      </c>
      <c r="BQ37" s="100">
        <v>0</v>
      </c>
      <c r="BR37" s="104">
        <v>0</v>
      </c>
      <c r="BS37" s="103">
        <v>0</v>
      </c>
      <c r="BT37" s="100">
        <v>0</v>
      </c>
      <c r="BU37" s="104">
        <v>8272</v>
      </c>
      <c r="BV37" s="104">
        <v>35648</v>
      </c>
      <c r="BW37" s="104">
        <v>9600</v>
      </c>
      <c r="BX37" s="104">
        <v>40384</v>
      </c>
      <c r="BY37" s="104">
        <v>41424</v>
      </c>
      <c r="BZ37" s="103">
        <v>135328</v>
      </c>
      <c r="CA37" s="106">
        <v>135328</v>
      </c>
      <c r="CB37" s="100">
        <v>0</v>
      </c>
      <c r="CC37" s="104">
        <v>0</v>
      </c>
      <c r="CD37" s="103">
        <v>0</v>
      </c>
      <c r="CE37" s="100">
        <v>0</v>
      </c>
      <c r="CF37" s="104">
        <v>87920</v>
      </c>
      <c r="CG37" s="104">
        <v>333387</v>
      </c>
      <c r="CH37" s="104">
        <v>42824</v>
      </c>
      <c r="CI37" s="104">
        <v>88122</v>
      </c>
      <c r="CJ37" s="104">
        <v>0</v>
      </c>
      <c r="CK37" s="103">
        <v>552253</v>
      </c>
      <c r="CL37" s="106">
        <v>552253</v>
      </c>
      <c r="CM37" s="100">
        <v>0</v>
      </c>
      <c r="CN37" s="104">
        <v>0</v>
      </c>
      <c r="CO37" s="103">
        <v>0</v>
      </c>
      <c r="CP37" s="101">
        <v>0</v>
      </c>
      <c r="CQ37" s="104">
        <v>87920</v>
      </c>
      <c r="CR37" s="104">
        <v>195192</v>
      </c>
      <c r="CS37" s="104">
        <v>42824</v>
      </c>
      <c r="CT37" s="104">
        <v>88122</v>
      </c>
      <c r="CU37" s="104">
        <v>0</v>
      </c>
      <c r="CV37" s="103">
        <v>414058</v>
      </c>
      <c r="CW37" s="106">
        <v>414058</v>
      </c>
      <c r="CX37" s="100">
        <v>0</v>
      </c>
      <c r="CY37" s="104">
        <v>0</v>
      </c>
      <c r="CZ37" s="103">
        <v>0</v>
      </c>
      <c r="DA37" s="100">
        <v>0</v>
      </c>
      <c r="DB37" s="104">
        <v>0</v>
      </c>
      <c r="DC37" s="104">
        <v>138195</v>
      </c>
      <c r="DD37" s="104">
        <v>0</v>
      </c>
      <c r="DE37" s="104">
        <v>0</v>
      </c>
      <c r="DF37" s="104">
        <v>0</v>
      </c>
      <c r="DG37" s="103">
        <v>138195</v>
      </c>
      <c r="DH37" s="106">
        <v>138195</v>
      </c>
      <c r="DI37" s="100">
        <v>0</v>
      </c>
      <c r="DJ37" s="104">
        <v>0</v>
      </c>
      <c r="DK37" s="102">
        <v>0</v>
      </c>
      <c r="DL37" s="101">
        <v>0</v>
      </c>
      <c r="DM37" s="104">
        <v>0</v>
      </c>
      <c r="DN37" s="104">
        <v>57737</v>
      </c>
      <c r="DO37" s="104">
        <v>26752</v>
      </c>
      <c r="DP37" s="104">
        <v>0</v>
      </c>
      <c r="DQ37" s="104">
        <v>0</v>
      </c>
      <c r="DR37" s="103">
        <v>84489</v>
      </c>
      <c r="DS37" s="106">
        <v>84489</v>
      </c>
      <c r="DT37" s="100">
        <v>0</v>
      </c>
      <c r="DU37" s="104">
        <v>0</v>
      </c>
      <c r="DV37" s="103">
        <v>0</v>
      </c>
      <c r="DW37" s="100">
        <v>0</v>
      </c>
      <c r="DX37" s="104">
        <v>0</v>
      </c>
      <c r="DY37" s="104">
        <v>57737</v>
      </c>
      <c r="DZ37" s="104">
        <v>0</v>
      </c>
      <c r="EA37" s="104">
        <v>0</v>
      </c>
      <c r="EB37" s="104">
        <v>0</v>
      </c>
      <c r="EC37" s="103">
        <v>57737</v>
      </c>
      <c r="ED37" s="106">
        <v>57737</v>
      </c>
      <c r="EE37" s="100">
        <v>0</v>
      </c>
      <c r="EF37" s="102">
        <v>0</v>
      </c>
      <c r="EG37" s="103">
        <v>0</v>
      </c>
      <c r="EH37" s="100">
        <v>0</v>
      </c>
      <c r="EI37" s="104">
        <v>0</v>
      </c>
      <c r="EJ37" s="104">
        <v>0</v>
      </c>
      <c r="EK37" s="104">
        <v>26752</v>
      </c>
      <c r="EL37" s="104">
        <v>0</v>
      </c>
      <c r="EM37" s="104">
        <v>0</v>
      </c>
      <c r="EN37" s="102">
        <v>26752</v>
      </c>
      <c r="EO37" s="106">
        <v>26752</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0</v>
      </c>
      <c r="FM37" s="104">
        <v>12000</v>
      </c>
      <c r="FN37" s="103">
        <v>12000</v>
      </c>
      <c r="FO37" s="100">
        <v>0</v>
      </c>
      <c r="FP37" s="104">
        <v>40520</v>
      </c>
      <c r="FQ37" s="104">
        <v>108896</v>
      </c>
      <c r="FR37" s="104">
        <v>30672</v>
      </c>
      <c r="FS37" s="104">
        <v>11272</v>
      </c>
      <c r="FT37" s="104">
        <v>22080</v>
      </c>
      <c r="FU37" s="103">
        <v>213440</v>
      </c>
      <c r="FV37" s="106">
        <v>225440</v>
      </c>
      <c r="FW37" s="105">
        <v>0</v>
      </c>
      <c r="FX37" s="104">
        <v>12000</v>
      </c>
      <c r="FY37" s="102">
        <v>12000</v>
      </c>
      <c r="FZ37" s="101">
        <v>0</v>
      </c>
      <c r="GA37" s="104">
        <v>40520</v>
      </c>
      <c r="GB37" s="104">
        <v>94496</v>
      </c>
      <c r="GC37" s="104">
        <v>30672</v>
      </c>
      <c r="GD37" s="104">
        <v>11272</v>
      </c>
      <c r="GE37" s="104">
        <v>22080</v>
      </c>
      <c r="GF37" s="103">
        <v>199040</v>
      </c>
      <c r="GG37" s="296">
        <v>211040</v>
      </c>
      <c r="GH37" s="105">
        <v>0</v>
      </c>
      <c r="GI37" s="104">
        <v>0</v>
      </c>
      <c r="GJ37" s="102">
        <v>0</v>
      </c>
      <c r="GK37" s="101">
        <v>0</v>
      </c>
      <c r="GL37" s="104">
        <v>0</v>
      </c>
      <c r="GM37" s="104">
        <v>14400</v>
      </c>
      <c r="GN37" s="104">
        <v>0</v>
      </c>
      <c r="GO37" s="104">
        <v>0</v>
      </c>
      <c r="GP37" s="104">
        <v>0</v>
      </c>
      <c r="GQ37" s="103">
        <v>14400</v>
      </c>
      <c r="GR37" s="106">
        <v>1440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153432</v>
      </c>
      <c r="HI37" s="104">
        <v>350452</v>
      </c>
      <c r="HJ37" s="104">
        <v>190488</v>
      </c>
      <c r="HK37" s="104">
        <v>219951</v>
      </c>
      <c r="HL37" s="104">
        <v>453096</v>
      </c>
      <c r="HM37" s="103">
        <v>1367419</v>
      </c>
      <c r="HN37" s="99">
        <v>1367419</v>
      </c>
      <c r="HO37" s="306"/>
      <c r="HP37" s="307"/>
      <c r="HQ37" s="308"/>
      <c r="HR37" s="309"/>
      <c r="HS37" s="307"/>
      <c r="HT37" s="307"/>
      <c r="HU37" s="307"/>
      <c r="HV37" s="307"/>
      <c r="HW37" s="307"/>
      <c r="HX37" s="310"/>
      <c r="HY37" s="311"/>
      <c r="HZ37" s="118">
        <v>0</v>
      </c>
      <c r="IA37" s="119">
        <v>0</v>
      </c>
      <c r="IB37" s="120">
        <v>0</v>
      </c>
      <c r="IC37" s="133">
        <v>0</v>
      </c>
      <c r="ID37" s="119">
        <v>132832</v>
      </c>
      <c r="IE37" s="134">
        <v>138312</v>
      </c>
      <c r="IF37" s="120">
        <v>217992</v>
      </c>
      <c r="IG37" s="119">
        <v>222048</v>
      </c>
      <c r="IH37" s="120">
        <v>42134</v>
      </c>
      <c r="II37" s="135">
        <v>753318</v>
      </c>
      <c r="IJ37" s="126">
        <v>753318</v>
      </c>
      <c r="IK37" s="219">
        <v>0</v>
      </c>
      <c r="IL37" s="223">
        <v>0</v>
      </c>
      <c r="IM37" s="224">
        <v>0</v>
      </c>
      <c r="IN37" s="127"/>
      <c r="IO37" s="109">
        <v>0</v>
      </c>
      <c r="IP37" s="109">
        <v>0</v>
      </c>
      <c r="IQ37" s="109">
        <v>0</v>
      </c>
      <c r="IR37" s="109">
        <v>0</v>
      </c>
      <c r="IS37" s="109">
        <v>0</v>
      </c>
      <c r="IT37" s="128">
        <v>0</v>
      </c>
      <c r="IU37" s="298">
        <v>0</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132832</v>
      </c>
      <c r="JL37" s="109">
        <v>138312</v>
      </c>
      <c r="JM37" s="109">
        <v>0</v>
      </c>
      <c r="JN37" s="109">
        <v>0</v>
      </c>
      <c r="JO37" s="109">
        <v>42134</v>
      </c>
      <c r="JP37" s="110">
        <v>313278</v>
      </c>
      <c r="JQ37" s="298">
        <v>313278</v>
      </c>
      <c r="JR37" s="129">
        <v>0</v>
      </c>
      <c r="JS37" s="109">
        <v>0</v>
      </c>
      <c r="JT37" s="128">
        <v>0</v>
      </c>
      <c r="JU37" s="108">
        <v>0</v>
      </c>
      <c r="JV37" s="109">
        <v>0</v>
      </c>
      <c r="JW37" s="109">
        <v>0</v>
      </c>
      <c r="JX37" s="109">
        <v>0</v>
      </c>
      <c r="JY37" s="109">
        <v>0</v>
      </c>
      <c r="JZ37" s="109">
        <v>0</v>
      </c>
      <c r="KA37" s="110">
        <v>0</v>
      </c>
      <c r="KB37" s="298">
        <v>0</v>
      </c>
      <c r="KC37" s="221">
        <v>0</v>
      </c>
      <c r="KD37" s="217">
        <v>0</v>
      </c>
      <c r="KE37" s="110">
        <v>0</v>
      </c>
      <c r="KF37" s="108">
        <v>0</v>
      </c>
      <c r="KG37" s="109">
        <v>0</v>
      </c>
      <c r="KH37" s="109">
        <v>0</v>
      </c>
      <c r="KI37" s="109">
        <v>0</v>
      </c>
      <c r="KJ37" s="109">
        <v>0</v>
      </c>
      <c r="KK37" s="109">
        <v>0</v>
      </c>
      <c r="KL37" s="110">
        <v>0</v>
      </c>
      <c r="KM37" s="130">
        <v>0</v>
      </c>
      <c r="KN37" s="219">
        <v>0</v>
      </c>
      <c r="KO37" s="223">
        <v>0</v>
      </c>
      <c r="KP37" s="224">
        <v>0</v>
      </c>
      <c r="KQ37" s="127"/>
      <c r="KR37" s="109">
        <v>0</v>
      </c>
      <c r="KS37" s="109">
        <v>0</v>
      </c>
      <c r="KT37" s="109">
        <v>15424</v>
      </c>
      <c r="KU37" s="109">
        <v>0</v>
      </c>
      <c r="KV37" s="109">
        <v>0</v>
      </c>
      <c r="KW37" s="110">
        <v>15424</v>
      </c>
      <c r="KX37" s="298">
        <v>15424</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202568</v>
      </c>
      <c r="LQ37" s="109">
        <v>222048</v>
      </c>
      <c r="LR37" s="109">
        <v>0</v>
      </c>
      <c r="LS37" s="110">
        <v>424616</v>
      </c>
      <c r="LT37" s="298">
        <v>424616</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326315</v>
      </c>
      <c r="MK37" s="109">
        <v>0</v>
      </c>
      <c r="ML37" s="109">
        <v>217768</v>
      </c>
      <c r="MM37" s="109">
        <v>1352419</v>
      </c>
      <c r="MN37" s="109">
        <v>314644</v>
      </c>
      <c r="MO37" s="110">
        <v>2211146</v>
      </c>
      <c r="MP37" s="130">
        <v>2211146</v>
      </c>
      <c r="MQ37" s="129">
        <v>0</v>
      </c>
      <c r="MR37" s="109">
        <v>0</v>
      </c>
      <c r="MS37" s="110">
        <v>0</v>
      </c>
      <c r="MT37" s="132"/>
      <c r="MU37" s="109">
        <v>0</v>
      </c>
      <c r="MV37" s="109">
        <v>0</v>
      </c>
      <c r="MW37" s="109">
        <v>217768</v>
      </c>
      <c r="MX37" s="109">
        <v>1066967</v>
      </c>
      <c r="MY37" s="109">
        <v>0</v>
      </c>
      <c r="MZ37" s="110">
        <v>1284735</v>
      </c>
      <c r="NA37" s="130">
        <v>1284735</v>
      </c>
      <c r="NB37" s="129">
        <v>0</v>
      </c>
      <c r="NC37" s="109">
        <v>0</v>
      </c>
      <c r="ND37" s="110">
        <v>0</v>
      </c>
      <c r="NE37" s="132"/>
      <c r="NF37" s="109">
        <v>326315</v>
      </c>
      <c r="NG37" s="109">
        <v>0</v>
      </c>
      <c r="NH37" s="109">
        <v>0</v>
      </c>
      <c r="NI37" s="109">
        <v>285452</v>
      </c>
      <c r="NJ37" s="109">
        <v>314644</v>
      </c>
      <c r="NK37" s="110">
        <v>926411</v>
      </c>
      <c r="NL37" s="298">
        <v>926411</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0</v>
      </c>
      <c r="OJ37" s="109">
        <v>20240</v>
      </c>
      <c r="OK37" s="128">
        <v>20240</v>
      </c>
      <c r="OL37" s="108">
        <v>0</v>
      </c>
      <c r="OM37" s="109">
        <v>949883</v>
      </c>
      <c r="ON37" s="109">
        <v>1248386</v>
      </c>
      <c r="OO37" s="109">
        <v>736096</v>
      </c>
      <c r="OP37" s="109">
        <v>2012204</v>
      </c>
      <c r="OQ37" s="109">
        <v>1095714</v>
      </c>
      <c r="OR37" s="110">
        <v>6042283</v>
      </c>
      <c r="OS37" s="130">
        <v>6062523</v>
      </c>
    </row>
    <row r="38" spans="2:409" ht="21" customHeight="1" x14ac:dyDescent="0.2">
      <c r="B38" s="472" t="s">
        <v>33</v>
      </c>
      <c r="C38" s="100">
        <v>77738</v>
      </c>
      <c r="D38" s="104">
        <v>153100</v>
      </c>
      <c r="E38" s="103">
        <v>230838</v>
      </c>
      <c r="F38" s="99">
        <v>0</v>
      </c>
      <c r="G38" s="104">
        <v>84823</v>
      </c>
      <c r="H38" s="104">
        <v>238328</v>
      </c>
      <c r="I38" s="104">
        <v>176581</v>
      </c>
      <c r="J38" s="104">
        <v>0</v>
      </c>
      <c r="K38" s="104">
        <v>0</v>
      </c>
      <c r="L38" s="160">
        <v>499732</v>
      </c>
      <c r="M38" s="106">
        <v>730570</v>
      </c>
      <c r="N38" s="100">
        <v>77738</v>
      </c>
      <c r="O38" s="104">
        <v>54941</v>
      </c>
      <c r="P38" s="103">
        <v>132679</v>
      </c>
      <c r="Q38" s="100">
        <v>0</v>
      </c>
      <c r="R38" s="104">
        <v>66678</v>
      </c>
      <c r="S38" s="104">
        <v>15056</v>
      </c>
      <c r="T38" s="104">
        <v>156901</v>
      </c>
      <c r="U38" s="104">
        <v>0</v>
      </c>
      <c r="V38" s="104">
        <v>0</v>
      </c>
      <c r="W38" s="103">
        <v>238635</v>
      </c>
      <c r="X38" s="106">
        <v>371314</v>
      </c>
      <c r="Y38" s="100">
        <v>0</v>
      </c>
      <c r="Z38" s="104">
        <v>0</v>
      </c>
      <c r="AA38" s="103">
        <v>0</v>
      </c>
      <c r="AB38" s="100">
        <v>0</v>
      </c>
      <c r="AC38" s="104">
        <v>28481</v>
      </c>
      <c r="AD38" s="104">
        <v>0</v>
      </c>
      <c r="AE38" s="104">
        <v>36135</v>
      </c>
      <c r="AF38" s="104">
        <v>0</v>
      </c>
      <c r="AG38" s="104">
        <v>0</v>
      </c>
      <c r="AH38" s="103">
        <v>64616</v>
      </c>
      <c r="AI38" s="106">
        <v>64616</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25157</v>
      </c>
      <c r="AZ38" s="104">
        <v>0</v>
      </c>
      <c r="BA38" s="104">
        <v>23883</v>
      </c>
      <c r="BB38" s="104">
        <v>0</v>
      </c>
      <c r="BC38" s="104">
        <v>0</v>
      </c>
      <c r="BD38" s="103">
        <v>49040</v>
      </c>
      <c r="BE38" s="106">
        <v>49040</v>
      </c>
      <c r="BF38" s="100">
        <v>77738</v>
      </c>
      <c r="BG38" s="104">
        <v>54941</v>
      </c>
      <c r="BH38" s="102">
        <v>132679</v>
      </c>
      <c r="BI38" s="101">
        <v>0</v>
      </c>
      <c r="BJ38" s="104">
        <v>0</v>
      </c>
      <c r="BK38" s="104">
        <v>0</v>
      </c>
      <c r="BL38" s="104">
        <v>84035</v>
      </c>
      <c r="BM38" s="104">
        <v>0</v>
      </c>
      <c r="BN38" s="104">
        <v>0</v>
      </c>
      <c r="BO38" s="103">
        <v>84035</v>
      </c>
      <c r="BP38" s="106">
        <v>216714</v>
      </c>
      <c r="BQ38" s="100">
        <v>0</v>
      </c>
      <c r="BR38" s="104">
        <v>0</v>
      </c>
      <c r="BS38" s="103">
        <v>0</v>
      </c>
      <c r="BT38" s="100">
        <v>0</v>
      </c>
      <c r="BU38" s="104">
        <v>13040</v>
      </c>
      <c r="BV38" s="104">
        <v>15056</v>
      </c>
      <c r="BW38" s="104">
        <v>12848</v>
      </c>
      <c r="BX38" s="104">
        <v>0</v>
      </c>
      <c r="BY38" s="104">
        <v>0</v>
      </c>
      <c r="BZ38" s="103">
        <v>40944</v>
      </c>
      <c r="CA38" s="106">
        <v>40944</v>
      </c>
      <c r="CB38" s="100">
        <v>0</v>
      </c>
      <c r="CC38" s="104">
        <v>0</v>
      </c>
      <c r="CD38" s="103">
        <v>0</v>
      </c>
      <c r="CE38" s="100">
        <v>0</v>
      </c>
      <c r="CF38" s="104">
        <v>12545</v>
      </c>
      <c r="CG38" s="104">
        <v>36892</v>
      </c>
      <c r="CH38" s="104">
        <v>0</v>
      </c>
      <c r="CI38" s="104">
        <v>0</v>
      </c>
      <c r="CJ38" s="104">
        <v>0</v>
      </c>
      <c r="CK38" s="103">
        <v>49437</v>
      </c>
      <c r="CL38" s="106">
        <v>49437</v>
      </c>
      <c r="CM38" s="100">
        <v>0</v>
      </c>
      <c r="CN38" s="104">
        <v>0</v>
      </c>
      <c r="CO38" s="103">
        <v>0</v>
      </c>
      <c r="CP38" s="101">
        <v>0</v>
      </c>
      <c r="CQ38" s="104">
        <v>0</v>
      </c>
      <c r="CR38" s="104">
        <v>36892</v>
      </c>
      <c r="CS38" s="104">
        <v>0</v>
      </c>
      <c r="CT38" s="104">
        <v>0</v>
      </c>
      <c r="CU38" s="104">
        <v>0</v>
      </c>
      <c r="CV38" s="103">
        <v>36892</v>
      </c>
      <c r="CW38" s="106">
        <v>36892</v>
      </c>
      <c r="CX38" s="100">
        <v>0</v>
      </c>
      <c r="CY38" s="104">
        <v>0</v>
      </c>
      <c r="CZ38" s="103">
        <v>0</v>
      </c>
      <c r="DA38" s="100">
        <v>0</v>
      </c>
      <c r="DB38" s="104">
        <v>12545</v>
      </c>
      <c r="DC38" s="104">
        <v>0</v>
      </c>
      <c r="DD38" s="104">
        <v>0</v>
      </c>
      <c r="DE38" s="104">
        <v>0</v>
      </c>
      <c r="DF38" s="104">
        <v>0</v>
      </c>
      <c r="DG38" s="103">
        <v>12545</v>
      </c>
      <c r="DH38" s="106">
        <v>12545</v>
      </c>
      <c r="DI38" s="100">
        <v>0</v>
      </c>
      <c r="DJ38" s="104">
        <v>0</v>
      </c>
      <c r="DK38" s="102">
        <v>0</v>
      </c>
      <c r="DL38" s="101">
        <v>0</v>
      </c>
      <c r="DM38" s="104">
        <v>0</v>
      </c>
      <c r="DN38" s="104">
        <v>0</v>
      </c>
      <c r="DO38" s="104">
        <v>0</v>
      </c>
      <c r="DP38" s="104">
        <v>0</v>
      </c>
      <c r="DQ38" s="104">
        <v>0</v>
      </c>
      <c r="DR38" s="103">
        <v>0</v>
      </c>
      <c r="DS38" s="106">
        <v>0</v>
      </c>
      <c r="DT38" s="100">
        <v>0</v>
      </c>
      <c r="DU38" s="104">
        <v>0</v>
      </c>
      <c r="DV38" s="103">
        <v>0</v>
      </c>
      <c r="DW38" s="100">
        <v>0</v>
      </c>
      <c r="DX38" s="104">
        <v>0</v>
      </c>
      <c r="DY38" s="104">
        <v>0</v>
      </c>
      <c r="DZ38" s="104">
        <v>0</v>
      </c>
      <c r="EA38" s="104">
        <v>0</v>
      </c>
      <c r="EB38" s="104">
        <v>0</v>
      </c>
      <c r="EC38" s="103">
        <v>0</v>
      </c>
      <c r="ED38" s="106">
        <v>0</v>
      </c>
      <c r="EE38" s="100">
        <v>0</v>
      </c>
      <c r="EF38" s="102">
        <v>0</v>
      </c>
      <c r="EG38" s="103">
        <v>0</v>
      </c>
      <c r="EH38" s="100">
        <v>0</v>
      </c>
      <c r="EI38" s="104">
        <v>0</v>
      </c>
      <c r="EJ38" s="104">
        <v>0</v>
      </c>
      <c r="EK38" s="104">
        <v>0</v>
      </c>
      <c r="EL38" s="104">
        <v>0</v>
      </c>
      <c r="EM38" s="104">
        <v>0</v>
      </c>
      <c r="EN38" s="102">
        <v>0</v>
      </c>
      <c r="EO38" s="106">
        <v>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0</v>
      </c>
      <c r="FM38" s="104">
        <v>6400</v>
      </c>
      <c r="FN38" s="103">
        <v>6400</v>
      </c>
      <c r="FO38" s="100">
        <v>0</v>
      </c>
      <c r="FP38" s="104">
        <v>5600</v>
      </c>
      <c r="FQ38" s="104">
        <v>6800</v>
      </c>
      <c r="FR38" s="104">
        <v>19680</v>
      </c>
      <c r="FS38" s="104">
        <v>0</v>
      </c>
      <c r="FT38" s="104">
        <v>0</v>
      </c>
      <c r="FU38" s="103">
        <v>32080</v>
      </c>
      <c r="FV38" s="106">
        <v>38480</v>
      </c>
      <c r="FW38" s="105">
        <v>0</v>
      </c>
      <c r="FX38" s="104">
        <v>6400</v>
      </c>
      <c r="FY38" s="102">
        <v>6400</v>
      </c>
      <c r="FZ38" s="101">
        <v>0</v>
      </c>
      <c r="GA38" s="104">
        <v>5600</v>
      </c>
      <c r="GB38" s="104">
        <v>6800</v>
      </c>
      <c r="GC38" s="104">
        <v>19680</v>
      </c>
      <c r="GD38" s="104">
        <v>0</v>
      </c>
      <c r="GE38" s="104">
        <v>0</v>
      </c>
      <c r="GF38" s="103">
        <v>32080</v>
      </c>
      <c r="GG38" s="296">
        <v>38480</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91759</v>
      </c>
      <c r="HF38" s="102">
        <v>91759</v>
      </c>
      <c r="HG38" s="101">
        <v>0</v>
      </c>
      <c r="HH38" s="104">
        <v>0</v>
      </c>
      <c r="HI38" s="104">
        <v>179580</v>
      </c>
      <c r="HJ38" s="104">
        <v>0</v>
      </c>
      <c r="HK38" s="104">
        <v>0</v>
      </c>
      <c r="HL38" s="104">
        <v>0</v>
      </c>
      <c r="HM38" s="103">
        <v>179580</v>
      </c>
      <c r="HN38" s="99">
        <v>271339</v>
      </c>
      <c r="HO38" s="306"/>
      <c r="HP38" s="307"/>
      <c r="HQ38" s="308"/>
      <c r="HR38" s="309"/>
      <c r="HS38" s="307"/>
      <c r="HT38" s="307"/>
      <c r="HU38" s="307"/>
      <c r="HV38" s="307"/>
      <c r="HW38" s="307"/>
      <c r="HX38" s="310"/>
      <c r="HY38" s="311"/>
      <c r="HZ38" s="137">
        <v>0</v>
      </c>
      <c r="IA38" s="122">
        <v>0</v>
      </c>
      <c r="IB38" s="137">
        <v>0</v>
      </c>
      <c r="IC38" s="133">
        <v>0</v>
      </c>
      <c r="ID38" s="119">
        <v>183987</v>
      </c>
      <c r="IE38" s="134">
        <v>0</v>
      </c>
      <c r="IF38" s="120">
        <v>231973</v>
      </c>
      <c r="IG38" s="119">
        <v>0</v>
      </c>
      <c r="IH38" s="120">
        <v>0</v>
      </c>
      <c r="II38" s="135">
        <v>415960</v>
      </c>
      <c r="IJ38" s="137">
        <v>415960</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41176</v>
      </c>
      <c r="JL38" s="109">
        <v>0</v>
      </c>
      <c r="JM38" s="109">
        <v>0</v>
      </c>
      <c r="JN38" s="109">
        <v>0</v>
      </c>
      <c r="JO38" s="109">
        <v>0</v>
      </c>
      <c r="JP38" s="110">
        <v>41176</v>
      </c>
      <c r="JQ38" s="298">
        <v>41176</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0</v>
      </c>
      <c r="KU38" s="109">
        <v>0</v>
      </c>
      <c r="KV38" s="109">
        <v>0</v>
      </c>
      <c r="KW38" s="110">
        <v>0</v>
      </c>
      <c r="KX38" s="298">
        <v>0</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142811</v>
      </c>
      <c r="LZ38" s="109">
        <v>0</v>
      </c>
      <c r="MA38" s="109">
        <v>231973</v>
      </c>
      <c r="MB38" s="109">
        <v>0</v>
      </c>
      <c r="MC38" s="109">
        <v>0</v>
      </c>
      <c r="MD38" s="110">
        <v>374784</v>
      </c>
      <c r="ME38" s="111">
        <v>374784</v>
      </c>
      <c r="MF38" s="129">
        <v>0</v>
      </c>
      <c r="MG38" s="109">
        <v>0</v>
      </c>
      <c r="MH38" s="110">
        <v>0</v>
      </c>
      <c r="MI38" s="132"/>
      <c r="MJ38" s="109">
        <v>0</v>
      </c>
      <c r="MK38" s="109">
        <v>230356</v>
      </c>
      <c r="ML38" s="109">
        <v>0</v>
      </c>
      <c r="MM38" s="109">
        <v>0</v>
      </c>
      <c r="MN38" s="109">
        <v>0</v>
      </c>
      <c r="MO38" s="110">
        <v>230356</v>
      </c>
      <c r="MP38" s="130">
        <v>230356</v>
      </c>
      <c r="MQ38" s="129">
        <v>0</v>
      </c>
      <c r="MR38" s="109">
        <v>0</v>
      </c>
      <c r="MS38" s="110">
        <v>0</v>
      </c>
      <c r="MT38" s="132"/>
      <c r="MU38" s="109">
        <v>0</v>
      </c>
      <c r="MV38" s="109">
        <v>0</v>
      </c>
      <c r="MW38" s="109">
        <v>0</v>
      </c>
      <c r="MX38" s="109">
        <v>0</v>
      </c>
      <c r="MY38" s="109">
        <v>0</v>
      </c>
      <c r="MZ38" s="110">
        <v>0</v>
      </c>
      <c r="NA38" s="130">
        <v>0</v>
      </c>
      <c r="NB38" s="129">
        <v>0</v>
      </c>
      <c r="NC38" s="109">
        <v>0</v>
      </c>
      <c r="ND38" s="110">
        <v>0</v>
      </c>
      <c r="NE38" s="132"/>
      <c r="NF38" s="109">
        <v>0</v>
      </c>
      <c r="NG38" s="109">
        <v>0</v>
      </c>
      <c r="NH38" s="109">
        <v>0</v>
      </c>
      <c r="NI38" s="109">
        <v>0</v>
      </c>
      <c r="NJ38" s="109">
        <v>0</v>
      </c>
      <c r="NK38" s="110">
        <v>0</v>
      </c>
      <c r="NL38" s="298">
        <v>0</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0</v>
      </c>
      <c r="OC38" s="109">
        <v>230356</v>
      </c>
      <c r="OD38" s="109">
        <v>0</v>
      </c>
      <c r="OE38" s="109">
        <v>0</v>
      </c>
      <c r="OF38" s="109">
        <v>0</v>
      </c>
      <c r="OG38" s="110">
        <v>230356</v>
      </c>
      <c r="OH38" s="111">
        <v>230356</v>
      </c>
      <c r="OI38" s="129">
        <v>77738</v>
      </c>
      <c r="OJ38" s="109">
        <v>153100</v>
      </c>
      <c r="OK38" s="128">
        <v>230838</v>
      </c>
      <c r="OL38" s="108">
        <v>0</v>
      </c>
      <c r="OM38" s="109">
        <v>268810</v>
      </c>
      <c r="ON38" s="109">
        <v>468684</v>
      </c>
      <c r="OO38" s="109">
        <v>408554</v>
      </c>
      <c r="OP38" s="109">
        <v>0</v>
      </c>
      <c r="OQ38" s="109">
        <v>0</v>
      </c>
      <c r="OR38" s="110">
        <v>1146048</v>
      </c>
      <c r="OS38" s="130">
        <v>1376886</v>
      </c>
    </row>
    <row r="39" spans="2:409" ht="21" customHeight="1" x14ac:dyDescent="0.2">
      <c r="B39" s="472" t="s">
        <v>34</v>
      </c>
      <c r="C39" s="100">
        <v>0</v>
      </c>
      <c r="D39" s="104">
        <v>19520</v>
      </c>
      <c r="E39" s="161">
        <v>19520</v>
      </c>
      <c r="F39" s="162">
        <v>0</v>
      </c>
      <c r="G39" s="163">
        <v>156496</v>
      </c>
      <c r="H39" s="163">
        <v>219930</v>
      </c>
      <c r="I39" s="163">
        <v>32148</v>
      </c>
      <c r="J39" s="163">
        <v>123576</v>
      </c>
      <c r="K39" s="163">
        <v>494088</v>
      </c>
      <c r="L39" s="164">
        <v>1026238</v>
      </c>
      <c r="M39" s="106">
        <v>1045758</v>
      </c>
      <c r="N39" s="100">
        <v>0</v>
      </c>
      <c r="O39" s="104">
        <v>0</v>
      </c>
      <c r="P39" s="103">
        <v>0</v>
      </c>
      <c r="Q39" s="100">
        <v>0</v>
      </c>
      <c r="R39" s="104">
        <v>4576</v>
      </c>
      <c r="S39" s="104">
        <v>126754</v>
      </c>
      <c r="T39" s="104">
        <v>0</v>
      </c>
      <c r="U39" s="104">
        <v>42216</v>
      </c>
      <c r="V39" s="104">
        <v>19200</v>
      </c>
      <c r="W39" s="103">
        <v>192746</v>
      </c>
      <c r="X39" s="106">
        <v>192746</v>
      </c>
      <c r="Y39" s="100">
        <v>0</v>
      </c>
      <c r="Z39" s="104">
        <v>0</v>
      </c>
      <c r="AA39" s="103">
        <v>0</v>
      </c>
      <c r="AB39" s="100">
        <v>0</v>
      </c>
      <c r="AC39" s="104">
        <v>0</v>
      </c>
      <c r="AD39" s="104">
        <v>0</v>
      </c>
      <c r="AE39" s="104">
        <v>0</v>
      </c>
      <c r="AF39" s="104">
        <v>0</v>
      </c>
      <c r="AG39" s="104">
        <v>0</v>
      </c>
      <c r="AH39" s="103">
        <v>0</v>
      </c>
      <c r="AI39" s="106">
        <v>0</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0</v>
      </c>
      <c r="AZ39" s="104">
        <v>64442</v>
      </c>
      <c r="BA39" s="104">
        <v>0</v>
      </c>
      <c r="BB39" s="104">
        <v>42216</v>
      </c>
      <c r="BC39" s="104">
        <v>0</v>
      </c>
      <c r="BD39" s="103">
        <v>106658</v>
      </c>
      <c r="BE39" s="106">
        <v>106658</v>
      </c>
      <c r="BF39" s="100">
        <v>0</v>
      </c>
      <c r="BG39" s="104">
        <v>0</v>
      </c>
      <c r="BH39" s="102">
        <v>0</v>
      </c>
      <c r="BI39" s="101">
        <v>0</v>
      </c>
      <c r="BJ39" s="104">
        <v>0</v>
      </c>
      <c r="BK39" s="104">
        <v>39000</v>
      </c>
      <c r="BL39" s="104">
        <v>0</v>
      </c>
      <c r="BM39" s="104">
        <v>0</v>
      </c>
      <c r="BN39" s="104">
        <v>0</v>
      </c>
      <c r="BO39" s="103">
        <v>39000</v>
      </c>
      <c r="BP39" s="106">
        <v>39000</v>
      </c>
      <c r="BQ39" s="100">
        <v>0</v>
      </c>
      <c r="BR39" s="104">
        <v>0</v>
      </c>
      <c r="BS39" s="103">
        <v>0</v>
      </c>
      <c r="BT39" s="100">
        <v>0</v>
      </c>
      <c r="BU39" s="104">
        <v>4576</v>
      </c>
      <c r="BV39" s="104">
        <v>23312</v>
      </c>
      <c r="BW39" s="104">
        <v>0</v>
      </c>
      <c r="BX39" s="104">
        <v>0</v>
      </c>
      <c r="BY39" s="104">
        <v>19200</v>
      </c>
      <c r="BZ39" s="103">
        <v>47088</v>
      </c>
      <c r="CA39" s="106">
        <v>47088</v>
      </c>
      <c r="CB39" s="100">
        <v>0</v>
      </c>
      <c r="CC39" s="104">
        <v>0</v>
      </c>
      <c r="CD39" s="103">
        <v>0</v>
      </c>
      <c r="CE39" s="100">
        <v>0</v>
      </c>
      <c r="CF39" s="104">
        <v>0</v>
      </c>
      <c r="CG39" s="104">
        <v>19320</v>
      </c>
      <c r="CH39" s="104">
        <v>0</v>
      </c>
      <c r="CI39" s="104">
        <v>0</v>
      </c>
      <c r="CJ39" s="104">
        <v>0</v>
      </c>
      <c r="CK39" s="103">
        <v>19320</v>
      </c>
      <c r="CL39" s="106">
        <v>19320</v>
      </c>
      <c r="CM39" s="100">
        <v>0</v>
      </c>
      <c r="CN39" s="104">
        <v>0</v>
      </c>
      <c r="CO39" s="103">
        <v>0</v>
      </c>
      <c r="CP39" s="101">
        <v>0</v>
      </c>
      <c r="CQ39" s="104">
        <v>0</v>
      </c>
      <c r="CR39" s="104">
        <v>19320</v>
      </c>
      <c r="CS39" s="104">
        <v>0</v>
      </c>
      <c r="CT39" s="104">
        <v>0</v>
      </c>
      <c r="CU39" s="104">
        <v>0</v>
      </c>
      <c r="CV39" s="103">
        <v>19320</v>
      </c>
      <c r="CW39" s="106">
        <v>19320</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63600</v>
      </c>
      <c r="DQ39" s="104">
        <v>0</v>
      </c>
      <c r="DR39" s="103">
        <v>63600</v>
      </c>
      <c r="DS39" s="106">
        <v>63600</v>
      </c>
      <c r="DT39" s="100">
        <v>0</v>
      </c>
      <c r="DU39" s="104">
        <v>0</v>
      </c>
      <c r="DV39" s="103">
        <v>0</v>
      </c>
      <c r="DW39" s="100">
        <v>0</v>
      </c>
      <c r="DX39" s="104">
        <v>0</v>
      </c>
      <c r="DY39" s="104">
        <v>0</v>
      </c>
      <c r="DZ39" s="104">
        <v>0</v>
      </c>
      <c r="EA39" s="104">
        <v>63600</v>
      </c>
      <c r="EB39" s="104">
        <v>0</v>
      </c>
      <c r="EC39" s="103">
        <v>63600</v>
      </c>
      <c r="ED39" s="106">
        <v>6360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0</v>
      </c>
      <c r="FM39" s="104">
        <v>19520</v>
      </c>
      <c r="FN39" s="103">
        <v>19520</v>
      </c>
      <c r="FO39" s="100">
        <v>0</v>
      </c>
      <c r="FP39" s="104">
        <v>1600</v>
      </c>
      <c r="FQ39" s="104">
        <v>73856</v>
      </c>
      <c r="FR39" s="104">
        <v>32148</v>
      </c>
      <c r="FS39" s="104">
        <v>17760</v>
      </c>
      <c r="FT39" s="104">
        <v>0</v>
      </c>
      <c r="FU39" s="103">
        <v>125364</v>
      </c>
      <c r="FV39" s="106">
        <v>144884</v>
      </c>
      <c r="FW39" s="105">
        <v>0</v>
      </c>
      <c r="FX39" s="104">
        <v>19520</v>
      </c>
      <c r="FY39" s="102">
        <v>19520</v>
      </c>
      <c r="FZ39" s="101">
        <v>0</v>
      </c>
      <c r="GA39" s="104">
        <v>1600</v>
      </c>
      <c r="GB39" s="104">
        <v>58656</v>
      </c>
      <c r="GC39" s="104">
        <v>7200</v>
      </c>
      <c r="GD39" s="104">
        <v>17760</v>
      </c>
      <c r="GE39" s="104">
        <v>0</v>
      </c>
      <c r="GF39" s="103">
        <v>85216</v>
      </c>
      <c r="GG39" s="296">
        <v>104736</v>
      </c>
      <c r="GH39" s="105">
        <v>0</v>
      </c>
      <c r="GI39" s="104">
        <v>0</v>
      </c>
      <c r="GJ39" s="102">
        <v>0</v>
      </c>
      <c r="GK39" s="101">
        <v>0</v>
      </c>
      <c r="GL39" s="104">
        <v>0</v>
      </c>
      <c r="GM39" s="104">
        <v>15200</v>
      </c>
      <c r="GN39" s="104">
        <v>24948</v>
      </c>
      <c r="GO39" s="104">
        <v>0</v>
      </c>
      <c r="GP39" s="104">
        <v>0</v>
      </c>
      <c r="GQ39" s="103">
        <v>40148</v>
      </c>
      <c r="GR39" s="106">
        <v>40148</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150320</v>
      </c>
      <c r="HI39" s="104">
        <v>0</v>
      </c>
      <c r="HJ39" s="104">
        <v>0</v>
      </c>
      <c r="HK39" s="104">
        <v>0</v>
      </c>
      <c r="HL39" s="104">
        <v>474888</v>
      </c>
      <c r="HM39" s="103">
        <v>625208</v>
      </c>
      <c r="HN39" s="99">
        <v>625208</v>
      </c>
      <c r="HO39" s="306"/>
      <c r="HP39" s="307"/>
      <c r="HQ39" s="308"/>
      <c r="HR39" s="309"/>
      <c r="HS39" s="307"/>
      <c r="HT39" s="307"/>
      <c r="HU39" s="307"/>
      <c r="HV39" s="307"/>
      <c r="HW39" s="307"/>
      <c r="HX39" s="310"/>
      <c r="HY39" s="311"/>
      <c r="HZ39" s="118">
        <v>0</v>
      </c>
      <c r="IA39" s="119">
        <v>0</v>
      </c>
      <c r="IB39" s="120">
        <v>0</v>
      </c>
      <c r="IC39" s="133">
        <v>0</v>
      </c>
      <c r="ID39" s="119">
        <v>70504</v>
      </c>
      <c r="IE39" s="134">
        <v>268064</v>
      </c>
      <c r="IF39" s="120">
        <v>191416</v>
      </c>
      <c r="IG39" s="119">
        <v>0</v>
      </c>
      <c r="IH39" s="120">
        <v>0</v>
      </c>
      <c r="II39" s="135">
        <v>529984</v>
      </c>
      <c r="IJ39" s="126">
        <v>529984</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70504</v>
      </c>
      <c r="JL39" s="109">
        <v>104136</v>
      </c>
      <c r="JM39" s="109">
        <v>0</v>
      </c>
      <c r="JN39" s="109">
        <v>0</v>
      </c>
      <c r="JO39" s="109">
        <v>0</v>
      </c>
      <c r="JP39" s="110">
        <v>174640</v>
      </c>
      <c r="JQ39" s="298">
        <v>174640</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0</v>
      </c>
      <c r="KH39" s="109">
        <v>163928</v>
      </c>
      <c r="KI39" s="109">
        <v>0</v>
      </c>
      <c r="KJ39" s="109">
        <v>0</v>
      </c>
      <c r="KK39" s="109">
        <v>0</v>
      </c>
      <c r="KL39" s="110">
        <v>163928</v>
      </c>
      <c r="KM39" s="130">
        <v>163928</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0</v>
      </c>
      <c r="LZ39" s="109">
        <v>0</v>
      </c>
      <c r="MA39" s="109">
        <v>191416</v>
      </c>
      <c r="MB39" s="109">
        <v>0</v>
      </c>
      <c r="MC39" s="109">
        <v>0</v>
      </c>
      <c r="MD39" s="110">
        <v>191416</v>
      </c>
      <c r="ME39" s="111">
        <v>191416</v>
      </c>
      <c r="MF39" s="129">
        <v>0</v>
      </c>
      <c r="MG39" s="109">
        <v>0</v>
      </c>
      <c r="MH39" s="110">
        <v>0</v>
      </c>
      <c r="MI39" s="132"/>
      <c r="MJ39" s="109">
        <v>0</v>
      </c>
      <c r="MK39" s="109">
        <v>0</v>
      </c>
      <c r="ML39" s="109">
        <v>412408</v>
      </c>
      <c r="MM39" s="109">
        <v>0</v>
      </c>
      <c r="MN39" s="109">
        <v>0</v>
      </c>
      <c r="MO39" s="110">
        <v>412408</v>
      </c>
      <c r="MP39" s="130">
        <v>412408</v>
      </c>
      <c r="MQ39" s="129">
        <v>0</v>
      </c>
      <c r="MR39" s="109">
        <v>0</v>
      </c>
      <c r="MS39" s="110">
        <v>0</v>
      </c>
      <c r="MT39" s="132"/>
      <c r="MU39" s="109">
        <v>0</v>
      </c>
      <c r="MV39" s="109">
        <v>0</v>
      </c>
      <c r="MW39" s="109">
        <v>162024</v>
      </c>
      <c r="MX39" s="109">
        <v>0</v>
      </c>
      <c r="MY39" s="109">
        <v>0</v>
      </c>
      <c r="MZ39" s="110">
        <v>162024</v>
      </c>
      <c r="NA39" s="130">
        <v>162024</v>
      </c>
      <c r="NB39" s="129">
        <v>0</v>
      </c>
      <c r="NC39" s="109">
        <v>0</v>
      </c>
      <c r="ND39" s="110">
        <v>0</v>
      </c>
      <c r="NE39" s="132"/>
      <c r="NF39" s="109">
        <v>0</v>
      </c>
      <c r="NG39" s="109">
        <v>0</v>
      </c>
      <c r="NH39" s="109">
        <v>250384</v>
      </c>
      <c r="NI39" s="109">
        <v>0</v>
      </c>
      <c r="NJ39" s="109">
        <v>0</v>
      </c>
      <c r="NK39" s="110">
        <v>250384</v>
      </c>
      <c r="NL39" s="298">
        <v>250384</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0</v>
      </c>
      <c r="OJ39" s="109">
        <v>19520</v>
      </c>
      <c r="OK39" s="128">
        <v>19520</v>
      </c>
      <c r="OL39" s="108">
        <v>0</v>
      </c>
      <c r="OM39" s="109">
        <v>227000</v>
      </c>
      <c r="ON39" s="109">
        <v>487994</v>
      </c>
      <c r="OO39" s="109">
        <v>635972</v>
      </c>
      <c r="OP39" s="109">
        <v>123576</v>
      </c>
      <c r="OQ39" s="109">
        <v>494088</v>
      </c>
      <c r="OR39" s="110">
        <v>1968630</v>
      </c>
      <c r="OS39" s="130">
        <v>1988150</v>
      </c>
    </row>
    <row r="40" spans="2:409" ht="21" customHeight="1" x14ac:dyDescent="0.2">
      <c r="B40" s="472" t="s">
        <v>35</v>
      </c>
      <c r="C40" s="100">
        <v>162520</v>
      </c>
      <c r="D40" s="104">
        <v>170399</v>
      </c>
      <c r="E40" s="103">
        <v>332919</v>
      </c>
      <c r="F40" s="99">
        <v>0</v>
      </c>
      <c r="G40" s="104">
        <v>1752866</v>
      </c>
      <c r="H40" s="104">
        <v>336414</v>
      </c>
      <c r="I40" s="104">
        <v>671463</v>
      </c>
      <c r="J40" s="104">
        <v>836672</v>
      </c>
      <c r="K40" s="104">
        <v>600723</v>
      </c>
      <c r="L40" s="160">
        <v>4198138</v>
      </c>
      <c r="M40" s="106">
        <v>4531057</v>
      </c>
      <c r="N40" s="100">
        <v>25936</v>
      </c>
      <c r="O40" s="104">
        <v>34640</v>
      </c>
      <c r="P40" s="103">
        <v>60576</v>
      </c>
      <c r="Q40" s="100">
        <v>0</v>
      </c>
      <c r="R40" s="104">
        <v>356078</v>
      </c>
      <c r="S40" s="104">
        <v>33376</v>
      </c>
      <c r="T40" s="104">
        <v>63704</v>
      </c>
      <c r="U40" s="104">
        <v>291808</v>
      </c>
      <c r="V40" s="104">
        <v>346462</v>
      </c>
      <c r="W40" s="103">
        <v>1091428</v>
      </c>
      <c r="X40" s="106">
        <v>1152004</v>
      </c>
      <c r="Y40" s="100">
        <v>0</v>
      </c>
      <c r="Z40" s="104">
        <v>0</v>
      </c>
      <c r="AA40" s="103">
        <v>0</v>
      </c>
      <c r="AB40" s="100">
        <v>0</v>
      </c>
      <c r="AC40" s="104">
        <v>164830</v>
      </c>
      <c r="AD40" s="104">
        <v>0</v>
      </c>
      <c r="AE40" s="104">
        <v>29376</v>
      </c>
      <c r="AF40" s="104">
        <v>141584</v>
      </c>
      <c r="AG40" s="104">
        <v>222294</v>
      </c>
      <c r="AH40" s="103">
        <v>558084</v>
      </c>
      <c r="AI40" s="106">
        <v>558084</v>
      </c>
      <c r="AJ40" s="100">
        <v>0</v>
      </c>
      <c r="AK40" s="104">
        <v>0</v>
      </c>
      <c r="AL40" s="103">
        <v>0</v>
      </c>
      <c r="AM40" s="100">
        <v>0</v>
      </c>
      <c r="AN40" s="104">
        <v>0</v>
      </c>
      <c r="AO40" s="104">
        <v>0</v>
      </c>
      <c r="AP40" s="104">
        <v>0</v>
      </c>
      <c r="AQ40" s="104">
        <v>87416</v>
      </c>
      <c r="AR40" s="104">
        <v>89864</v>
      </c>
      <c r="AS40" s="103">
        <v>177280</v>
      </c>
      <c r="AT40" s="106">
        <v>177280</v>
      </c>
      <c r="AU40" s="100">
        <v>0</v>
      </c>
      <c r="AV40" s="104">
        <v>0</v>
      </c>
      <c r="AW40" s="103">
        <v>0</v>
      </c>
      <c r="AX40" s="100">
        <v>0</v>
      </c>
      <c r="AY40" s="104">
        <v>32840</v>
      </c>
      <c r="AZ40" s="104">
        <v>0</v>
      </c>
      <c r="BA40" s="104">
        <v>0</v>
      </c>
      <c r="BB40" s="104">
        <v>0</v>
      </c>
      <c r="BC40" s="104">
        <v>0</v>
      </c>
      <c r="BD40" s="103">
        <v>32840</v>
      </c>
      <c r="BE40" s="106">
        <v>32840</v>
      </c>
      <c r="BF40" s="100">
        <v>15024</v>
      </c>
      <c r="BG40" s="104">
        <v>25040</v>
      </c>
      <c r="BH40" s="102">
        <v>40064</v>
      </c>
      <c r="BI40" s="101">
        <v>0</v>
      </c>
      <c r="BJ40" s="104">
        <v>37200</v>
      </c>
      <c r="BK40" s="104">
        <v>0</v>
      </c>
      <c r="BL40" s="104">
        <v>0</v>
      </c>
      <c r="BM40" s="104">
        <v>0</v>
      </c>
      <c r="BN40" s="104">
        <v>0</v>
      </c>
      <c r="BO40" s="103">
        <v>37200</v>
      </c>
      <c r="BP40" s="106">
        <v>77264</v>
      </c>
      <c r="BQ40" s="100">
        <v>10912</v>
      </c>
      <c r="BR40" s="104">
        <v>9600</v>
      </c>
      <c r="BS40" s="103">
        <v>20512</v>
      </c>
      <c r="BT40" s="100">
        <v>0</v>
      </c>
      <c r="BU40" s="104">
        <v>121208</v>
      </c>
      <c r="BV40" s="104">
        <v>33376</v>
      </c>
      <c r="BW40" s="104">
        <v>34328</v>
      </c>
      <c r="BX40" s="104">
        <v>62808</v>
      </c>
      <c r="BY40" s="104">
        <v>34304</v>
      </c>
      <c r="BZ40" s="103">
        <v>286024</v>
      </c>
      <c r="CA40" s="106">
        <v>306536</v>
      </c>
      <c r="CB40" s="100">
        <v>20728</v>
      </c>
      <c r="CC40" s="104">
        <v>40815</v>
      </c>
      <c r="CD40" s="103">
        <v>61543</v>
      </c>
      <c r="CE40" s="100">
        <v>0</v>
      </c>
      <c r="CF40" s="104">
        <v>244561</v>
      </c>
      <c r="CG40" s="104">
        <v>111160</v>
      </c>
      <c r="CH40" s="104">
        <v>167408</v>
      </c>
      <c r="CI40" s="104">
        <v>94872</v>
      </c>
      <c r="CJ40" s="104">
        <v>0</v>
      </c>
      <c r="CK40" s="103">
        <v>618001</v>
      </c>
      <c r="CL40" s="106">
        <v>679544</v>
      </c>
      <c r="CM40" s="100">
        <v>0</v>
      </c>
      <c r="CN40" s="104">
        <v>0</v>
      </c>
      <c r="CO40" s="103">
        <v>0</v>
      </c>
      <c r="CP40" s="101">
        <v>0</v>
      </c>
      <c r="CQ40" s="104">
        <v>244561</v>
      </c>
      <c r="CR40" s="104">
        <v>111160</v>
      </c>
      <c r="CS40" s="104">
        <v>141392</v>
      </c>
      <c r="CT40" s="104">
        <v>0</v>
      </c>
      <c r="CU40" s="104">
        <v>0</v>
      </c>
      <c r="CV40" s="103">
        <v>497113</v>
      </c>
      <c r="CW40" s="106">
        <v>497113</v>
      </c>
      <c r="CX40" s="100">
        <v>20728</v>
      </c>
      <c r="CY40" s="104">
        <v>40815</v>
      </c>
      <c r="CZ40" s="103">
        <v>61543</v>
      </c>
      <c r="DA40" s="100">
        <v>0</v>
      </c>
      <c r="DB40" s="104">
        <v>0</v>
      </c>
      <c r="DC40" s="104">
        <v>0</v>
      </c>
      <c r="DD40" s="104">
        <v>26016</v>
      </c>
      <c r="DE40" s="104">
        <v>94872</v>
      </c>
      <c r="DF40" s="104">
        <v>0</v>
      </c>
      <c r="DG40" s="103">
        <v>120888</v>
      </c>
      <c r="DH40" s="106">
        <v>182431</v>
      </c>
      <c r="DI40" s="100">
        <v>0</v>
      </c>
      <c r="DJ40" s="104">
        <v>0</v>
      </c>
      <c r="DK40" s="102">
        <v>0</v>
      </c>
      <c r="DL40" s="101">
        <v>0</v>
      </c>
      <c r="DM40" s="104">
        <v>8360</v>
      </c>
      <c r="DN40" s="104">
        <v>0</v>
      </c>
      <c r="DO40" s="104">
        <v>15448</v>
      </c>
      <c r="DP40" s="104">
        <v>0</v>
      </c>
      <c r="DQ40" s="104">
        <v>0</v>
      </c>
      <c r="DR40" s="103">
        <v>23808</v>
      </c>
      <c r="DS40" s="106">
        <v>23808</v>
      </c>
      <c r="DT40" s="100">
        <v>0</v>
      </c>
      <c r="DU40" s="104">
        <v>0</v>
      </c>
      <c r="DV40" s="103">
        <v>0</v>
      </c>
      <c r="DW40" s="100">
        <v>0</v>
      </c>
      <c r="DX40" s="104">
        <v>8360</v>
      </c>
      <c r="DY40" s="104">
        <v>0</v>
      </c>
      <c r="DZ40" s="104">
        <v>15448</v>
      </c>
      <c r="EA40" s="104">
        <v>0</v>
      </c>
      <c r="EB40" s="104">
        <v>0</v>
      </c>
      <c r="EC40" s="103">
        <v>23808</v>
      </c>
      <c r="ED40" s="106">
        <v>23808</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0</v>
      </c>
      <c r="FM40" s="104">
        <v>8080</v>
      </c>
      <c r="FN40" s="103">
        <v>8080</v>
      </c>
      <c r="FO40" s="100">
        <v>0</v>
      </c>
      <c r="FP40" s="104">
        <v>36768</v>
      </c>
      <c r="FQ40" s="104">
        <v>15040</v>
      </c>
      <c r="FR40" s="104">
        <v>47360</v>
      </c>
      <c r="FS40" s="104">
        <v>37600</v>
      </c>
      <c r="FT40" s="104">
        <v>8800</v>
      </c>
      <c r="FU40" s="103">
        <v>145568</v>
      </c>
      <c r="FV40" s="106">
        <v>153648</v>
      </c>
      <c r="FW40" s="105">
        <v>0</v>
      </c>
      <c r="FX40" s="104">
        <v>8080</v>
      </c>
      <c r="FY40" s="102">
        <v>8080</v>
      </c>
      <c r="FZ40" s="101">
        <v>0</v>
      </c>
      <c r="GA40" s="104">
        <v>36768</v>
      </c>
      <c r="GB40" s="104">
        <v>15040</v>
      </c>
      <c r="GC40" s="104">
        <v>47360</v>
      </c>
      <c r="GD40" s="104">
        <v>37600</v>
      </c>
      <c r="GE40" s="104">
        <v>8800</v>
      </c>
      <c r="GF40" s="103">
        <v>145568</v>
      </c>
      <c r="GG40" s="296">
        <v>153648</v>
      </c>
      <c r="GH40" s="105">
        <v>0</v>
      </c>
      <c r="GI40" s="104">
        <v>0</v>
      </c>
      <c r="GJ40" s="102">
        <v>0</v>
      </c>
      <c r="GK40" s="101">
        <v>0</v>
      </c>
      <c r="GL40" s="104">
        <v>0</v>
      </c>
      <c r="GM40" s="104">
        <v>0</v>
      </c>
      <c r="GN40" s="104">
        <v>0</v>
      </c>
      <c r="GO40" s="104">
        <v>0</v>
      </c>
      <c r="GP40" s="104">
        <v>0</v>
      </c>
      <c r="GQ40" s="103">
        <v>0</v>
      </c>
      <c r="GR40" s="106">
        <v>0</v>
      </c>
      <c r="GS40" s="100">
        <v>0</v>
      </c>
      <c r="GT40" s="104">
        <v>0</v>
      </c>
      <c r="GU40" s="103">
        <v>0</v>
      </c>
      <c r="GV40" s="100">
        <v>0</v>
      </c>
      <c r="GW40" s="104">
        <v>0</v>
      </c>
      <c r="GX40" s="104">
        <v>0</v>
      </c>
      <c r="GY40" s="104">
        <v>0</v>
      </c>
      <c r="GZ40" s="104">
        <v>0</v>
      </c>
      <c r="HA40" s="104">
        <v>0</v>
      </c>
      <c r="HB40" s="102">
        <v>0</v>
      </c>
      <c r="HC40" s="106">
        <v>0</v>
      </c>
      <c r="HD40" s="100">
        <v>115856</v>
      </c>
      <c r="HE40" s="104">
        <v>86864</v>
      </c>
      <c r="HF40" s="102">
        <v>202720</v>
      </c>
      <c r="HG40" s="101">
        <v>0</v>
      </c>
      <c r="HH40" s="104">
        <v>1107099</v>
      </c>
      <c r="HI40" s="104">
        <v>176838</v>
      </c>
      <c r="HJ40" s="104">
        <v>377543</v>
      </c>
      <c r="HK40" s="104">
        <v>412392</v>
      </c>
      <c r="HL40" s="104">
        <v>245461</v>
      </c>
      <c r="HM40" s="103">
        <v>2319333</v>
      </c>
      <c r="HN40" s="99">
        <v>2522053</v>
      </c>
      <c r="HO40" s="306"/>
      <c r="HP40" s="307"/>
      <c r="HQ40" s="308"/>
      <c r="HR40" s="309"/>
      <c r="HS40" s="307"/>
      <c r="HT40" s="307"/>
      <c r="HU40" s="307"/>
      <c r="HV40" s="307"/>
      <c r="HW40" s="307"/>
      <c r="HX40" s="310"/>
      <c r="HY40" s="311"/>
      <c r="HZ40" s="137">
        <v>0</v>
      </c>
      <c r="IA40" s="122">
        <v>0</v>
      </c>
      <c r="IB40" s="137">
        <v>0</v>
      </c>
      <c r="IC40" s="133">
        <v>0</v>
      </c>
      <c r="ID40" s="119">
        <v>226968</v>
      </c>
      <c r="IE40" s="134">
        <v>406728</v>
      </c>
      <c r="IF40" s="120">
        <v>164040</v>
      </c>
      <c r="IG40" s="119">
        <v>0</v>
      </c>
      <c r="IH40" s="120">
        <v>0</v>
      </c>
      <c r="II40" s="135">
        <v>797736</v>
      </c>
      <c r="IJ40" s="137">
        <v>797736</v>
      </c>
      <c r="IK40" s="219">
        <v>0</v>
      </c>
      <c r="IL40" s="223">
        <v>0</v>
      </c>
      <c r="IM40" s="224">
        <v>0</v>
      </c>
      <c r="IN40" s="127"/>
      <c r="IO40" s="109">
        <v>0</v>
      </c>
      <c r="IP40" s="109">
        <v>0</v>
      </c>
      <c r="IQ40" s="109">
        <v>164040</v>
      </c>
      <c r="IR40" s="109">
        <v>0</v>
      </c>
      <c r="IS40" s="109">
        <v>0</v>
      </c>
      <c r="IT40" s="128">
        <v>164040</v>
      </c>
      <c r="IU40" s="298">
        <v>164040</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0</v>
      </c>
      <c r="KH40" s="109">
        <v>169720</v>
      </c>
      <c r="KI40" s="109">
        <v>0</v>
      </c>
      <c r="KJ40" s="109">
        <v>0</v>
      </c>
      <c r="KK40" s="109">
        <v>0</v>
      </c>
      <c r="KL40" s="110">
        <v>169720</v>
      </c>
      <c r="KM40" s="130">
        <v>169720</v>
      </c>
      <c r="KN40" s="219">
        <v>0</v>
      </c>
      <c r="KO40" s="223">
        <v>0</v>
      </c>
      <c r="KP40" s="224">
        <v>0</v>
      </c>
      <c r="KQ40" s="127"/>
      <c r="KR40" s="109">
        <v>226968</v>
      </c>
      <c r="KS40" s="109">
        <v>237008</v>
      </c>
      <c r="KT40" s="109">
        <v>0</v>
      </c>
      <c r="KU40" s="109">
        <v>0</v>
      </c>
      <c r="KV40" s="109">
        <v>0</v>
      </c>
      <c r="KW40" s="110">
        <v>463976</v>
      </c>
      <c r="KX40" s="298">
        <v>463976</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216616</v>
      </c>
      <c r="MK40" s="109">
        <v>0</v>
      </c>
      <c r="ML40" s="109">
        <v>822446</v>
      </c>
      <c r="MM40" s="109">
        <v>265080</v>
      </c>
      <c r="MN40" s="109">
        <v>795936</v>
      </c>
      <c r="MO40" s="110">
        <v>2100078</v>
      </c>
      <c r="MP40" s="130">
        <v>2100078</v>
      </c>
      <c r="MQ40" s="129">
        <v>0</v>
      </c>
      <c r="MR40" s="109">
        <v>0</v>
      </c>
      <c r="MS40" s="110">
        <v>0</v>
      </c>
      <c r="MT40" s="132"/>
      <c r="MU40" s="109">
        <v>0</v>
      </c>
      <c r="MV40" s="109">
        <v>0</v>
      </c>
      <c r="MW40" s="109">
        <v>0</v>
      </c>
      <c r="MX40" s="109">
        <v>265080</v>
      </c>
      <c r="MY40" s="109">
        <v>795936</v>
      </c>
      <c r="MZ40" s="110">
        <v>1061016</v>
      </c>
      <c r="NA40" s="130">
        <v>1061016</v>
      </c>
      <c r="NB40" s="129">
        <v>0</v>
      </c>
      <c r="NC40" s="109">
        <v>0</v>
      </c>
      <c r="ND40" s="110">
        <v>0</v>
      </c>
      <c r="NE40" s="132"/>
      <c r="NF40" s="109">
        <v>216616</v>
      </c>
      <c r="NG40" s="109">
        <v>0</v>
      </c>
      <c r="NH40" s="109">
        <v>822446</v>
      </c>
      <c r="NI40" s="109">
        <v>0</v>
      </c>
      <c r="NJ40" s="109">
        <v>0</v>
      </c>
      <c r="NK40" s="110">
        <v>1039062</v>
      </c>
      <c r="NL40" s="298">
        <v>1039062</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162520</v>
      </c>
      <c r="OJ40" s="109">
        <v>170399</v>
      </c>
      <c r="OK40" s="128">
        <v>332919</v>
      </c>
      <c r="OL40" s="108">
        <v>0</v>
      </c>
      <c r="OM40" s="109">
        <v>2196450</v>
      </c>
      <c r="ON40" s="109">
        <v>743142</v>
      </c>
      <c r="OO40" s="109">
        <v>1657949</v>
      </c>
      <c r="OP40" s="109">
        <v>1101752</v>
      </c>
      <c r="OQ40" s="109">
        <v>1396659</v>
      </c>
      <c r="OR40" s="110">
        <v>7095952</v>
      </c>
      <c r="OS40" s="130">
        <v>7428871</v>
      </c>
    </row>
    <row r="41" spans="2:409" ht="21" customHeight="1" x14ac:dyDescent="0.2">
      <c r="B41" s="472" t="s">
        <v>36</v>
      </c>
      <c r="C41" s="100">
        <v>38950</v>
      </c>
      <c r="D41" s="104">
        <v>73925</v>
      </c>
      <c r="E41" s="103">
        <v>112875</v>
      </c>
      <c r="F41" s="99">
        <v>0</v>
      </c>
      <c r="G41" s="104">
        <v>80649</v>
      </c>
      <c r="H41" s="104">
        <v>381392</v>
      </c>
      <c r="I41" s="104">
        <v>358958</v>
      </c>
      <c r="J41" s="104">
        <v>709676</v>
      </c>
      <c r="K41" s="104">
        <v>670255</v>
      </c>
      <c r="L41" s="160">
        <v>2200930</v>
      </c>
      <c r="M41" s="106">
        <v>2313805</v>
      </c>
      <c r="N41" s="100">
        <v>19632</v>
      </c>
      <c r="O41" s="104">
        <v>36629</v>
      </c>
      <c r="P41" s="103">
        <v>56261</v>
      </c>
      <c r="Q41" s="100">
        <v>0</v>
      </c>
      <c r="R41" s="104">
        <v>60249</v>
      </c>
      <c r="S41" s="104">
        <v>40773</v>
      </c>
      <c r="T41" s="104">
        <v>136386</v>
      </c>
      <c r="U41" s="104">
        <v>521137</v>
      </c>
      <c r="V41" s="104">
        <v>424532</v>
      </c>
      <c r="W41" s="103">
        <v>1183077</v>
      </c>
      <c r="X41" s="106">
        <v>1239338</v>
      </c>
      <c r="Y41" s="100">
        <v>0</v>
      </c>
      <c r="Z41" s="104">
        <v>0</v>
      </c>
      <c r="AA41" s="103">
        <v>0</v>
      </c>
      <c r="AB41" s="100">
        <v>0</v>
      </c>
      <c r="AC41" s="104">
        <v>0</v>
      </c>
      <c r="AD41" s="104">
        <v>0</v>
      </c>
      <c r="AE41" s="104">
        <v>41651</v>
      </c>
      <c r="AF41" s="104">
        <v>420564</v>
      </c>
      <c r="AG41" s="104">
        <v>335004</v>
      </c>
      <c r="AH41" s="103">
        <v>797219</v>
      </c>
      <c r="AI41" s="106">
        <v>797219</v>
      </c>
      <c r="AJ41" s="100">
        <v>0</v>
      </c>
      <c r="AK41" s="104">
        <v>0</v>
      </c>
      <c r="AL41" s="103">
        <v>0</v>
      </c>
      <c r="AM41" s="100">
        <v>0</v>
      </c>
      <c r="AN41" s="104">
        <v>0</v>
      </c>
      <c r="AO41" s="104">
        <v>0</v>
      </c>
      <c r="AP41" s="104">
        <v>0</v>
      </c>
      <c r="AQ41" s="104">
        <v>13536</v>
      </c>
      <c r="AR41" s="104">
        <v>0</v>
      </c>
      <c r="AS41" s="103">
        <v>13536</v>
      </c>
      <c r="AT41" s="106">
        <v>13536</v>
      </c>
      <c r="AU41" s="100">
        <v>19632</v>
      </c>
      <c r="AV41" s="104">
        <v>0</v>
      </c>
      <c r="AW41" s="103">
        <v>19632</v>
      </c>
      <c r="AX41" s="100">
        <v>0</v>
      </c>
      <c r="AY41" s="104">
        <v>55481</v>
      </c>
      <c r="AZ41" s="104">
        <v>0</v>
      </c>
      <c r="BA41" s="104">
        <v>61935</v>
      </c>
      <c r="BB41" s="104">
        <v>52621</v>
      </c>
      <c r="BC41" s="104">
        <v>42448</v>
      </c>
      <c r="BD41" s="103">
        <v>212485</v>
      </c>
      <c r="BE41" s="106">
        <v>232117</v>
      </c>
      <c r="BF41" s="100">
        <v>0</v>
      </c>
      <c r="BG41" s="104">
        <v>36629</v>
      </c>
      <c r="BH41" s="102">
        <v>36629</v>
      </c>
      <c r="BI41" s="101">
        <v>0</v>
      </c>
      <c r="BJ41" s="104">
        <v>0</v>
      </c>
      <c r="BK41" s="104">
        <v>36629</v>
      </c>
      <c r="BL41" s="104">
        <v>0</v>
      </c>
      <c r="BM41" s="104">
        <v>0</v>
      </c>
      <c r="BN41" s="104">
        <v>0</v>
      </c>
      <c r="BO41" s="103">
        <v>36629</v>
      </c>
      <c r="BP41" s="106">
        <v>73258</v>
      </c>
      <c r="BQ41" s="100">
        <v>0</v>
      </c>
      <c r="BR41" s="104">
        <v>0</v>
      </c>
      <c r="BS41" s="103">
        <v>0</v>
      </c>
      <c r="BT41" s="100">
        <v>0</v>
      </c>
      <c r="BU41" s="104">
        <v>4768</v>
      </c>
      <c r="BV41" s="104">
        <v>4144</v>
      </c>
      <c r="BW41" s="104">
        <v>32800</v>
      </c>
      <c r="BX41" s="104">
        <v>34416</v>
      </c>
      <c r="BY41" s="104">
        <v>47080</v>
      </c>
      <c r="BZ41" s="103">
        <v>123208</v>
      </c>
      <c r="CA41" s="106">
        <v>123208</v>
      </c>
      <c r="CB41" s="100">
        <v>19318</v>
      </c>
      <c r="CC41" s="104">
        <v>37296</v>
      </c>
      <c r="CD41" s="103">
        <v>56614</v>
      </c>
      <c r="CE41" s="100">
        <v>0</v>
      </c>
      <c r="CF41" s="104">
        <v>0</v>
      </c>
      <c r="CG41" s="104">
        <v>98584</v>
      </c>
      <c r="CH41" s="104">
        <v>0</v>
      </c>
      <c r="CI41" s="104">
        <v>86315</v>
      </c>
      <c r="CJ41" s="104">
        <v>0</v>
      </c>
      <c r="CK41" s="103">
        <v>184899</v>
      </c>
      <c r="CL41" s="106">
        <v>241513</v>
      </c>
      <c r="CM41" s="100">
        <v>0</v>
      </c>
      <c r="CN41" s="104">
        <v>0</v>
      </c>
      <c r="CO41" s="103">
        <v>0</v>
      </c>
      <c r="CP41" s="101">
        <v>0</v>
      </c>
      <c r="CQ41" s="104">
        <v>0</v>
      </c>
      <c r="CR41" s="104">
        <v>98584</v>
      </c>
      <c r="CS41" s="104">
        <v>0</v>
      </c>
      <c r="CT41" s="104">
        <v>0</v>
      </c>
      <c r="CU41" s="104">
        <v>0</v>
      </c>
      <c r="CV41" s="103">
        <v>98584</v>
      </c>
      <c r="CW41" s="106">
        <v>98584</v>
      </c>
      <c r="CX41" s="100">
        <v>19318</v>
      </c>
      <c r="CY41" s="104">
        <v>37296</v>
      </c>
      <c r="CZ41" s="103">
        <v>56614</v>
      </c>
      <c r="DA41" s="100">
        <v>0</v>
      </c>
      <c r="DB41" s="104">
        <v>0</v>
      </c>
      <c r="DC41" s="104">
        <v>0</v>
      </c>
      <c r="DD41" s="104">
        <v>0</v>
      </c>
      <c r="DE41" s="104">
        <v>86315</v>
      </c>
      <c r="DF41" s="104">
        <v>0</v>
      </c>
      <c r="DG41" s="103">
        <v>86315</v>
      </c>
      <c r="DH41" s="106">
        <v>142929</v>
      </c>
      <c r="DI41" s="100">
        <v>0</v>
      </c>
      <c r="DJ41" s="104">
        <v>0</v>
      </c>
      <c r="DK41" s="102">
        <v>0</v>
      </c>
      <c r="DL41" s="101">
        <v>0</v>
      </c>
      <c r="DM41" s="104">
        <v>0</v>
      </c>
      <c r="DN41" s="104">
        <v>16483</v>
      </c>
      <c r="DO41" s="104">
        <v>0</v>
      </c>
      <c r="DP41" s="104">
        <v>0</v>
      </c>
      <c r="DQ41" s="104">
        <v>0</v>
      </c>
      <c r="DR41" s="103">
        <v>16483</v>
      </c>
      <c r="DS41" s="106">
        <v>16483</v>
      </c>
      <c r="DT41" s="100">
        <v>0</v>
      </c>
      <c r="DU41" s="104">
        <v>0</v>
      </c>
      <c r="DV41" s="103">
        <v>0</v>
      </c>
      <c r="DW41" s="100">
        <v>0</v>
      </c>
      <c r="DX41" s="104">
        <v>0</v>
      </c>
      <c r="DY41" s="104">
        <v>16483</v>
      </c>
      <c r="DZ41" s="104">
        <v>0</v>
      </c>
      <c r="EA41" s="104">
        <v>0</v>
      </c>
      <c r="EB41" s="104">
        <v>0</v>
      </c>
      <c r="EC41" s="103">
        <v>16483</v>
      </c>
      <c r="ED41" s="106">
        <v>16483</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0</v>
      </c>
      <c r="FM41" s="104">
        <v>0</v>
      </c>
      <c r="FN41" s="103">
        <v>0</v>
      </c>
      <c r="FO41" s="100">
        <v>0</v>
      </c>
      <c r="FP41" s="104">
        <v>20400</v>
      </c>
      <c r="FQ41" s="104">
        <v>50560</v>
      </c>
      <c r="FR41" s="104">
        <v>27600</v>
      </c>
      <c r="FS41" s="104">
        <v>102224</v>
      </c>
      <c r="FT41" s="104">
        <v>9520</v>
      </c>
      <c r="FU41" s="103">
        <v>210304</v>
      </c>
      <c r="FV41" s="106">
        <v>210304</v>
      </c>
      <c r="FW41" s="105">
        <v>0</v>
      </c>
      <c r="FX41" s="104">
        <v>0</v>
      </c>
      <c r="FY41" s="102">
        <v>0</v>
      </c>
      <c r="FZ41" s="101">
        <v>0</v>
      </c>
      <c r="GA41" s="104">
        <v>20400</v>
      </c>
      <c r="GB41" s="104">
        <v>50560</v>
      </c>
      <c r="GC41" s="104">
        <v>27600</v>
      </c>
      <c r="GD41" s="104">
        <v>102224</v>
      </c>
      <c r="GE41" s="104">
        <v>9520</v>
      </c>
      <c r="GF41" s="103">
        <v>210304</v>
      </c>
      <c r="GG41" s="296">
        <v>210304</v>
      </c>
      <c r="GH41" s="105">
        <v>0</v>
      </c>
      <c r="GI41" s="104">
        <v>0</v>
      </c>
      <c r="GJ41" s="102">
        <v>0</v>
      </c>
      <c r="GK41" s="101">
        <v>0</v>
      </c>
      <c r="GL41" s="104">
        <v>0</v>
      </c>
      <c r="GM41" s="104">
        <v>0</v>
      </c>
      <c r="GN41" s="104">
        <v>0</v>
      </c>
      <c r="GO41" s="104">
        <v>0</v>
      </c>
      <c r="GP41" s="104">
        <v>0</v>
      </c>
      <c r="GQ41" s="103">
        <v>0</v>
      </c>
      <c r="GR41" s="106">
        <v>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0</v>
      </c>
      <c r="HI41" s="104">
        <v>174992</v>
      </c>
      <c r="HJ41" s="104">
        <v>194972</v>
      </c>
      <c r="HK41" s="104">
        <v>0</v>
      </c>
      <c r="HL41" s="104">
        <v>236203</v>
      </c>
      <c r="HM41" s="103">
        <v>606167</v>
      </c>
      <c r="HN41" s="99">
        <v>606167</v>
      </c>
      <c r="HO41" s="306"/>
      <c r="HP41" s="307"/>
      <c r="HQ41" s="308"/>
      <c r="HR41" s="309"/>
      <c r="HS41" s="307"/>
      <c r="HT41" s="307"/>
      <c r="HU41" s="307"/>
      <c r="HV41" s="307"/>
      <c r="HW41" s="307"/>
      <c r="HX41" s="310"/>
      <c r="HY41" s="311"/>
      <c r="HZ41" s="118">
        <v>0</v>
      </c>
      <c r="IA41" s="119">
        <v>0</v>
      </c>
      <c r="IB41" s="120">
        <v>0</v>
      </c>
      <c r="IC41" s="133">
        <v>0</v>
      </c>
      <c r="ID41" s="119">
        <v>80100</v>
      </c>
      <c r="IE41" s="134">
        <v>41841</v>
      </c>
      <c r="IF41" s="120">
        <v>231975</v>
      </c>
      <c r="IG41" s="119">
        <v>320931</v>
      </c>
      <c r="IH41" s="120">
        <v>0</v>
      </c>
      <c r="II41" s="135">
        <v>674847</v>
      </c>
      <c r="IJ41" s="126">
        <v>674847</v>
      </c>
      <c r="IK41" s="219">
        <v>0</v>
      </c>
      <c r="IL41" s="223">
        <v>0</v>
      </c>
      <c r="IM41" s="224">
        <v>0</v>
      </c>
      <c r="IN41" s="127"/>
      <c r="IO41" s="109">
        <v>0</v>
      </c>
      <c r="IP41" s="109">
        <v>0</v>
      </c>
      <c r="IQ41" s="109">
        <v>0</v>
      </c>
      <c r="IR41" s="109">
        <v>0</v>
      </c>
      <c r="IS41" s="109">
        <v>0</v>
      </c>
      <c r="IT41" s="128">
        <v>0</v>
      </c>
      <c r="IU41" s="298">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80100</v>
      </c>
      <c r="JL41" s="109">
        <v>41841</v>
      </c>
      <c r="JM41" s="109">
        <v>18140</v>
      </c>
      <c r="JN41" s="109">
        <v>61270</v>
      </c>
      <c r="JO41" s="109">
        <v>0</v>
      </c>
      <c r="JP41" s="110">
        <v>201351</v>
      </c>
      <c r="JQ41" s="298">
        <v>201351</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0</v>
      </c>
      <c r="KH41" s="109">
        <v>0</v>
      </c>
      <c r="KI41" s="109">
        <v>213835</v>
      </c>
      <c r="KJ41" s="109">
        <v>0</v>
      </c>
      <c r="KK41" s="109">
        <v>0</v>
      </c>
      <c r="KL41" s="110">
        <v>213835</v>
      </c>
      <c r="KM41" s="130">
        <v>213835</v>
      </c>
      <c r="KN41" s="219">
        <v>0</v>
      </c>
      <c r="KO41" s="223">
        <v>0</v>
      </c>
      <c r="KP41" s="224">
        <v>0</v>
      </c>
      <c r="KQ41" s="127"/>
      <c r="KR41" s="109">
        <v>0</v>
      </c>
      <c r="KS41" s="109">
        <v>0</v>
      </c>
      <c r="KT41" s="109">
        <v>0</v>
      </c>
      <c r="KU41" s="109">
        <v>259661</v>
      </c>
      <c r="KV41" s="109">
        <v>0</v>
      </c>
      <c r="KW41" s="110">
        <v>259661</v>
      </c>
      <c r="KX41" s="298">
        <v>259661</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0</v>
      </c>
      <c r="MK41" s="109">
        <v>283871</v>
      </c>
      <c r="ML41" s="109">
        <v>0</v>
      </c>
      <c r="MM41" s="109">
        <v>1356875</v>
      </c>
      <c r="MN41" s="109">
        <v>852302</v>
      </c>
      <c r="MO41" s="110">
        <v>2493048</v>
      </c>
      <c r="MP41" s="130">
        <v>2493048</v>
      </c>
      <c r="MQ41" s="129">
        <v>0</v>
      </c>
      <c r="MR41" s="109">
        <v>0</v>
      </c>
      <c r="MS41" s="110">
        <v>0</v>
      </c>
      <c r="MT41" s="132"/>
      <c r="MU41" s="109">
        <v>0</v>
      </c>
      <c r="MV41" s="109">
        <v>0</v>
      </c>
      <c r="MW41" s="109">
        <v>0</v>
      </c>
      <c r="MX41" s="109">
        <v>529927</v>
      </c>
      <c r="MY41" s="109">
        <v>852302</v>
      </c>
      <c r="MZ41" s="110">
        <v>1382229</v>
      </c>
      <c r="NA41" s="130">
        <v>1382229</v>
      </c>
      <c r="NB41" s="129">
        <v>0</v>
      </c>
      <c r="NC41" s="109">
        <v>0</v>
      </c>
      <c r="ND41" s="110">
        <v>0</v>
      </c>
      <c r="NE41" s="132"/>
      <c r="NF41" s="109">
        <v>0</v>
      </c>
      <c r="NG41" s="109">
        <v>283871</v>
      </c>
      <c r="NH41" s="109">
        <v>0</v>
      </c>
      <c r="NI41" s="109">
        <v>826948</v>
      </c>
      <c r="NJ41" s="109">
        <v>0</v>
      </c>
      <c r="NK41" s="110">
        <v>1110819</v>
      </c>
      <c r="NL41" s="298">
        <v>1110819</v>
      </c>
      <c r="NM41" s="129">
        <v>0</v>
      </c>
      <c r="NN41" s="109">
        <v>0</v>
      </c>
      <c r="NO41" s="110">
        <v>0</v>
      </c>
      <c r="NP41" s="132"/>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38950</v>
      </c>
      <c r="OJ41" s="109">
        <v>73925</v>
      </c>
      <c r="OK41" s="128">
        <v>112875</v>
      </c>
      <c r="OL41" s="108">
        <v>0</v>
      </c>
      <c r="OM41" s="109">
        <v>160749</v>
      </c>
      <c r="ON41" s="109">
        <v>707104</v>
      </c>
      <c r="OO41" s="109">
        <v>590933</v>
      </c>
      <c r="OP41" s="109">
        <v>2387482</v>
      </c>
      <c r="OQ41" s="109">
        <v>1522557</v>
      </c>
      <c r="OR41" s="110">
        <v>5368825</v>
      </c>
      <c r="OS41" s="130">
        <v>5481700</v>
      </c>
    </row>
    <row r="42" spans="2:409" ht="21" customHeight="1" thickBot="1" x14ac:dyDescent="0.25">
      <c r="B42" s="473" t="s">
        <v>37</v>
      </c>
      <c r="C42" s="107">
        <v>0</v>
      </c>
      <c r="D42" s="165">
        <v>37972</v>
      </c>
      <c r="E42" s="166">
        <v>37972</v>
      </c>
      <c r="F42" s="167">
        <v>0</v>
      </c>
      <c r="G42" s="165">
        <v>0</v>
      </c>
      <c r="H42" s="165">
        <v>103867</v>
      </c>
      <c r="I42" s="165">
        <v>0</v>
      </c>
      <c r="J42" s="165">
        <v>235024</v>
      </c>
      <c r="K42" s="165">
        <v>0</v>
      </c>
      <c r="L42" s="167">
        <v>338891</v>
      </c>
      <c r="M42" s="168">
        <v>376863</v>
      </c>
      <c r="N42" s="107">
        <v>0</v>
      </c>
      <c r="O42" s="165">
        <v>0</v>
      </c>
      <c r="P42" s="166">
        <v>0</v>
      </c>
      <c r="Q42" s="107">
        <v>0</v>
      </c>
      <c r="R42" s="165">
        <v>0</v>
      </c>
      <c r="S42" s="165">
        <v>0</v>
      </c>
      <c r="T42" s="165">
        <v>0</v>
      </c>
      <c r="U42" s="165">
        <v>12976</v>
      </c>
      <c r="V42" s="165">
        <v>0</v>
      </c>
      <c r="W42" s="166">
        <v>12976</v>
      </c>
      <c r="X42" s="168">
        <v>12976</v>
      </c>
      <c r="Y42" s="107">
        <v>0</v>
      </c>
      <c r="Z42" s="165">
        <v>0</v>
      </c>
      <c r="AA42" s="166">
        <v>0</v>
      </c>
      <c r="AB42" s="107">
        <v>0</v>
      </c>
      <c r="AC42" s="165">
        <v>0</v>
      </c>
      <c r="AD42" s="165">
        <v>0</v>
      </c>
      <c r="AE42" s="165">
        <v>0</v>
      </c>
      <c r="AF42" s="165">
        <v>0</v>
      </c>
      <c r="AG42" s="165">
        <v>0</v>
      </c>
      <c r="AH42" s="166">
        <v>0</v>
      </c>
      <c r="AI42" s="168">
        <v>0</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0</v>
      </c>
      <c r="BC42" s="165">
        <v>0</v>
      </c>
      <c r="BD42" s="166">
        <v>0</v>
      </c>
      <c r="BE42" s="168">
        <v>0</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12976</v>
      </c>
      <c r="BY42" s="165">
        <v>0</v>
      </c>
      <c r="BZ42" s="166">
        <v>12976</v>
      </c>
      <c r="CA42" s="168">
        <v>12976</v>
      </c>
      <c r="CB42" s="107">
        <v>0</v>
      </c>
      <c r="CC42" s="165">
        <v>36772</v>
      </c>
      <c r="CD42" s="166">
        <v>36772</v>
      </c>
      <c r="CE42" s="107">
        <v>0</v>
      </c>
      <c r="CF42" s="165">
        <v>0</v>
      </c>
      <c r="CG42" s="165">
        <v>84859</v>
      </c>
      <c r="CH42" s="165">
        <v>0</v>
      </c>
      <c r="CI42" s="165">
        <v>0</v>
      </c>
      <c r="CJ42" s="165">
        <v>0</v>
      </c>
      <c r="CK42" s="166">
        <v>84859</v>
      </c>
      <c r="CL42" s="168">
        <v>121631</v>
      </c>
      <c r="CM42" s="107">
        <v>0</v>
      </c>
      <c r="CN42" s="165">
        <v>0</v>
      </c>
      <c r="CO42" s="166">
        <v>0</v>
      </c>
      <c r="CP42" s="169">
        <v>0</v>
      </c>
      <c r="CQ42" s="165">
        <v>0</v>
      </c>
      <c r="CR42" s="165">
        <v>84859</v>
      </c>
      <c r="CS42" s="165">
        <v>0</v>
      </c>
      <c r="CT42" s="165">
        <v>0</v>
      </c>
      <c r="CU42" s="165">
        <v>0</v>
      </c>
      <c r="CV42" s="166">
        <v>84859</v>
      </c>
      <c r="CW42" s="168">
        <v>84859</v>
      </c>
      <c r="CX42" s="107">
        <v>0</v>
      </c>
      <c r="CY42" s="165">
        <v>36772</v>
      </c>
      <c r="CZ42" s="166">
        <v>36772</v>
      </c>
      <c r="DA42" s="107">
        <v>0</v>
      </c>
      <c r="DB42" s="165">
        <v>0</v>
      </c>
      <c r="DC42" s="165">
        <v>0</v>
      </c>
      <c r="DD42" s="165">
        <v>0</v>
      </c>
      <c r="DE42" s="165">
        <v>0</v>
      </c>
      <c r="DF42" s="165">
        <v>0</v>
      </c>
      <c r="DG42" s="166">
        <v>0</v>
      </c>
      <c r="DH42" s="168">
        <v>36772</v>
      </c>
      <c r="DI42" s="107">
        <v>0</v>
      </c>
      <c r="DJ42" s="165">
        <v>0</v>
      </c>
      <c r="DK42" s="170">
        <v>0</v>
      </c>
      <c r="DL42" s="169">
        <v>0</v>
      </c>
      <c r="DM42" s="165">
        <v>0</v>
      </c>
      <c r="DN42" s="165">
        <v>0</v>
      </c>
      <c r="DO42" s="165">
        <v>0</v>
      </c>
      <c r="DP42" s="165">
        <v>0</v>
      </c>
      <c r="DQ42" s="165">
        <v>0</v>
      </c>
      <c r="DR42" s="166">
        <v>0</v>
      </c>
      <c r="DS42" s="168">
        <v>0</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0</v>
      </c>
      <c r="EN42" s="170">
        <v>0</v>
      </c>
      <c r="EO42" s="168">
        <v>0</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0</v>
      </c>
      <c r="FM42" s="165">
        <v>1200</v>
      </c>
      <c r="FN42" s="166">
        <v>1200</v>
      </c>
      <c r="FO42" s="107">
        <v>0</v>
      </c>
      <c r="FP42" s="165">
        <v>0</v>
      </c>
      <c r="FQ42" s="165">
        <v>19008</v>
      </c>
      <c r="FR42" s="165">
        <v>0</v>
      </c>
      <c r="FS42" s="165">
        <v>0</v>
      </c>
      <c r="FT42" s="165">
        <v>0</v>
      </c>
      <c r="FU42" s="166">
        <v>19008</v>
      </c>
      <c r="FV42" s="168">
        <v>20208</v>
      </c>
      <c r="FW42" s="171">
        <v>0</v>
      </c>
      <c r="FX42" s="165">
        <v>1200</v>
      </c>
      <c r="FY42" s="170">
        <v>1200</v>
      </c>
      <c r="FZ42" s="169">
        <v>0</v>
      </c>
      <c r="GA42" s="165">
        <v>0</v>
      </c>
      <c r="GB42" s="165">
        <v>19008</v>
      </c>
      <c r="GC42" s="165">
        <v>0</v>
      </c>
      <c r="GD42" s="165">
        <v>0</v>
      </c>
      <c r="GE42" s="165">
        <v>0</v>
      </c>
      <c r="GF42" s="166">
        <v>19008</v>
      </c>
      <c r="GG42" s="297">
        <v>20208</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222048</v>
      </c>
      <c r="HL42" s="165">
        <v>0</v>
      </c>
      <c r="HM42" s="166">
        <v>222048</v>
      </c>
      <c r="HN42" s="167">
        <v>222048</v>
      </c>
      <c r="HO42" s="312"/>
      <c r="HP42" s="313"/>
      <c r="HQ42" s="314"/>
      <c r="HR42" s="315"/>
      <c r="HS42" s="313"/>
      <c r="HT42" s="313"/>
      <c r="HU42" s="313"/>
      <c r="HV42" s="313"/>
      <c r="HW42" s="313"/>
      <c r="HX42" s="316"/>
      <c r="HY42" s="317"/>
      <c r="HZ42" s="138">
        <v>0</v>
      </c>
      <c r="IA42" s="139">
        <v>0</v>
      </c>
      <c r="IB42" s="140">
        <v>0</v>
      </c>
      <c r="IC42" s="141">
        <v>0</v>
      </c>
      <c r="ID42" s="142">
        <v>0</v>
      </c>
      <c r="IE42" s="143">
        <v>0</v>
      </c>
      <c r="IF42" s="144">
        <v>0</v>
      </c>
      <c r="IG42" s="142">
        <v>0</v>
      </c>
      <c r="IH42" s="144">
        <v>0</v>
      </c>
      <c r="II42" s="145">
        <v>0</v>
      </c>
      <c r="IJ42" s="146">
        <v>0</v>
      </c>
      <c r="IK42" s="220">
        <v>0</v>
      </c>
      <c r="IL42" s="225">
        <v>0</v>
      </c>
      <c r="IM42" s="226">
        <v>0</v>
      </c>
      <c r="IN42" s="147"/>
      <c r="IO42" s="148">
        <v>0</v>
      </c>
      <c r="IP42" s="148">
        <v>0</v>
      </c>
      <c r="IQ42" s="148">
        <v>0</v>
      </c>
      <c r="IR42" s="148">
        <v>0</v>
      </c>
      <c r="IS42" s="148">
        <v>0</v>
      </c>
      <c r="IT42" s="149">
        <v>0</v>
      </c>
      <c r="IU42" s="299">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0</v>
      </c>
      <c r="JP42" s="152">
        <v>0</v>
      </c>
      <c r="JQ42" s="299">
        <v>0</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9">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0</v>
      </c>
      <c r="MK42" s="148">
        <v>0</v>
      </c>
      <c r="ML42" s="148">
        <v>233548</v>
      </c>
      <c r="MM42" s="148">
        <v>0</v>
      </c>
      <c r="MN42" s="148">
        <v>0</v>
      </c>
      <c r="MO42" s="152">
        <v>233548</v>
      </c>
      <c r="MP42" s="154">
        <v>233548</v>
      </c>
      <c r="MQ42" s="150">
        <v>0</v>
      </c>
      <c r="MR42" s="148">
        <v>0</v>
      </c>
      <c r="MS42" s="152">
        <v>0</v>
      </c>
      <c r="MT42" s="156"/>
      <c r="MU42" s="148">
        <v>0</v>
      </c>
      <c r="MV42" s="148">
        <v>0</v>
      </c>
      <c r="MW42" s="148">
        <v>233548</v>
      </c>
      <c r="MX42" s="148">
        <v>0</v>
      </c>
      <c r="MY42" s="148">
        <v>0</v>
      </c>
      <c r="MZ42" s="152">
        <v>233548</v>
      </c>
      <c r="NA42" s="154">
        <v>233548</v>
      </c>
      <c r="NB42" s="150">
        <v>0</v>
      </c>
      <c r="NC42" s="148">
        <v>0</v>
      </c>
      <c r="ND42" s="152">
        <v>0</v>
      </c>
      <c r="NE42" s="156"/>
      <c r="NF42" s="148">
        <v>0</v>
      </c>
      <c r="NG42" s="148">
        <v>0</v>
      </c>
      <c r="NH42" s="148">
        <v>0</v>
      </c>
      <c r="NI42" s="148">
        <v>0</v>
      </c>
      <c r="NJ42" s="148">
        <v>0</v>
      </c>
      <c r="NK42" s="152">
        <v>0</v>
      </c>
      <c r="NL42" s="299">
        <v>0</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0</v>
      </c>
      <c r="OJ42" s="148">
        <v>37972</v>
      </c>
      <c r="OK42" s="149">
        <v>37972</v>
      </c>
      <c r="OL42" s="151">
        <v>0</v>
      </c>
      <c r="OM42" s="148">
        <v>0</v>
      </c>
      <c r="ON42" s="148">
        <v>103867</v>
      </c>
      <c r="OO42" s="148">
        <v>233548</v>
      </c>
      <c r="OP42" s="148">
        <v>235024</v>
      </c>
      <c r="OQ42" s="148">
        <v>0</v>
      </c>
      <c r="OR42" s="152">
        <v>572439</v>
      </c>
      <c r="OS42" s="154">
        <v>610411</v>
      </c>
    </row>
    <row r="43" spans="2:409" x14ac:dyDescent="0.2">
      <c r="B43" s="39"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777343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8.21875"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2:409" ht="24" customHeight="1" x14ac:dyDescent="0.2">
      <c r="B1" s="15" t="s">
        <v>135</v>
      </c>
      <c r="E1" s="468">
        <f>第１表!F2</f>
        <v>5</v>
      </c>
      <c r="F1" s="734">
        <f>第１表!G2</f>
        <v>10</v>
      </c>
      <c r="G1" s="702">
        <f>IF(F1&lt;3,F1-2+12,F1-2)</f>
        <v>8</v>
      </c>
      <c r="H1" s="702"/>
      <c r="IB1" s="341"/>
      <c r="IC1" s="239"/>
      <c r="ID1" s="618"/>
      <c r="IE1" s="618"/>
    </row>
    <row r="2" spans="2:409" ht="24" customHeight="1" x14ac:dyDescent="0.2">
      <c r="B2" s="15" t="s">
        <v>146</v>
      </c>
      <c r="E2" s="236"/>
      <c r="F2" s="237"/>
      <c r="G2" s="330"/>
      <c r="H2" s="330"/>
      <c r="IB2" s="238"/>
      <c r="IC2" s="239"/>
      <c r="ID2" s="344"/>
      <c r="IE2" s="344"/>
    </row>
    <row r="3" spans="2:409" ht="24" customHeight="1" thickBot="1" x14ac:dyDescent="0.25">
      <c r="B3" s="15" t="s">
        <v>155</v>
      </c>
    </row>
    <row r="4" spans="2:409" ht="21" customHeight="1" thickBot="1" x14ac:dyDescent="0.25">
      <c r="B4" s="655" t="s">
        <v>42</v>
      </c>
      <c r="C4" s="658" t="s">
        <v>63</v>
      </c>
      <c r="D4" s="658"/>
      <c r="E4" s="658"/>
      <c r="F4" s="658"/>
      <c r="G4" s="658"/>
      <c r="H4" s="658"/>
      <c r="I4" s="658"/>
      <c r="J4" s="658"/>
      <c r="K4" s="658"/>
      <c r="L4" s="658"/>
      <c r="M4" s="658"/>
      <c r="N4" s="661"/>
      <c r="O4" s="661"/>
      <c r="P4" s="661"/>
      <c r="Q4" s="661"/>
      <c r="R4" s="661"/>
      <c r="S4" s="661"/>
      <c r="T4" s="661"/>
      <c r="U4" s="661"/>
      <c r="V4" s="661"/>
      <c r="W4" s="661"/>
      <c r="X4" s="661"/>
      <c r="Y4" s="661"/>
      <c r="Z4" s="661"/>
      <c r="AA4" s="661"/>
      <c r="AB4" s="661"/>
      <c r="AC4" s="661"/>
      <c r="AD4" s="661"/>
      <c r="AE4" s="661"/>
      <c r="AF4" s="661"/>
      <c r="AG4" s="661"/>
      <c r="AH4" s="661"/>
      <c r="AI4" s="661"/>
      <c r="AJ4" s="661"/>
      <c r="AK4" s="661"/>
      <c r="AL4" s="661"/>
      <c r="AM4" s="661"/>
      <c r="AN4" s="661"/>
      <c r="AO4" s="661"/>
      <c r="AP4" s="661"/>
      <c r="AQ4" s="661"/>
      <c r="AR4" s="661"/>
      <c r="AS4" s="661"/>
      <c r="AT4" s="661"/>
      <c r="AU4" s="661"/>
      <c r="AV4" s="661"/>
      <c r="AW4" s="661"/>
      <c r="AX4" s="661"/>
      <c r="AY4" s="661"/>
      <c r="AZ4" s="661"/>
      <c r="BA4" s="661"/>
      <c r="BB4" s="661"/>
      <c r="BC4" s="661"/>
      <c r="BD4" s="661"/>
      <c r="BE4" s="661"/>
      <c r="BF4" s="661"/>
      <c r="BG4" s="661"/>
      <c r="BH4" s="661"/>
      <c r="BI4" s="661"/>
      <c r="BJ4" s="661"/>
      <c r="BK4" s="661"/>
      <c r="BL4" s="661"/>
      <c r="BM4" s="661"/>
      <c r="BN4" s="661"/>
      <c r="BO4" s="661"/>
      <c r="BP4" s="661"/>
      <c r="BQ4" s="661"/>
      <c r="BR4" s="661"/>
      <c r="BS4" s="661"/>
      <c r="BT4" s="661"/>
      <c r="BU4" s="661"/>
      <c r="BV4" s="661"/>
      <c r="BW4" s="661"/>
      <c r="BX4" s="661"/>
      <c r="BY4" s="661"/>
      <c r="BZ4" s="661"/>
      <c r="CA4" s="661"/>
      <c r="CB4" s="661"/>
      <c r="CC4" s="661"/>
      <c r="CD4" s="661"/>
      <c r="CE4" s="661"/>
      <c r="CF4" s="661"/>
      <c r="CG4" s="661"/>
      <c r="CH4" s="661"/>
      <c r="CI4" s="661"/>
      <c r="CJ4" s="661"/>
      <c r="CK4" s="661"/>
      <c r="CL4" s="661"/>
      <c r="CM4" s="661"/>
      <c r="CN4" s="661"/>
      <c r="CO4" s="661"/>
      <c r="CP4" s="661"/>
      <c r="CQ4" s="661"/>
      <c r="CR4" s="661"/>
      <c r="CS4" s="661"/>
      <c r="CT4" s="661"/>
      <c r="CU4" s="661"/>
      <c r="CV4" s="661"/>
      <c r="CW4" s="661"/>
      <c r="CX4" s="661"/>
      <c r="CY4" s="661"/>
      <c r="CZ4" s="661"/>
      <c r="DA4" s="661"/>
      <c r="DB4" s="661"/>
      <c r="DC4" s="661"/>
      <c r="DD4" s="661"/>
      <c r="DE4" s="661"/>
      <c r="DF4" s="661"/>
      <c r="DG4" s="661"/>
      <c r="DH4" s="661"/>
      <c r="DI4" s="661"/>
      <c r="DJ4" s="661"/>
      <c r="DK4" s="661"/>
      <c r="DL4" s="661"/>
      <c r="DM4" s="661"/>
      <c r="DN4" s="661"/>
      <c r="DO4" s="661"/>
      <c r="DP4" s="661"/>
      <c r="DQ4" s="661"/>
      <c r="DR4" s="661"/>
      <c r="DS4" s="661"/>
      <c r="DT4" s="661"/>
      <c r="DU4" s="661"/>
      <c r="DV4" s="661"/>
      <c r="DW4" s="661"/>
      <c r="DX4" s="661"/>
      <c r="DY4" s="661"/>
      <c r="DZ4" s="661"/>
      <c r="EA4" s="661"/>
      <c r="EB4" s="661"/>
      <c r="EC4" s="661"/>
      <c r="ED4" s="661"/>
      <c r="EE4" s="661"/>
      <c r="EF4" s="661"/>
      <c r="EG4" s="661"/>
      <c r="EH4" s="661"/>
      <c r="EI4" s="661"/>
      <c r="EJ4" s="661"/>
      <c r="EK4" s="661"/>
      <c r="EL4" s="661"/>
      <c r="EM4" s="661"/>
      <c r="EN4" s="661"/>
      <c r="EO4" s="661"/>
      <c r="EP4" s="661"/>
      <c r="EQ4" s="661"/>
      <c r="ER4" s="661"/>
      <c r="ES4" s="661"/>
      <c r="ET4" s="661"/>
      <c r="EU4" s="661"/>
      <c r="EV4" s="661"/>
      <c r="EW4" s="661"/>
      <c r="EX4" s="661"/>
      <c r="EY4" s="661"/>
      <c r="EZ4" s="661"/>
      <c r="FA4" s="661"/>
      <c r="FB4" s="661"/>
      <c r="FC4" s="661"/>
      <c r="FD4" s="661"/>
      <c r="FE4" s="661"/>
      <c r="FF4" s="661"/>
      <c r="FG4" s="661"/>
      <c r="FH4" s="661"/>
      <c r="FI4" s="661"/>
      <c r="FJ4" s="661"/>
      <c r="FK4" s="661"/>
      <c r="FL4" s="661"/>
      <c r="FM4" s="661"/>
      <c r="FN4" s="661"/>
      <c r="FO4" s="661"/>
      <c r="FP4" s="661"/>
      <c r="FQ4" s="661"/>
      <c r="FR4" s="661"/>
      <c r="FS4" s="661"/>
      <c r="FT4" s="661"/>
      <c r="FU4" s="661"/>
      <c r="FV4" s="661"/>
      <c r="FW4" s="661"/>
      <c r="FX4" s="661"/>
      <c r="FY4" s="661"/>
      <c r="FZ4" s="661"/>
      <c r="GA4" s="661"/>
      <c r="GB4" s="661"/>
      <c r="GC4" s="661"/>
      <c r="GD4" s="661"/>
      <c r="GE4" s="661"/>
      <c r="GF4" s="661"/>
      <c r="GG4" s="661"/>
      <c r="GH4" s="661"/>
      <c r="GI4" s="661"/>
      <c r="GJ4" s="661"/>
      <c r="GK4" s="661"/>
      <c r="GL4" s="661"/>
      <c r="GM4" s="661"/>
      <c r="GN4" s="661"/>
      <c r="GO4" s="661"/>
      <c r="GP4" s="661"/>
      <c r="GQ4" s="661"/>
      <c r="GR4" s="661"/>
      <c r="GS4" s="661"/>
      <c r="GT4" s="661"/>
      <c r="GU4" s="661"/>
      <c r="GV4" s="661"/>
      <c r="GW4" s="661"/>
      <c r="GX4" s="661"/>
      <c r="GY4" s="661"/>
      <c r="GZ4" s="661"/>
      <c r="HA4" s="661"/>
      <c r="HB4" s="661"/>
      <c r="HC4" s="661"/>
      <c r="HD4" s="661"/>
      <c r="HE4" s="661"/>
      <c r="HF4" s="661"/>
      <c r="HG4" s="661"/>
      <c r="HH4" s="661"/>
      <c r="HI4" s="661"/>
      <c r="HJ4" s="661"/>
      <c r="HK4" s="661"/>
      <c r="HL4" s="661"/>
      <c r="HM4" s="661"/>
      <c r="HN4" s="661"/>
      <c r="HO4" s="661"/>
      <c r="HP4" s="661"/>
      <c r="HQ4" s="661"/>
      <c r="HR4" s="661"/>
      <c r="HS4" s="661"/>
      <c r="HT4" s="661"/>
      <c r="HU4" s="661"/>
      <c r="HV4" s="661"/>
      <c r="HW4" s="661"/>
      <c r="HX4" s="661"/>
      <c r="HY4" s="662"/>
      <c r="HZ4" s="615" t="s">
        <v>85</v>
      </c>
      <c r="IA4" s="616"/>
      <c r="IB4" s="616"/>
      <c r="IC4" s="616"/>
      <c r="ID4" s="616"/>
      <c r="IE4" s="616"/>
      <c r="IF4" s="616"/>
      <c r="IG4" s="616"/>
      <c r="IH4" s="616"/>
      <c r="II4" s="616"/>
      <c r="IJ4" s="616"/>
      <c r="IK4" s="616"/>
      <c r="IL4" s="616"/>
      <c r="IM4" s="616"/>
      <c r="IN4" s="616"/>
      <c r="IO4" s="616"/>
      <c r="IP4" s="616"/>
      <c r="IQ4" s="616"/>
      <c r="IR4" s="616"/>
      <c r="IS4" s="616"/>
      <c r="IT4" s="616"/>
      <c r="IU4" s="616"/>
      <c r="IV4" s="616"/>
      <c r="IW4" s="616"/>
      <c r="IX4" s="616"/>
      <c r="IY4" s="616"/>
      <c r="IZ4" s="616"/>
      <c r="JA4" s="616"/>
      <c r="JB4" s="616"/>
      <c r="JC4" s="616"/>
      <c r="JD4" s="616"/>
      <c r="JE4" s="616"/>
      <c r="JF4" s="616"/>
      <c r="JG4" s="616"/>
      <c r="JH4" s="616"/>
      <c r="JI4" s="616"/>
      <c r="JJ4" s="616"/>
      <c r="JK4" s="616"/>
      <c r="JL4" s="616"/>
      <c r="JM4" s="616"/>
      <c r="JN4" s="616"/>
      <c r="JO4" s="616"/>
      <c r="JP4" s="616"/>
      <c r="JQ4" s="616"/>
      <c r="JR4" s="616"/>
      <c r="JS4" s="616"/>
      <c r="JT4" s="616"/>
      <c r="JU4" s="616"/>
      <c r="JV4" s="616"/>
      <c r="JW4" s="616"/>
      <c r="JX4" s="616"/>
      <c r="JY4" s="616"/>
      <c r="JZ4" s="616"/>
      <c r="KA4" s="616"/>
      <c r="KB4" s="616"/>
      <c r="KC4" s="616"/>
      <c r="KD4" s="616"/>
      <c r="KE4" s="616"/>
      <c r="KF4" s="616"/>
      <c r="KG4" s="616"/>
      <c r="KH4" s="616"/>
      <c r="KI4" s="616"/>
      <c r="KJ4" s="616"/>
      <c r="KK4" s="616"/>
      <c r="KL4" s="616"/>
      <c r="KM4" s="616"/>
      <c r="KN4" s="616"/>
      <c r="KO4" s="616"/>
      <c r="KP4" s="616"/>
      <c r="KQ4" s="616"/>
      <c r="KR4" s="616"/>
      <c r="KS4" s="616"/>
      <c r="KT4" s="616"/>
      <c r="KU4" s="616"/>
      <c r="KV4" s="616"/>
      <c r="KW4" s="616"/>
      <c r="KX4" s="616"/>
      <c r="KY4" s="616"/>
      <c r="KZ4" s="616"/>
      <c r="LA4" s="616"/>
      <c r="LB4" s="616"/>
      <c r="LC4" s="616"/>
      <c r="LD4" s="616"/>
      <c r="LE4" s="616"/>
      <c r="LF4" s="616"/>
      <c r="LG4" s="616"/>
      <c r="LH4" s="616"/>
      <c r="LI4" s="616"/>
      <c r="LJ4" s="616"/>
      <c r="LK4" s="616"/>
      <c r="LL4" s="616"/>
      <c r="LM4" s="616"/>
      <c r="LN4" s="616"/>
      <c r="LO4" s="616"/>
      <c r="LP4" s="616"/>
      <c r="LQ4" s="616"/>
      <c r="LR4" s="616"/>
      <c r="LS4" s="616"/>
      <c r="LT4" s="616"/>
      <c r="LU4" s="616"/>
      <c r="LV4" s="616"/>
      <c r="LW4" s="616"/>
      <c r="LX4" s="616"/>
      <c r="LY4" s="616"/>
      <c r="LZ4" s="616"/>
      <c r="MA4" s="616"/>
      <c r="MB4" s="616"/>
      <c r="MC4" s="616"/>
      <c r="MD4" s="616"/>
      <c r="ME4" s="617"/>
      <c r="MF4" s="615" t="s">
        <v>86</v>
      </c>
      <c r="MG4" s="616"/>
      <c r="MH4" s="616"/>
      <c r="MI4" s="616"/>
      <c r="MJ4" s="616"/>
      <c r="MK4" s="616"/>
      <c r="ML4" s="616"/>
      <c r="MM4" s="616"/>
      <c r="MN4" s="616"/>
      <c r="MO4" s="616"/>
      <c r="MP4" s="616"/>
      <c r="MQ4" s="616"/>
      <c r="MR4" s="616"/>
      <c r="MS4" s="616"/>
      <c r="MT4" s="616"/>
      <c r="MU4" s="616"/>
      <c r="MV4" s="616"/>
      <c r="MW4" s="616"/>
      <c r="MX4" s="616"/>
      <c r="MY4" s="616"/>
      <c r="MZ4" s="616"/>
      <c r="NA4" s="616"/>
      <c r="NB4" s="616"/>
      <c r="NC4" s="616"/>
      <c r="ND4" s="616"/>
      <c r="NE4" s="616"/>
      <c r="NF4" s="616"/>
      <c r="NG4" s="616"/>
      <c r="NH4" s="616"/>
      <c r="NI4" s="616"/>
      <c r="NJ4" s="616"/>
      <c r="NK4" s="616"/>
      <c r="NL4" s="616"/>
      <c r="NM4" s="616"/>
      <c r="NN4" s="616"/>
      <c r="NO4" s="616"/>
      <c r="NP4" s="616"/>
      <c r="NQ4" s="616"/>
      <c r="NR4" s="616"/>
      <c r="NS4" s="616"/>
      <c r="NT4" s="616"/>
      <c r="NU4" s="616"/>
      <c r="NV4" s="616"/>
      <c r="NW4" s="616"/>
      <c r="NX4" s="616"/>
      <c r="NY4" s="616"/>
      <c r="NZ4" s="616"/>
      <c r="OA4" s="616"/>
      <c r="OB4" s="616"/>
      <c r="OC4" s="616"/>
      <c r="OD4" s="616"/>
      <c r="OE4" s="616"/>
      <c r="OF4" s="616"/>
      <c r="OG4" s="616"/>
      <c r="OH4" s="617"/>
      <c r="OI4" s="570" t="s">
        <v>60</v>
      </c>
      <c r="OJ4" s="480"/>
      <c r="OK4" s="480"/>
      <c r="OL4" s="480"/>
      <c r="OM4" s="480"/>
      <c r="ON4" s="480"/>
      <c r="OO4" s="480"/>
      <c r="OP4" s="480"/>
      <c r="OQ4" s="480"/>
      <c r="OR4" s="480"/>
      <c r="OS4" s="481"/>
    </row>
    <row r="5" spans="2:409" ht="21" customHeight="1" thickBot="1" x14ac:dyDescent="0.25">
      <c r="B5" s="656"/>
      <c r="C5" s="659"/>
      <c r="D5" s="659"/>
      <c r="E5" s="659"/>
      <c r="F5" s="659"/>
      <c r="G5" s="659"/>
      <c r="H5" s="659"/>
      <c r="I5" s="659"/>
      <c r="J5" s="659"/>
      <c r="K5" s="659"/>
      <c r="L5" s="659"/>
      <c r="M5" s="659"/>
      <c r="N5" s="663" t="s">
        <v>64</v>
      </c>
      <c r="O5" s="664"/>
      <c r="P5" s="664"/>
      <c r="Q5" s="664"/>
      <c r="R5" s="664"/>
      <c r="S5" s="664"/>
      <c r="T5" s="664"/>
      <c r="U5" s="664"/>
      <c r="V5" s="664"/>
      <c r="W5" s="664"/>
      <c r="X5" s="664"/>
      <c r="Y5" s="664"/>
      <c r="Z5" s="664"/>
      <c r="AA5" s="664"/>
      <c r="AB5" s="664"/>
      <c r="AC5" s="664"/>
      <c r="AD5" s="664"/>
      <c r="AE5" s="664"/>
      <c r="AF5" s="664"/>
      <c r="AG5" s="664"/>
      <c r="AH5" s="664"/>
      <c r="AI5" s="664"/>
      <c r="AJ5" s="664"/>
      <c r="AK5" s="664"/>
      <c r="AL5" s="664"/>
      <c r="AM5" s="664"/>
      <c r="AN5" s="664"/>
      <c r="AO5" s="664"/>
      <c r="AP5" s="664"/>
      <c r="AQ5" s="664"/>
      <c r="AR5" s="664"/>
      <c r="AS5" s="664"/>
      <c r="AT5" s="664"/>
      <c r="AU5" s="664"/>
      <c r="AV5" s="664"/>
      <c r="AW5" s="664"/>
      <c r="AX5" s="664"/>
      <c r="AY5" s="664"/>
      <c r="AZ5" s="664"/>
      <c r="BA5" s="664"/>
      <c r="BB5" s="664"/>
      <c r="BC5" s="664"/>
      <c r="BD5" s="664"/>
      <c r="BE5" s="664"/>
      <c r="BF5" s="664"/>
      <c r="BG5" s="664"/>
      <c r="BH5" s="664"/>
      <c r="BI5" s="664"/>
      <c r="BJ5" s="664"/>
      <c r="BK5" s="664"/>
      <c r="BL5" s="664"/>
      <c r="BM5" s="664"/>
      <c r="BN5" s="664"/>
      <c r="BO5" s="664"/>
      <c r="BP5" s="664"/>
      <c r="BQ5" s="664"/>
      <c r="BR5" s="664"/>
      <c r="BS5" s="664"/>
      <c r="BT5" s="664"/>
      <c r="BU5" s="664"/>
      <c r="BV5" s="664"/>
      <c r="BW5" s="664"/>
      <c r="BX5" s="664"/>
      <c r="BY5" s="664"/>
      <c r="BZ5" s="664"/>
      <c r="CA5" s="665"/>
      <c r="CB5" s="663" t="s">
        <v>65</v>
      </c>
      <c r="CC5" s="664"/>
      <c r="CD5" s="664"/>
      <c r="CE5" s="664"/>
      <c r="CF5" s="664"/>
      <c r="CG5" s="664"/>
      <c r="CH5" s="664"/>
      <c r="CI5" s="664"/>
      <c r="CJ5" s="664"/>
      <c r="CK5" s="664"/>
      <c r="CL5" s="664"/>
      <c r="CM5" s="664"/>
      <c r="CN5" s="664"/>
      <c r="CO5" s="664"/>
      <c r="CP5" s="664"/>
      <c r="CQ5" s="664"/>
      <c r="CR5" s="664"/>
      <c r="CS5" s="664"/>
      <c r="CT5" s="664"/>
      <c r="CU5" s="664"/>
      <c r="CV5" s="664"/>
      <c r="CW5" s="664"/>
      <c r="CX5" s="664"/>
      <c r="CY5" s="664"/>
      <c r="CZ5" s="664"/>
      <c r="DA5" s="664"/>
      <c r="DB5" s="664"/>
      <c r="DC5" s="664"/>
      <c r="DD5" s="664"/>
      <c r="DE5" s="664"/>
      <c r="DF5" s="664"/>
      <c r="DG5" s="664"/>
      <c r="DH5" s="665"/>
      <c r="DI5" s="484" t="s">
        <v>66</v>
      </c>
      <c r="DJ5" s="485"/>
      <c r="DK5" s="485"/>
      <c r="DL5" s="485"/>
      <c r="DM5" s="485"/>
      <c r="DN5" s="485"/>
      <c r="DO5" s="485"/>
      <c r="DP5" s="485"/>
      <c r="DQ5" s="485"/>
      <c r="DR5" s="485"/>
      <c r="DS5" s="485"/>
      <c r="DT5" s="485"/>
      <c r="DU5" s="485"/>
      <c r="DV5" s="485"/>
      <c r="DW5" s="485"/>
      <c r="DX5" s="485"/>
      <c r="DY5" s="485"/>
      <c r="DZ5" s="485"/>
      <c r="EA5" s="485"/>
      <c r="EB5" s="485"/>
      <c r="EC5" s="485"/>
      <c r="ED5" s="485"/>
      <c r="EE5" s="485"/>
      <c r="EF5" s="485"/>
      <c r="EG5" s="485"/>
      <c r="EH5" s="485"/>
      <c r="EI5" s="485"/>
      <c r="EJ5" s="485"/>
      <c r="EK5" s="485"/>
      <c r="EL5" s="485"/>
      <c r="EM5" s="485"/>
      <c r="EN5" s="485"/>
      <c r="EO5" s="485"/>
      <c r="EP5" s="485"/>
      <c r="EQ5" s="485"/>
      <c r="ER5" s="485"/>
      <c r="ES5" s="485"/>
      <c r="ET5" s="485"/>
      <c r="EU5" s="485"/>
      <c r="EV5" s="485"/>
      <c r="EW5" s="485"/>
      <c r="EX5" s="485"/>
      <c r="EY5" s="485"/>
      <c r="EZ5" s="485"/>
      <c r="FA5" s="485"/>
      <c r="FB5" s="485"/>
      <c r="FC5" s="485"/>
      <c r="FD5" s="485"/>
      <c r="FE5" s="485"/>
      <c r="FF5" s="485"/>
      <c r="FG5" s="485"/>
      <c r="FH5" s="485"/>
      <c r="FI5" s="485"/>
      <c r="FJ5" s="485"/>
      <c r="FK5" s="486"/>
      <c r="FL5" s="663" t="s">
        <v>67</v>
      </c>
      <c r="FM5" s="664"/>
      <c r="FN5" s="664"/>
      <c r="FO5" s="664"/>
      <c r="FP5" s="664"/>
      <c r="FQ5" s="664"/>
      <c r="FR5" s="664"/>
      <c r="FS5" s="664"/>
      <c r="FT5" s="664"/>
      <c r="FU5" s="664"/>
      <c r="FV5" s="664"/>
      <c r="FW5" s="664"/>
      <c r="FX5" s="664"/>
      <c r="FY5" s="664"/>
      <c r="FZ5" s="664"/>
      <c r="GA5" s="664"/>
      <c r="GB5" s="664"/>
      <c r="GC5" s="664"/>
      <c r="GD5" s="664"/>
      <c r="GE5" s="664"/>
      <c r="GF5" s="664"/>
      <c r="GG5" s="664"/>
      <c r="GH5" s="664"/>
      <c r="GI5" s="664"/>
      <c r="GJ5" s="664"/>
      <c r="GK5" s="664"/>
      <c r="GL5" s="664"/>
      <c r="GM5" s="664"/>
      <c r="GN5" s="664"/>
      <c r="GO5" s="664"/>
      <c r="GP5" s="664"/>
      <c r="GQ5" s="664"/>
      <c r="GR5" s="664"/>
      <c r="GS5" s="664"/>
      <c r="GT5" s="664"/>
      <c r="GU5" s="664"/>
      <c r="GV5" s="664"/>
      <c r="GW5" s="664"/>
      <c r="GX5" s="664"/>
      <c r="GY5" s="664"/>
      <c r="GZ5" s="664"/>
      <c r="HA5" s="664"/>
      <c r="HB5" s="664"/>
      <c r="HC5" s="665"/>
      <c r="HD5" s="666" t="s">
        <v>68</v>
      </c>
      <c r="HE5" s="667"/>
      <c r="HF5" s="667"/>
      <c r="HG5" s="667"/>
      <c r="HH5" s="667"/>
      <c r="HI5" s="667"/>
      <c r="HJ5" s="667"/>
      <c r="HK5" s="667"/>
      <c r="HL5" s="667"/>
      <c r="HM5" s="667"/>
      <c r="HN5" s="668"/>
      <c r="HO5" s="666" t="s">
        <v>69</v>
      </c>
      <c r="HP5" s="667"/>
      <c r="HQ5" s="667"/>
      <c r="HR5" s="667"/>
      <c r="HS5" s="667"/>
      <c r="HT5" s="667"/>
      <c r="HU5" s="667"/>
      <c r="HV5" s="667"/>
      <c r="HW5" s="667"/>
      <c r="HX5" s="667"/>
      <c r="HY5" s="668"/>
      <c r="HZ5" s="594"/>
      <c r="IA5" s="595"/>
      <c r="IB5" s="595"/>
      <c r="IC5" s="595"/>
      <c r="ID5" s="595"/>
      <c r="IE5" s="595"/>
      <c r="IF5" s="595"/>
      <c r="IG5" s="595"/>
      <c r="IH5" s="595"/>
      <c r="II5" s="595"/>
      <c r="IJ5" s="596"/>
      <c r="IK5" s="570" t="s">
        <v>94</v>
      </c>
      <c r="IL5" s="480"/>
      <c r="IM5" s="480"/>
      <c r="IN5" s="480"/>
      <c r="IO5" s="480"/>
      <c r="IP5" s="480"/>
      <c r="IQ5" s="480"/>
      <c r="IR5" s="480"/>
      <c r="IS5" s="480"/>
      <c r="IT5" s="480"/>
      <c r="IU5" s="481"/>
      <c r="IV5" s="570" t="s">
        <v>88</v>
      </c>
      <c r="IW5" s="480"/>
      <c r="IX5" s="480"/>
      <c r="IY5" s="480"/>
      <c r="IZ5" s="480"/>
      <c r="JA5" s="480"/>
      <c r="JB5" s="480"/>
      <c r="JC5" s="480"/>
      <c r="JD5" s="480"/>
      <c r="JE5" s="480"/>
      <c r="JF5" s="481"/>
      <c r="JG5" s="600" t="s">
        <v>143</v>
      </c>
      <c r="JH5" s="601"/>
      <c r="JI5" s="601"/>
      <c r="JJ5" s="601"/>
      <c r="JK5" s="601"/>
      <c r="JL5" s="601"/>
      <c r="JM5" s="601"/>
      <c r="JN5" s="601"/>
      <c r="JO5" s="601"/>
      <c r="JP5" s="601"/>
      <c r="JQ5" s="602"/>
      <c r="JR5" s="570" t="s">
        <v>90</v>
      </c>
      <c r="JS5" s="480"/>
      <c r="JT5" s="480"/>
      <c r="JU5" s="480"/>
      <c r="JV5" s="480"/>
      <c r="JW5" s="480"/>
      <c r="JX5" s="480"/>
      <c r="JY5" s="480"/>
      <c r="JZ5" s="480"/>
      <c r="KA5" s="480"/>
      <c r="KB5" s="481"/>
      <c r="KC5" s="570" t="s">
        <v>89</v>
      </c>
      <c r="KD5" s="480"/>
      <c r="KE5" s="480"/>
      <c r="KF5" s="480"/>
      <c r="KG5" s="480"/>
      <c r="KH5" s="480"/>
      <c r="KI5" s="480"/>
      <c r="KJ5" s="480"/>
      <c r="KK5" s="480"/>
      <c r="KL5" s="480"/>
      <c r="KM5" s="481"/>
      <c r="KN5" s="570" t="s">
        <v>91</v>
      </c>
      <c r="KO5" s="480"/>
      <c r="KP5" s="480"/>
      <c r="KQ5" s="480"/>
      <c r="KR5" s="480"/>
      <c r="KS5" s="480"/>
      <c r="KT5" s="480"/>
      <c r="KU5" s="480"/>
      <c r="KV5" s="480"/>
      <c r="KW5" s="480"/>
      <c r="KX5" s="481"/>
      <c r="KY5" s="570" t="s">
        <v>92</v>
      </c>
      <c r="KZ5" s="480"/>
      <c r="LA5" s="480"/>
      <c r="LB5" s="480"/>
      <c r="LC5" s="480"/>
      <c r="LD5" s="480"/>
      <c r="LE5" s="480"/>
      <c r="LF5" s="480"/>
      <c r="LG5" s="480"/>
      <c r="LH5" s="480"/>
      <c r="LI5" s="481"/>
      <c r="LJ5" s="606" t="s">
        <v>93</v>
      </c>
      <c r="LK5" s="607"/>
      <c r="LL5" s="607"/>
      <c r="LM5" s="607"/>
      <c r="LN5" s="607"/>
      <c r="LO5" s="607"/>
      <c r="LP5" s="607"/>
      <c r="LQ5" s="607"/>
      <c r="LR5" s="607"/>
      <c r="LS5" s="607"/>
      <c r="LT5" s="608"/>
      <c r="LU5" s="609" t="s">
        <v>144</v>
      </c>
      <c r="LV5" s="610"/>
      <c r="LW5" s="610"/>
      <c r="LX5" s="610"/>
      <c r="LY5" s="610"/>
      <c r="LZ5" s="610"/>
      <c r="MA5" s="610"/>
      <c r="MB5" s="610"/>
      <c r="MC5" s="610"/>
      <c r="MD5" s="610"/>
      <c r="ME5" s="611"/>
      <c r="MF5" s="594"/>
      <c r="MG5" s="595"/>
      <c r="MH5" s="595"/>
      <c r="MI5" s="595"/>
      <c r="MJ5" s="595"/>
      <c r="MK5" s="595"/>
      <c r="ML5" s="595"/>
      <c r="MM5" s="595"/>
      <c r="MN5" s="595"/>
      <c r="MO5" s="595"/>
      <c r="MP5" s="596"/>
      <c r="MQ5" s="570" t="s">
        <v>57</v>
      </c>
      <c r="MR5" s="480"/>
      <c r="MS5" s="480"/>
      <c r="MT5" s="480"/>
      <c r="MU5" s="480"/>
      <c r="MV5" s="480"/>
      <c r="MW5" s="480"/>
      <c r="MX5" s="480"/>
      <c r="MY5" s="480"/>
      <c r="MZ5" s="480"/>
      <c r="NA5" s="481"/>
      <c r="NB5" s="570" t="s">
        <v>58</v>
      </c>
      <c r="NC5" s="480"/>
      <c r="ND5" s="480"/>
      <c r="NE5" s="480"/>
      <c r="NF5" s="480"/>
      <c r="NG5" s="480"/>
      <c r="NH5" s="480"/>
      <c r="NI5" s="480"/>
      <c r="NJ5" s="480"/>
      <c r="NK5" s="480"/>
      <c r="NL5" s="481"/>
      <c r="NM5" s="570" t="s">
        <v>59</v>
      </c>
      <c r="NN5" s="480"/>
      <c r="NO5" s="480"/>
      <c r="NP5" s="480"/>
      <c r="NQ5" s="480"/>
      <c r="NR5" s="480"/>
      <c r="NS5" s="480"/>
      <c r="NT5" s="480"/>
      <c r="NU5" s="480"/>
      <c r="NV5" s="480"/>
      <c r="NW5" s="481"/>
      <c r="NX5" s="619" t="s">
        <v>150</v>
      </c>
      <c r="NY5" s="620"/>
      <c r="NZ5" s="620"/>
      <c r="OA5" s="620"/>
      <c r="OB5" s="620"/>
      <c r="OC5" s="620"/>
      <c r="OD5" s="620"/>
      <c r="OE5" s="620"/>
      <c r="OF5" s="620"/>
      <c r="OG5" s="620"/>
      <c r="OH5" s="621"/>
      <c r="OI5" s="591"/>
      <c r="OJ5" s="592"/>
      <c r="OK5" s="592"/>
      <c r="OL5" s="592"/>
      <c r="OM5" s="592"/>
      <c r="ON5" s="592"/>
      <c r="OO5" s="592"/>
      <c r="OP5" s="592"/>
      <c r="OQ5" s="592"/>
      <c r="OR5" s="592"/>
      <c r="OS5" s="593"/>
    </row>
    <row r="6" spans="2:409" ht="21" customHeight="1" thickBot="1" x14ac:dyDescent="0.25">
      <c r="B6" s="656"/>
      <c r="C6" s="660"/>
      <c r="D6" s="660"/>
      <c r="E6" s="660"/>
      <c r="F6" s="660"/>
      <c r="G6" s="660"/>
      <c r="H6" s="660"/>
      <c r="I6" s="660"/>
      <c r="J6" s="660"/>
      <c r="K6" s="660"/>
      <c r="L6" s="660"/>
      <c r="M6" s="660"/>
      <c r="N6" s="493"/>
      <c r="O6" s="494"/>
      <c r="P6" s="494"/>
      <c r="Q6" s="494"/>
      <c r="R6" s="494"/>
      <c r="S6" s="494"/>
      <c r="T6" s="494"/>
      <c r="U6" s="494"/>
      <c r="V6" s="494"/>
      <c r="W6" s="494"/>
      <c r="X6" s="495"/>
      <c r="Y6" s="675" t="s">
        <v>70</v>
      </c>
      <c r="Z6" s="497"/>
      <c r="AA6" s="497"/>
      <c r="AB6" s="497"/>
      <c r="AC6" s="497"/>
      <c r="AD6" s="497"/>
      <c r="AE6" s="497"/>
      <c r="AF6" s="497"/>
      <c r="AG6" s="497"/>
      <c r="AH6" s="497"/>
      <c r="AI6" s="498"/>
      <c r="AJ6" s="672" t="s">
        <v>71</v>
      </c>
      <c r="AK6" s="673"/>
      <c r="AL6" s="673"/>
      <c r="AM6" s="673"/>
      <c r="AN6" s="673"/>
      <c r="AO6" s="673"/>
      <c r="AP6" s="673"/>
      <c r="AQ6" s="673"/>
      <c r="AR6" s="673"/>
      <c r="AS6" s="673"/>
      <c r="AT6" s="674"/>
      <c r="AU6" s="672" t="s">
        <v>72</v>
      </c>
      <c r="AV6" s="673"/>
      <c r="AW6" s="673"/>
      <c r="AX6" s="673"/>
      <c r="AY6" s="673"/>
      <c r="AZ6" s="673"/>
      <c r="BA6" s="673"/>
      <c r="BB6" s="673"/>
      <c r="BC6" s="673"/>
      <c r="BD6" s="673"/>
      <c r="BE6" s="674"/>
      <c r="BF6" s="672" t="s">
        <v>73</v>
      </c>
      <c r="BG6" s="673"/>
      <c r="BH6" s="673"/>
      <c r="BI6" s="673"/>
      <c r="BJ6" s="673"/>
      <c r="BK6" s="673"/>
      <c r="BL6" s="673"/>
      <c r="BM6" s="673"/>
      <c r="BN6" s="673"/>
      <c r="BO6" s="673"/>
      <c r="BP6" s="674"/>
      <c r="BQ6" s="672" t="s">
        <v>74</v>
      </c>
      <c r="BR6" s="673"/>
      <c r="BS6" s="673"/>
      <c r="BT6" s="673"/>
      <c r="BU6" s="673"/>
      <c r="BV6" s="673"/>
      <c r="BW6" s="673"/>
      <c r="BX6" s="673"/>
      <c r="BY6" s="673"/>
      <c r="BZ6" s="673"/>
      <c r="CA6" s="674"/>
      <c r="CB6" s="676"/>
      <c r="CC6" s="677"/>
      <c r="CD6" s="677"/>
      <c r="CE6" s="677"/>
      <c r="CF6" s="677"/>
      <c r="CG6" s="677"/>
      <c r="CH6" s="677"/>
      <c r="CI6" s="677"/>
      <c r="CJ6" s="677"/>
      <c r="CK6" s="677"/>
      <c r="CL6" s="678"/>
      <c r="CM6" s="672" t="s">
        <v>75</v>
      </c>
      <c r="CN6" s="673"/>
      <c r="CO6" s="673"/>
      <c r="CP6" s="673"/>
      <c r="CQ6" s="673"/>
      <c r="CR6" s="673"/>
      <c r="CS6" s="673"/>
      <c r="CT6" s="673"/>
      <c r="CU6" s="673"/>
      <c r="CV6" s="673"/>
      <c r="CW6" s="674"/>
      <c r="CX6" s="672" t="s">
        <v>76</v>
      </c>
      <c r="CY6" s="673"/>
      <c r="CZ6" s="673"/>
      <c r="DA6" s="673"/>
      <c r="DB6" s="673"/>
      <c r="DC6" s="673"/>
      <c r="DD6" s="673"/>
      <c r="DE6" s="673"/>
      <c r="DF6" s="673"/>
      <c r="DG6" s="673"/>
      <c r="DH6" s="674"/>
      <c r="DI6" s="676"/>
      <c r="DJ6" s="677"/>
      <c r="DK6" s="677"/>
      <c r="DL6" s="677"/>
      <c r="DM6" s="677"/>
      <c r="DN6" s="677"/>
      <c r="DO6" s="677"/>
      <c r="DP6" s="677"/>
      <c r="DQ6" s="677"/>
      <c r="DR6" s="677"/>
      <c r="DS6" s="677"/>
      <c r="DT6" s="672" t="s">
        <v>77</v>
      </c>
      <c r="DU6" s="673"/>
      <c r="DV6" s="673"/>
      <c r="DW6" s="673"/>
      <c r="DX6" s="673"/>
      <c r="DY6" s="673"/>
      <c r="DZ6" s="673"/>
      <c r="EA6" s="673"/>
      <c r="EB6" s="673"/>
      <c r="EC6" s="673"/>
      <c r="ED6" s="674"/>
      <c r="EE6" s="672" t="s">
        <v>78</v>
      </c>
      <c r="EF6" s="673"/>
      <c r="EG6" s="673"/>
      <c r="EH6" s="673"/>
      <c r="EI6" s="673"/>
      <c r="EJ6" s="673"/>
      <c r="EK6" s="673"/>
      <c r="EL6" s="673"/>
      <c r="EM6" s="673"/>
      <c r="EN6" s="673"/>
      <c r="EO6" s="674"/>
      <c r="EP6" s="672" t="s">
        <v>79</v>
      </c>
      <c r="EQ6" s="673"/>
      <c r="ER6" s="673"/>
      <c r="ES6" s="673"/>
      <c r="ET6" s="673"/>
      <c r="EU6" s="673"/>
      <c r="EV6" s="673"/>
      <c r="EW6" s="673"/>
      <c r="EX6" s="673"/>
      <c r="EY6" s="673"/>
      <c r="EZ6" s="674"/>
      <c r="FA6" s="653" t="s">
        <v>151</v>
      </c>
      <c r="FB6" s="673"/>
      <c r="FC6" s="673"/>
      <c r="FD6" s="673"/>
      <c r="FE6" s="673"/>
      <c r="FF6" s="673"/>
      <c r="FG6" s="673"/>
      <c r="FH6" s="673"/>
      <c r="FI6" s="673"/>
      <c r="FJ6" s="673"/>
      <c r="FK6" s="674"/>
      <c r="FL6" s="676"/>
      <c r="FM6" s="677"/>
      <c r="FN6" s="677"/>
      <c r="FO6" s="677"/>
      <c r="FP6" s="677"/>
      <c r="FQ6" s="677"/>
      <c r="FR6" s="677"/>
      <c r="FS6" s="677"/>
      <c r="FT6" s="677"/>
      <c r="FU6" s="677"/>
      <c r="FV6" s="677"/>
      <c r="FW6" s="672" t="s">
        <v>80</v>
      </c>
      <c r="FX6" s="673"/>
      <c r="FY6" s="673"/>
      <c r="FZ6" s="673"/>
      <c r="GA6" s="673"/>
      <c r="GB6" s="673"/>
      <c r="GC6" s="673"/>
      <c r="GD6" s="673"/>
      <c r="GE6" s="673"/>
      <c r="GF6" s="673"/>
      <c r="GG6" s="674"/>
      <c r="GH6" s="675" t="s">
        <v>81</v>
      </c>
      <c r="GI6" s="497"/>
      <c r="GJ6" s="497"/>
      <c r="GK6" s="497"/>
      <c r="GL6" s="497"/>
      <c r="GM6" s="497"/>
      <c r="GN6" s="497"/>
      <c r="GO6" s="497"/>
      <c r="GP6" s="497"/>
      <c r="GQ6" s="497"/>
      <c r="GR6" s="498"/>
      <c r="GS6" s="675" t="s">
        <v>82</v>
      </c>
      <c r="GT6" s="497"/>
      <c r="GU6" s="497"/>
      <c r="GV6" s="497"/>
      <c r="GW6" s="497"/>
      <c r="GX6" s="497"/>
      <c r="GY6" s="497"/>
      <c r="GZ6" s="497"/>
      <c r="HA6" s="497"/>
      <c r="HB6" s="497"/>
      <c r="HC6" s="498"/>
      <c r="HD6" s="669"/>
      <c r="HE6" s="670"/>
      <c r="HF6" s="670"/>
      <c r="HG6" s="670"/>
      <c r="HH6" s="670"/>
      <c r="HI6" s="670"/>
      <c r="HJ6" s="670"/>
      <c r="HK6" s="670"/>
      <c r="HL6" s="670"/>
      <c r="HM6" s="670"/>
      <c r="HN6" s="671"/>
      <c r="HO6" s="669"/>
      <c r="HP6" s="670"/>
      <c r="HQ6" s="670"/>
      <c r="HR6" s="670"/>
      <c r="HS6" s="670"/>
      <c r="HT6" s="670"/>
      <c r="HU6" s="670"/>
      <c r="HV6" s="670"/>
      <c r="HW6" s="670"/>
      <c r="HX6" s="670"/>
      <c r="HY6" s="671"/>
      <c r="HZ6" s="597"/>
      <c r="IA6" s="598"/>
      <c r="IB6" s="598"/>
      <c r="IC6" s="598"/>
      <c r="ID6" s="598"/>
      <c r="IE6" s="598"/>
      <c r="IF6" s="598"/>
      <c r="IG6" s="598"/>
      <c r="IH6" s="598"/>
      <c r="II6" s="598"/>
      <c r="IJ6" s="599"/>
      <c r="IK6" s="571"/>
      <c r="IL6" s="562"/>
      <c r="IM6" s="562"/>
      <c r="IN6" s="562"/>
      <c r="IO6" s="562"/>
      <c r="IP6" s="562"/>
      <c r="IQ6" s="562"/>
      <c r="IR6" s="562"/>
      <c r="IS6" s="562"/>
      <c r="IT6" s="562"/>
      <c r="IU6" s="572"/>
      <c r="IV6" s="571"/>
      <c r="IW6" s="562"/>
      <c r="IX6" s="562"/>
      <c r="IY6" s="562"/>
      <c r="IZ6" s="562"/>
      <c r="JA6" s="562"/>
      <c r="JB6" s="562"/>
      <c r="JC6" s="562"/>
      <c r="JD6" s="562"/>
      <c r="JE6" s="562"/>
      <c r="JF6" s="572"/>
      <c r="JG6" s="603"/>
      <c r="JH6" s="604"/>
      <c r="JI6" s="604"/>
      <c r="JJ6" s="604"/>
      <c r="JK6" s="604"/>
      <c r="JL6" s="604"/>
      <c r="JM6" s="604"/>
      <c r="JN6" s="604"/>
      <c r="JO6" s="604"/>
      <c r="JP6" s="604"/>
      <c r="JQ6" s="605"/>
      <c r="JR6" s="571"/>
      <c r="JS6" s="562"/>
      <c r="JT6" s="562"/>
      <c r="JU6" s="562"/>
      <c r="JV6" s="562"/>
      <c r="JW6" s="562"/>
      <c r="JX6" s="562"/>
      <c r="JY6" s="562"/>
      <c r="JZ6" s="562"/>
      <c r="KA6" s="562"/>
      <c r="KB6" s="572"/>
      <c r="KC6" s="571"/>
      <c r="KD6" s="562"/>
      <c r="KE6" s="562"/>
      <c r="KF6" s="562"/>
      <c r="KG6" s="562"/>
      <c r="KH6" s="562"/>
      <c r="KI6" s="562"/>
      <c r="KJ6" s="562"/>
      <c r="KK6" s="562"/>
      <c r="KL6" s="562"/>
      <c r="KM6" s="572"/>
      <c r="KN6" s="571"/>
      <c r="KO6" s="562"/>
      <c r="KP6" s="562"/>
      <c r="KQ6" s="562"/>
      <c r="KR6" s="562"/>
      <c r="KS6" s="562"/>
      <c r="KT6" s="562"/>
      <c r="KU6" s="562"/>
      <c r="KV6" s="562"/>
      <c r="KW6" s="562"/>
      <c r="KX6" s="572"/>
      <c r="KY6" s="571"/>
      <c r="KZ6" s="562"/>
      <c r="LA6" s="562"/>
      <c r="LB6" s="562"/>
      <c r="LC6" s="562"/>
      <c r="LD6" s="562"/>
      <c r="LE6" s="562"/>
      <c r="LF6" s="562"/>
      <c r="LG6" s="562"/>
      <c r="LH6" s="562"/>
      <c r="LI6" s="572"/>
      <c r="LJ6" s="597"/>
      <c r="LK6" s="598"/>
      <c r="LL6" s="598"/>
      <c r="LM6" s="598"/>
      <c r="LN6" s="598"/>
      <c r="LO6" s="598"/>
      <c r="LP6" s="598"/>
      <c r="LQ6" s="598"/>
      <c r="LR6" s="598"/>
      <c r="LS6" s="598"/>
      <c r="LT6" s="599"/>
      <c r="LU6" s="612"/>
      <c r="LV6" s="613"/>
      <c r="LW6" s="613"/>
      <c r="LX6" s="613"/>
      <c r="LY6" s="613"/>
      <c r="LZ6" s="613"/>
      <c r="MA6" s="613"/>
      <c r="MB6" s="613"/>
      <c r="MC6" s="613"/>
      <c r="MD6" s="613"/>
      <c r="ME6" s="614"/>
      <c r="MF6" s="597"/>
      <c r="MG6" s="598"/>
      <c r="MH6" s="598"/>
      <c r="MI6" s="598"/>
      <c r="MJ6" s="598"/>
      <c r="MK6" s="598"/>
      <c r="ML6" s="598"/>
      <c r="MM6" s="598"/>
      <c r="MN6" s="598"/>
      <c r="MO6" s="598"/>
      <c r="MP6" s="599"/>
      <c r="MQ6" s="571"/>
      <c r="MR6" s="562"/>
      <c r="MS6" s="562"/>
      <c r="MT6" s="562"/>
      <c r="MU6" s="562"/>
      <c r="MV6" s="562"/>
      <c r="MW6" s="562"/>
      <c r="MX6" s="562"/>
      <c r="MY6" s="562"/>
      <c r="MZ6" s="562"/>
      <c r="NA6" s="572"/>
      <c r="NB6" s="571"/>
      <c r="NC6" s="562"/>
      <c r="ND6" s="562"/>
      <c r="NE6" s="562"/>
      <c r="NF6" s="562"/>
      <c r="NG6" s="562"/>
      <c r="NH6" s="562"/>
      <c r="NI6" s="562"/>
      <c r="NJ6" s="562"/>
      <c r="NK6" s="562"/>
      <c r="NL6" s="572"/>
      <c r="NM6" s="571"/>
      <c r="NN6" s="562"/>
      <c r="NO6" s="562"/>
      <c r="NP6" s="562"/>
      <c r="NQ6" s="562"/>
      <c r="NR6" s="562"/>
      <c r="NS6" s="562"/>
      <c r="NT6" s="562"/>
      <c r="NU6" s="562"/>
      <c r="NV6" s="562"/>
      <c r="NW6" s="572"/>
      <c r="NX6" s="622"/>
      <c r="NY6" s="623"/>
      <c r="NZ6" s="623"/>
      <c r="OA6" s="623"/>
      <c r="OB6" s="623"/>
      <c r="OC6" s="623"/>
      <c r="OD6" s="623"/>
      <c r="OE6" s="623"/>
      <c r="OF6" s="623"/>
      <c r="OG6" s="623"/>
      <c r="OH6" s="624"/>
      <c r="OI6" s="571"/>
      <c r="OJ6" s="562"/>
      <c r="OK6" s="562"/>
      <c r="OL6" s="562"/>
      <c r="OM6" s="562"/>
      <c r="ON6" s="562"/>
      <c r="OO6" s="562"/>
      <c r="OP6" s="562"/>
      <c r="OQ6" s="562"/>
      <c r="OR6" s="562"/>
      <c r="OS6" s="572"/>
    </row>
    <row r="7" spans="2:409" ht="21" customHeight="1" x14ac:dyDescent="0.2">
      <c r="B7" s="656"/>
      <c r="C7" s="679" t="s">
        <v>61</v>
      </c>
      <c r="D7" s="679"/>
      <c r="E7" s="679"/>
      <c r="F7" s="680" t="s">
        <v>62</v>
      </c>
      <c r="G7" s="679"/>
      <c r="H7" s="679"/>
      <c r="I7" s="679"/>
      <c r="J7" s="679"/>
      <c r="K7" s="679"/>
      <c r="L7" s="679"/>
      <c r="M7" s="680" t="s">
        <v>52</v>
      </c>
      <c r="N7" s="682" t="s">
        <v>61</v>
      </c>
      <c r="O7" s="679"/>
      <c r="P7" s="679"/>
      <c r="Q7" s="680" t="s">
        <v>62</v>
      </c>
      <c r="R7" s="679"/>
      <c r="S7" s="679"/>
      <c r="T7" s="679"/>
      <c r="U7" s="679"/>
      <c r="V7" s="679"/>
      <c r="W7" s="683"/>
      <c r="X7" s="687" t="s">
        <v>52</v>
      </c>
      <c r="Y7" s="493" t="s">
        <v>61</v>
      </c>
      <c r="Z7" s="494"/>
      <c r="AA7" s="689"/>
      <c r="AB7" s="690" t="s">
        <v>62</v>
      </c>
      <c r="AC7" s="494"/>
      <c r="AD7" s="494"/>
      <c r="AE7" s="494"/>
      <c r="AF7" s="494"/>
      <c r="AG7" s="494"/>
      <c r="AH7" s="689"/>
      <c r="AI7" s="495" t="s">
        <v>52</v>
      </c>
      <c r="AJ7" s="692" t="s">
        <v>61</v>
      </c>
      <c r="AK7" s="685"/>
      <c r="AL7" s="693"/>
      <c r="AM7" s="684" t="s">
        <v>62</v>
      </c>
      <c r="AN7" s="685"/>
      <c r="AO7" s="685"/>
      <c r="AP7" s="685"/>
      <c r="AQ7" s="685"/>
      <c r="AR7" s="685"/>
      <c r="AS7" s="686"/>
      <c r="AT7" s="495" t="s">
        <v>52</v>
      </c>
      <c r="AU7" s="692" t="s">
        <v>61</v>
      </c>
      <c r="AV7" s="685"/>
      <c r="AW7" s="693"/>
      <c r="AX7" s="684" t="s">
        <v>62</v>
      </c>
      <c r="AY7" s="685"/>
      <c r="AZ7" s="685"/>
      <c r="BA7" s="685"/>
      <c r="BB7" s="685"/>
      <c r="BC7" s="685"/>
      <c r="BD7" s="686"/>
      <c r="BE7" s="495" t="s">
        <v>52</v>
      </c>
      <c r="BF7" s="692" t="s">
        <v>61</v>
      </c>
      <c r="BG7" s="685"/>
      <c r="BH7" s="693"/>
      <c r="BI7" s="684" t="s">
        <v>62</v>
      </c>
      <c r="BJ7" s="685"/>
      <c r="BK7" s="685"/>
      <c r="BL7" s="685"/>
      <c r="BM7" s="685"/>
      <c r="BN7" s="685"/>
      <c r="BO7" s="686"/>
      <c r="BP7" s="495" t="s">
        <v>52</v>
      </c>
      <c r="BQ7" s="692" t="s">
        <v>61</v>
      </c>
      <c r="BR7" s="685"/>
      <c r="BS7" s="693"/>
      <c r="BT7" s="684" t="s">
        <v>62</v>
      </c>
      <c r="BU7" s="685"/>
      <c r="BV7" s="685"/>
      <c r="BW7" s="685"/>
      <c r="BX7" s="685"/>
      <c r="BY7" s="685"/>
      <c r="BZ7" s="686"/>
      <c r="CA7" s="495" t="s">
        <v>52</v>
      </c>
      <c r="CB7" s="694" t="s">
        <v>61</v>
      </c>
      <c r="CC7" s="695"/>
      <c r="CD7" s="696"/>
      <c r="CE7" s="697" t="s">
        <v>62</v>
      </c>
      <c r="CF7" s="695"/>
      <c r="CG7" s="695"/>
      <c r="CH7" s="695"/>
      <c r="CI7" s="695"/>
      <c r="CJ7" s="695"/>
      <c r="CK7" s="698"/>
      <c r="CL7" s="687" t="s">
        <v>52</v>
      </c>
      <c r="CM7" s="692" t="s">
        <v>61</v>
      </c>
      <c r="CN7" s="685"/>
      <c r="CO7" s="686"/>
      <c r="CP7" s="684" t="s">
        <v>62</v>
      </c>
      <c r="CQ7" s="685"/>
      <c r="CR7" s="685"/>
      <c r="CS7" s="685"/>
      <c r="CT7" s="685"/>
      <c r="CU7" s="685"/>
      <c r="CV7" s="686"/>
      <c r="CW7" s="699" t="s">
        <v>52</v>
      </c>
      <c r="CX7" s="692" t="s">
        <v>61</v>
      </c>
      <c r="CY7" s="685"/>
      <c r="CZ7" s="686"/>
      <c r="DA7" s="684" t="s">
        <v>62</v>
      </c>
      <c r="DB7" s="685"/>
      <c r="DC7" s="685"/>
      <c r="DD7" s="685"/>
      <c r="DE7" s="685"/>
      <c r="DF7" s="685"/>
      <c r="DG7" s="686"/>
      <c r="DH7" s="699" t="s">
        <v>52</v>
      </c>
      <c r="DI7" s="694" t="s">
        <v>61</v>
      </c>
      <c r="DJ7" s="695"/>
      <c r="DK7" s="698"/>
      <c r="DL7" s="697" t="s">
        <v>62</v>
      </c>
      <c r="DM7" s="695"/>
      <c r="DN7" s="695"/>
      <c r="DO7" s="695"/>
      <c r="DP7" s="695"/>
      <c r="DQ7" s="695"/>
      <c r="DR7" s="698"/>
      <c r="DS7" s="687" t="s">
        <v>52</v>
      </c>
      <c r="DT7" s="692" t="s">
        <v>61</v>
      </c>
      <c r="DU7" s="685"/>
      <c r="DV7" s="693"/>
      <c r="DW7" s="684" t="s">
        <v>62</v>
      </c>
      <c r="DX7" s="685"/>
      <c r="DY7" s="685"/>
      <c r="DZ7" s="685"/>
      <c r="EA7" s="685"/>
      <c r="EB7" s="685"/>
      <c r="EC7" s="686"/>
      <c r="ED7" s="495" t="s">
        <v>52</v>
      </c>
      <c r="EE7" s="692" t="s">
        <v>61</v>
      </c>
      <c r="EF7" s="685"/>
      <c r="EG7" s="693"/>
      <c r="EH7" s="684" t="s">
        <v>62</v>
      </c>
      <c r="EI7" s="685"/>
      <c r="EJ7" s="685"/>
      <c r="EK7" s="685"/>
      <c r="EL7" s="685"/>
      <c r="EM7" s="685"/>
      <c r="EN7" s="686"/>
      <c r="EO7" s="495" t="s">
        <v>52</v>
      </c>
      <c r="EP7" s="692" t="s">
        <v>61</v>
      </c>
      <c r="EQ7" s="685"/>
      <c r="ER7" s="693"/>
      <c r="ES7" s="684" t="s">
        <v>62</v>
      </c>
      <c r="ET7" s="685"/>
      <c r="EU7" s="685"/>
      <c r="EV7" s="685"/>
      <c r="EW7" s="685"/>
      <c r="EX7" s="685"/>
      <c r="EY7" s="686"/>
      <c r="EZ7" s="495" t="s">
        <v>52</v>
      </c>
      <c r="FA7" s="692" t="s">
        <v>61</v>
      </c>
      <c r="FB7" s="685"/>
      <c r="FC7" s="693"/>
      <c r="FD7" s="684" t="s">
        <v>62</v>
      </c>
      <c r="FE7" s="685"/>
      <c r="FF7" s="685"/>
      <c r="FG7" s="685"/>
      <c r="FH7" s="685"/>
      <c r="FI7" s="685"/>
      <c r="FJ7" s="686"/>
      <c r="FK7" s="495" t="s">
        <v>52</v>
      </c>
      <c r="FL7" s="694" t="s">
        <v>61</v>
      </c>
      <c r="FM7" s="695"/>
      <c r="FN7" s="696"/>
      <c r="FO7" s="697" t="s">
        <v>62</v>
      </c>
      <c r="FP7" s="695"/>
      <c r="FQ7" s="695"/>
      <c r="FR7" s="695"/>
      <c r="FS7" s="695"/>
      <c r="FT7" s="695"/>
      <c r="FU7" s="698"/>
      <c r="FV7" s="679" t="s">
        <v>52</v>
      </c>
      <c r="FW7" s="692" t="s">
        <v>61</v>
      </c>
      <c r="FX7" s="685"/>
      <c r="FY7" s="693"/>
      <c r="FZ7" s="684" t="s">
        <v>62</v>
      </c>
      <c r="GA7" s="685"/>
      <c r="GB7" s="685"/>
      <c r="GC7" s="685"/>
      <c r="GD7" s="685"/>
      <c r="GE7" s="685"/>
      <c r="GF7" s="686"/>
      <c r="GG7" s="495" t="s">
        <v>52</v>
      </c>
      <c r="GH7" s="493" t="s">
        <v>61</v>
      </c>
      <c r="GI7" s="494"/>
      <c r="GJ7" s="494"/>
      <c r="GK7" s="690" t="s">
        <v>62</v>
      </c>
      <c r="GL7" s="494"/>
      <c r="GM7" s="494"/>
      <c r="GN7" s="494"/>
      <c r="GO7" s="494"/>
      <c r="GP7" s="494"/>
      <c r="GQ7" s="689"/>
      <c r="GR7" s="700" t="s">
        <v>52</v>
      </c>
      <c r="GS7" s="493" t="s">
        <v>61</v>
      </c>
      <c r="GT7" s="494"/>
      <c r="GU7" s="689"/>
      <c r="GV7" s="690" t="s">
        <v>62</v>
      </c>
      <c r="GW7" s="494"/>
      <c r="GX7" s="494"/>
      <c r="GY7" s="494"/>
      <c r="GZ7" s="494"/>
      <c r="HA7" s="494"/>
      <c r="HB7" s="689"/>
      <c r="HC7" s="700" t="s">
        <v>52</v>
      </c>
      <c r="HD7" s="692" t="s">
        <v>61</v>
      </c>
      <c r="HE7" s="685"/>
      <c r="HF7" s="693"/>
      <c r="HG7" s="684" t="s">
        <v>62</v>
      </c>
      <c r="HH7" s="685"/>
      <c r="HI7" s="685"/>
      <c r="HJ7" s="685"/>
      <c r="HK7" s="685"/>
      <c r="HL7" s="685"/>
      <c r="HM7" s="686"/>
      <c r="HN7" s="495" t="s">
        <v>52</v>
      </c>
      <c r="HO7" s="692" t="s">
        <v>61</v>
      </c>
      <c r="HP7" s="685"/>
      <c r="HQ7" s="693"/>
      <c r="HR7" s="684" t="s">
        <v>62</v>
      </c>
      <c r="HS7" s="685"/>
      <c r="HT7" s="685"/>
      <c r="HU7" s="685"/>
      <c r="HV7" s="685"/>
      <c r="HW7" s="685"/>
      <c r="HX7" s="686"/>
      <c r="HY7" s="495" t="s">
        <v>52</v>
      </c>
      <c r="HZ7" s="549" t="s">
        <v>61</v>
      </c>
      <c r="IA7" s="550"/>
      <c r="IB7" s="551"/>
      <c r="IC7" s="586" t="s">
        <v>62</v>
      </c>
      <c r="ID7" s="550"/>
      <c r="IE7" s="550"/>
      <c r="IF7" s="550"/>
      <c r="IG7" s="550"/>
      <c r="IH7" s="550"/>
      <c r="II7" s="587"/>
      <c r="IJ7" s="553" t="s">
        <v>52</v>
      </c>
      <c r="IK7" s="566" t="s">
        <v>61</v>
      </c>
      <c r="IL7" s="559"/>
      <c r="IM7" s="560"/>
      <c r="IN7" s="589" t="s">
        <v>62</v>
      </c>
      <c r="IO7" s="559"/>
      <c r="IP7" s="559"/>
      <c r="IQ7" s="559"/>
      <c r="IR7" s="559"/>
      <c r="IS7" s="559"/>
      <c r="IT7" s="590"/>
      <c r="IU7" s="572" t="s">
        <v>52</v>
      </c>
      <c r="IV7" s="566" t="s">
        <v>61</v>
      </c>
      <c r="IW7" s="559"/>
      <c r="IX7" s="590"/>
      <c r="IY7" s="589" t="s">
        <v>62</v>
      </c>
      <c r="IZ7" s="559"/>
      <c r="JA7" s="559"/>
      <c r="JB7" s="559"/>
      <c r="JC7" s="559"/>
      <c r="JD7" s="559"/>
      <c r="JE7" s="590"/>
      <c r="JF7" s="572" t="s">
        <v>52</v>
      </c>
      <c r="JG7" s="566" t="s">
        <v>61</v>
      </c>
      <c r="JH7" s="559"/>
      <c r="JI7" s="560"/>
      <c r="JJ7" s="589" t="s">
        <v>62</v>
      </c>
      <c r="JK7" s="559"/>
      <c r="JL7" s="559"/>
      <c r="JM7" s="559"/>
      <c r="JN7" s="559"/>
      <c r="JO7" s="559"/>
      <c r="JP7" s="590"/>
      <c r="JQ7" s="584" t="s">
        <v>52</v>
      </c>
      <c r="JR7" s="566" t="s">
        <v>61</v>
      </c>
      <c r="JS7" s="559"/>
      <c r="JT7" s="560"/>
      <c r="JU7" s="589" t="s">
        <v>62</v>
      </c>
      <c r="JV7" s="559"/>
      <c r="JW7" s="559"/>
      <c r="JX7" s="559"/>
      <c r="JY7" s="559"/>
      <c r="JZ7" s="559"/>
      <c r="KA7" s="590"/>
      <c r="KB7" s="584" t="s">
        <v>52</v>
      </c>
      <c r="KC7" s="566" t="s">
        <v>61</v>
      </c>
      <c r="KD7" s="559"/>
      <c r="KE7" s="560"/>
      <c r="KF7" s="589" t="s">
        <v>62</v>
      </c>
      <c r="KG7" s="559"/>
      <c r="KH7" s="559"/>
      <c r="KI7" s="559"/>
      <c r="KJ7" s="559"/>
      <c r="KK7" s="559"/>
      <c r="KL7" s="590"/>
      <c r="KM7" s="584" t="s">
        <v>52</v>
      </c>
      <c r="KN7" s="566" t="s">
        <v>61</v>
      </c>
      <c r="KO7" s="559"/>
      <c r="KP7" s="560"/>
      <c r="KQ7" s="589" t="s">
        <v>62</v>
      </c>
      <c r="KR7" s="559"/>
      <c r="KS7" s="559"/>
      <c r="KT7" s="559"/>
      <c r="KU7" s="559"/>
      <c r="KV7" s="559"/>
      <c r="KW7" s="590"/>
      <c r="KX7" s="584" t="s">
        <v>52</v>
      </c>
      <c r="KY7" s="566" t="s">
        <v>61</v>
      </c>
      <c r="KZ7" s="559"/>
      <c r="LA7" s="560"/>
      <c r="LB7" s="589" t="s">
        <v>62</v>
      </c>
      <c r="LC7" s="559"/>
      <c r="LD7" s="559"/>
      <c r="LE7" s="559"/>
      <c r="LF7" s="559"/>
      <c r="LG7" s="559"/>
      <c r="LH7" s="590"/>
      <c r="LI7" s="584" t="s">
        <v>52</v>
      </c>
      <c r="LJ7" s="566" t="s">
        <v>61</v>
      </c>
      <c r="LK7" s="559"/>
      <c r="LL7" s="560"/>
      <c r="LM7" s="589" t="s">
        <v>62</v>
      </c>
      <c r="LN7" s="559"/>
      <c r="LO7" s="559"/>
      <c r="LP7" s="559"/>
      <c r="LQ7" s="559"/>
      <c r="LR7" s="559"/>
      <c r="LS7" s="590"/>
      <c r="LT7" s="584" t="s">
        <v>52</v>
      </c>
      <c r="LU7" s="566" t="s">
        <v>61</v>
      </c>
      <c r="LV7" s="559"/>
      <c r="LW7" s="560"/>
      <c r="LX7" s="589" t="s">
        <v>62</v>
      </c>
      <c r="LY7" s="559"/>
      <c r="LZ7" s="559"/>
      <c r="MA7" s="559"/>
      <c r="MB7" s="559"/>
      <c r="MC7" s="559"/>
      <c r="MD7" s="590"/>
      <c r="ME7" s="584" t="s">
        <v>52</v>
      </c>
      <c r="MF7" s="549" t="s">
        <v>61</v>
      </c>
      <c r="MG7" s="550"/>
      <c r="MH7" s="551"/>
      <c r="MI7" s="586" t="s">
        <v>62</v>
      </c>
      <c r="MJ7" s="550"/>
      <c r="MK7" s="550"/>
      <c r="ML7" s="550"/>
      <c r="MM7" s="550"/>
      <c r="MN7" s="550"/>
      <c r="MO7" s="587"/>
      <c r="MP7" s="588" t="s">
        <v>52</v>
      </c>
      <c r="MQ7" s="566" t="s">
        <v>61</v>
      </c>
      <c r="MR7" s="559"/>
      <c r="MS7" s="560"/>
      <c r="MT7" s="589" t="s">
        <v>62</v>
      </c>
      <c r="MU7" s="559"/>
      <c r="MV7" s="559"/>
      <c r="MW7" s="559"/>
      <c r="MX7" s="559"/>
      <c r="MY7" s="559"/>
      <c r="MZ7" s="590"/>
      <c r="NA7" s="584" t="s">
        <v>52</v>
      </c>
      <c r="NB7" s="566" t="s">
        <v>61</v>
      </c>
      <c r="NC7" s="559"/>
      <c r="ND7" s="560"/>
      <c r="NE7" s="589" t="s">
        <v>62</v>
      </c>
      <c r="NF7" s="559"/>
      <c r="NG7" s="559"/>
      <c r="NH7" s="559"/>
      <c r="NI7" s="559"/>
      <c r="NJ7" s="559"/>
      <c r="NK7" s="590"/>
      <c r="NL7" s="584" t="s">
        <v>52</v>
      </c>
      <c r="NM7" s="566" t="s">
        <v>61</v>
      </c>
      <c r="NN7" s="559"/>
      <c r="NO7" s="560"/>
      <c r="NP7" s="589" t="s">
        <v>62</v>
      </c>
      <c r="NQ7" s="559"/>
      <c r="NR7" s="559"/>
      <c r="NS7" s="559"/>
      <c r="NT7" s="559"/>
      <c r="NU7" s="559"/>
      <c r="NV7" s="590"/>
      <c r="NW7" s="584" t="s">
        <v>52</v>
      </c>
      <c r="NX7" s="566" t="s">
        <v>61</v>
      </c>
      <c r="NY7" s="559"/>
      <c r="NZ7" s="560"/>
      <c r="OA7" s="589" t="s">
        <v>62</v>
      </c>
      <c r="OB7" s="559"/>
      <c r="OC7" s="559"/>
      <c r="OD7" s="559"/>
      <c r="OE7" s="559"/>
      <c r="OF7" s="559"/>
      <c r="OG7" s="590"/>
      <c r="OH7" s="584" t="s">
        <v>52</v>
      </c>
      <c r="OI7" s="549" t="s">
        <v>61</v>
      </c>
      <c r="OJ7" s="550"/>
      <c r="OK7" s="551"/>
      <c r="OL7" s="586" t="s">
        <v>62</v>
      </c>
      <c r="OM7" s="550"/>
      <c r="ON7" s="550"/>
      <c r="OO7" s="550"/>
      <c r="OP7" s="550"/>
      <c r="OQ7" s="550"/>
      <c r="OR7" s="587"/>
      <c r="OS7" s="588" t="s">
        <v>52</v>
      </c>
    </row>
    <row r="8" spans="2:409" ht="30" customHeight="1" thickBot="1" x14ac:dyDescent="0.25">
      <c r="B8" s="657"/>
      <c r="C8" s="303" t="s">
        <v>43</v>
      </c>
      <c r="D8" s="41" t="s">
        <v>44</v>
      </c>
      <c r="E8" s="304" t="s">
        <v>45</v>
      </c>
      <c r="F8" s="44" t="s">
        <v>83</v>
      </c>
      <c r="G8" s="41" t="s">
        <v>47</v>
      </c>
      <c r="H8" s="41" t="s">
        <v>48</v>
      </c>
      <c r="I8" s="41" t="s">
        <v>49</v>
      </c>
      <c r="J8" s="41" t="s">
        <v>50</v>
      </c>
      <c r="K8" s="41" t="s">
        <v>51</v>
      </c>
      <c r="L8" s="42" t="s">
        <v>45</v>
      </c>
      <c r="M8" s="681"/>
      <c r="N8" s="43" t="s">
        <v>43</v>
      </c>
      <c r="O8" s="41" t="s">
        <v>44</v>
      </c>
      <c r="P8" s="42" t="s">
        <v>45</v>
      </c>
      <c r="Q8" s="44" t="s">
        <v>83</v>
      </c>
      <c r="R8" s="41" t="s">
        <v>47</v>
      </c>
      <c r="S8" s="41" t="s">
        <v>48</v>
      </c>
      <c r="T8" s="41" t="s">
        <v>49</v>
      </c>
      <c r="U8" s="41" t="s">
        <v>50</v>
      </c>
      <c r="V8" s="41" t="s">
        <v>51</v>
      </c>
      <c r="W8" s="42" t="s">
        <v>45</v>
      </c>
      <c r="X8" s="688"/>
      <c r="Y8" s="43" t="s">
        <v>43</v>
      </c>
      <c r="Z8" s="41" t="s">
        <v>44</v>
      </c>
      <c r="AA8" s="42" t="s">
        <v>45</v>
      </c>
      <c r="AB8" s="44" t="s">
        <v>83</v>
      </c>
      <c r="AC8" s="41" t="s">
        <v>47</v>
      </c>
      <c r="AD8" s="41" t="s">
        <v>48</v>
      </c>
      <c r="AE8" s="41" t="s">
        <v>49</v>
      </c>
      <c r="AF8" s="41" t="s">
        <v>50</v>
      </c>
      <c r="AG8" s="41" t="s">
        <v>51</v>
      </c>
      <c r="AH8" s="42" t="s">
        <v>45</v>
      </c>
      <c r="AI8" s="691"/>
      <c r="AJ8" s="43" t="s">
        <v>43</v>
      </c>
      <c r="AK8" s="41" t="s">
        <v>44</v>
      </c>
      <c r="AL8" s="304" t="s">
        <v>45</v>
      </c>
      <c r="AM8" s="44" t="s">
        <v>83</v>
      </c>
      <c r="AN8" s="41" t="s">
        <v>47</v>
      </c>
      <c r="AO8" s="41" t="s">
        <v>48</v>
      </c>
      <c r="AP8" s="41" t="s">
        <v>49</v>
      </c>
      <c r="AQ8" s="41" t="s">
        <v>50</v>
      </c>
      <c r="AR8" s="41" t="s">
        <v>51</v>
      </c>
      <c r="AS8" s="42" t="s">
        <v>45</v>
      </c>
      <c r="AT8" s="691"/>
      <c r="AU8" s="43" t="s">
        <v>43</v>
      </c>
      <c r="AV8" s="41" t="s">
        <v>44</v>
      </c>
      <c r="AW8" s="304" t="s">
        <v>45</v>
      </c>
      <c r="AX8" s="44" t="s">
        <v>83</v>
      </c>
      <c r="AY8" s="41" t="s">
        <v>47</v>
      </c>
      <c r="AZ8" s="41" t="s">
        <v>48</v>
      </c>
      <c r="BA8" s="41" t="s">
        <v>49</v>
      </c>
      <c r="BB8" s="41" t="s">
        <v>50</v>
      </c>
      <c r="BC8" s="41" t="s">
        <v>51</v>
      </c>
      <c r="BD8" s="42" t="s">
        <v>45</v>
      </c>
      <c r="BE8" s="691"/>
      <c r="BF8" s="305" t="s">
        <v>43</v>
      </c>
      <c r="BG8" s="41" t="s">
        <v>44</v>
      </c>
      <c r="BH8" s="304" t="s">
        <v>45</v>
      </c>
      <c r="BI8" s="44" t="s">
        <v>83</v>
      </c>
      <c r="BJ8" s="41" t="s">
        <v>47</v>
      </c>
      <c r="BK8" s="41" t="s">
        <v>48</v>
      </c>
      <c r="BL8" s="41" t="s">
        <v>49</v>
      </c>
      <c r="BM8" s="41" t="s">
        <v>50</v>
      </c>
      <c r="BN8" s="41" t="s">
        <v>51</v>
      </c>
      <c r="BO8" s="42" t="s">
        <v>45</v>
      </c>
      <c r="BP8" s="691"/>
      <c r="BQ8" s="43" t="s">
        <v>43</v>
      </c>
      <c r="BR8" s="41" t="s">
        <v>44</v>
      </c>
      <c r="BS8" s="304" t="s">
        <v>45</v>
      </c>
      <c r="BT8" s="44" t="s">
        <v>83</v>
      </c>
      <c r="BU8" s="41" t="s">
        <v>47</v>
      </c>
      <c r="BV8" s="41" t="s">
        <v>48</v>
      </c>
      <c r="BW8" s="41" t="s">
        <v>49</v>
      </c>
      <c r="BX8" s="41" t="s">
        <v>50</v>
      </c>
      <c r="BY8" s="41" t="s">
        <v>51</v>
      </c>
      <c r="BZ8" s="42" t="s">
        <v>45</v>
      </c>
      <c r="CA8" s="691"/>
      <c r="CB8" s="43" t="s">
        <v>43</v>
      </c>
      <c r="CC8" s="41" t="s">
        <v>44</v>
      </c>
      <c r="CD8" s="304" t="s">
        <v>45</v>
      </c>
      <c r="CE8" s="44" t="s">
        <v>83</v>
      </c>
      <c r="CF8" s="41" t="s">
        <v>47</v>
      </c>
      <c r="CG8" s="41" t="s">
        <v>48</v>
      </c>
      <c r="CH8" s="41" t="s">
        <v>49</v>
      </c>
      <c r="CI8" s="41" t="s">
        <v>50</v>
      </c>
      <c r="CJ8" s="41" t="s">
        <v>51</v>
      </c>
      <c r="CK8" s="42" t="s">
        <v>45</v>
      </c>
      <c r="CL8" s="688"/>
      <c r="CM8" s="43" t="s">
        <v>43</v>
      </c>
      <c r="CN8" s="41" t="s">
        <v>44</v>
      </c>
      <c r="CO8" s="42" t="s">
        <v>45</v>
      </c>
      <c r="CP8" s="44" t="s">
        <v>83</v>
      </c>
      <c r="CQ8" s="41" t="s">
        <v>47</v>
      </c>
      <c r="CR8" s="41" t="s">
        <v>48</v>
      </c>
      <c r="CS8" s="41" t="s">
        <v>49</v>
      </c>
      <c r="CT8" s="41" t="s">
        <v>50</v>
      </c>
      <c r="CU8" s="41" t="s">
        <v>51</v>
      </c>
      <c r="CV8" s="42" t="s">
        <v>45</v>
      </c>
      <c r="CW8" s="688"/>
      <c r="CX8" s="43" t="s">
        <v>43</v>
      </c>
      <c r="CY8" s="41" t="s">
        <v>44</v>
      </c>
      <c r="CZ8" s="42" t="s">
        <v>45</v>
      </c>
      <c r="DA8" s="44" t="s">
        <v>83</v>
      </c>
      <c r="DB8" s="41" t="s">
        <v>47</v>
      </c>
      <c r="DC8" s="41" t="s">
        <v>48</v>
      </c>
      <c r="DD8" s="41" t="s">
        <v>49</v>
      </c>
      <c r="DE8" s="41" t="s">
        <v>50</v>
      </c>
      <c r="DF8" s="41" t="s">
        <v>51</v>
      </c>
      <c r="DG8" s="42" t="s">
        <v>45</v>
      </c>
      <c r="DH8" s="688"/>
      <c r="DI8" s="43" t="s">
        <v>43</v>
      </c>
      <c r="DJ8" s="41" t="s">
        <v>44</v>
      </c>
      <c r="DK8" s="42" t="s">
        <v>45</v>
      </c>
      <c r="DL8" s="44" t="s">
        <v>83</v>
      </c>
      <c r="DM8" s="41" t="s">
        <v>47</v>
      </c>
      <c r="DN8" s="41" t="s">
        <v>48</v>
      </c>
      <c r="DO8" s="41" t="s">
        <v>49</v>
      </c>
      <c r="DP8" s="41" t="s">
        <v>50</v>
      </c>
      <c r="DQ8" s="41" t="s">
        <v>51</v>
      </c>
      <c r="DR8" s="42" t="s">
        <v>45</v>
      </c>
      <c r="DS8" s="688"/>
      <c r="DT8" s="43" t="s">
        <v>43</v>
      </c>
      <c r="DU8" s="41" t="s">
        <v>44</v>
      </c>
      <c r="DV8" s="304" t="s">
        <v>45</v>
      </c>
      <c r="DW8" s="44" t="s">
        <v>83</v>
      </c>
      <c r="DX8" s="41" t="s">
        <v>47</v>
      </c>
      <c r="DY8" s="41" t="s">
        <v>48</v>
      </c>
      <c r="DZ8" s="41" t="s">
        <v>49</v>
      </c>
      <c r="EA8" s="41" t="s">
        <v>50</v>
      </c>
      <c r="EB8" s="41" t="s">
        <v>51</v>
      </c>
      <c r="EC8" s="42" t="s">
        <v>45</v>
      </c>
      <c r="ED8" s="691"/>
      <c r="EE8" s="43" t="s">
        <v>43</v>
      </c>
      <c r="EF8" s="41" t="s">
        <v>44</v>
      </c>
      <c r="EG8" s="304" t="s">
        <v>45</v>
      </c>
      <c r="EH8" s="44" t="s">
        <v>83</v>
      </c>
      <c r="EI8" s="41" t="s">
        <v>47</v>
      </c>
      <c r="EJ8" s="41" t="s">
        <v>48</v>
      </c>
      <c r="EK8" s="41" t="s">
        <v>49</v>
      </c>
      <c r="EL8" s="41" t="s">
        <v>50</v>
      </c>
      <c r="EM8" s="41" t="s">
        <v>51</v>
      </c>
      <c r="EN8" s="42" t="s">
        <v>45</v>
      </c>
      <c r="EO8" s="691"/>
      <c r="EP8" s="43" t="s">
        <v>43</v>
      </c>
      <c r="EQ8" s="41" t="s">
        <v>44</v>
      </c>
      <c r="ER8" s="304" t="s">
        <v>45</v>
      </c>
      <c r="ES8" s="44" t="s">
        <v>83</v>
      </c>
      <c r="ET8" s="41" t="s">
        <v>47</v>
      </c>
      <c r="EU8" s="41" t="s">
        <v>48</v>
      </c>
      <c r="EV8" s="41" t="s">
        <v>49</v>
      </c>
      <c r="EW8" s="41" t="s">
        <v>50</v>
      </c>
      <c r="EX8" s="41" t="s">
        <v>51</v>
      </c>
      <c r="EY8" s="42" t="s">
        <v>45</v>
      </c>
      <c r="EZ8" s="691"/>
      <c r="FA8" s="43" t="s">
        <v>43</v>
      </c>
      <c r="FB8" s="41" t="s">
        <v>44</v>
      </c>
      <c r="FC8" s="304" t="s">
        <v>45</v>
      </c>
      <c r="FD8" s="44" t="s">
        <v>83</v>
      </c>
      <c r="FE8" s="41" t="s">
        <v>47</v>
      </c>
      <c r="FF8" s="41" t="s">
        <v>48</v>
      </c>
      <c r="FG8" s="41" t="s">
        <v>49</v>
      </c>
      <c r="FH8" s="41" t="s">
        <v>50</v>
      </c>
      <c r="FI8" s="41" t="s">
        <v>51</v>
      </c>
      <c r="FJ8" s="42" t="s">
        <v>45</v>
      </c>
      <c r="FK8" s="691"/>
      <c r="FL8" s="43" t="s">
        <v>43</v>
      </c>
      <c r="FM8" s="41" t="s">
        <v>44</v>
      </c>
      <c r="FN8" s="304" t="s">
        <v>45</v>
      </c>
      <c r="FO8" s="44" t="s">
        <v>83</v>
      </c>
      <c r="FP8" s="41" t="s">
        <v>47</v>
      </c>
      <c r="FQ8" s="41" t="s">
        <v>48</v>
      </c>
      <c r="FR8" s="41" t="s">
        <v>49</v>
      </c>
      <c r="FS8" s="41" t="s">
        <v>50</v>
      </c>
      <c r="FT8" s="41" t="s">
        <v>51</v>
      </c>
      <c r="FU8" s="42" t="s">
        <v>45</v>
      </c>
      <c r="FV8" s="703"/>
      <c r="FW8" s="43" t="s">
        <v>43</v>
      </c>
      <c r="FX8" s="41" t="s">
        <v>44</v>
      </c>
      <c r="FY8" s="304" t="s">
        <v>45</v>
      </c>
      <c r="FZ8" s="44" t="s">
        <v>83</v>
      </c>
      <c r="GA8" s="41" t="s">
        <v>47</v>
      </c>
      <c r="GB8" s="41" t="s">
        <v>48</v>
      </c>
      <c r="GC8" s="41" t="s">
        <v>49</v>
      </c>
      <c r="GD8" s="41" t="s">
        <v>50</v>
      </c>
      <c r="GE8" s="41" t="s">
        <v>51</v>
      </c>
      <c r="GF8" s="42" t="s">
        <v>45</v>
      </c>
      <c r="GG8" s="691"/>
      <c r="GH8" s="43" t="s">
        <v>43</v>
      </c>
      <c r="GI8" s="41" t="s">
        <v>44</v>
      </c>
      <c r="GJ8" s="304" t="s">
        <v>45</v>
      </c>
      <c r="GK8" s="44" t="s">
        <v>83</v>
      </c>
      <c r="GL8" s="41" t="s">
        <v>47</v>
      </c>
      <c r="GM8" s="41" t="s">
        <v>48</v>
      </c>
      <c r="GN8" s="41" t="s">
        <v>49</v>
      </c>
      <c r="GO8" s="41" t="s">
        <v>50</v>
      </c>
      <c r="GP8" s="41" t="s">
        <v>51</v>
      </c>
      <c r="GQ8" s="42" t="s">
        <v>45</v>
      </c>
      <c r="GR8" s="701"/>
      <c r="GS8" s="43" t="s">
        <v>43</v>
      </c>
      <c r="GT8" s="41" t="s">
        <v>44</v>
      </c>
      <c r="GU8" s="304" t="s">
        <v>45</v>
      </c>
      <c r="GV8" s="44" t="s">
        <v>83</v>
      </c>
      <c r="GW8" s="41" t="s">
        <v>47</v>
      </c>
      <c r="GX8" s="41" t="s">
        <v>48</v>
      </c>
      <c r="GY8" s="41" t="s">
        <v>49</v>
      </c>
      <c r="GZ8" s="41" t="s">
        <v>50</v>
      </c>
      <c r="HA8" s="41" t="s">
        <v>51</v>
      </c>
      <c r="HB8" s="42" t="s">
        <v>45</v>
      </c>
      <c r="HC8" s="701"/>
      <c r="HD8" s="43" t="s">
        <v>43</v>
      </c>
      <c r="HE8" s="41" t="s">
        <v>44</v>
      </c>
      <c r="HF8" s="304" t="s">
        <v>45</v>
      </c>
      <c r="HG8" s="44" t="s">
        <v>83</v>
      </c>
      <c r="HH8" s="41" t="s">
        <v>47</v>
      </c>
      <c r="HI8" s="41" t="s">
        <v>48</v>
      </c>
      <c r="HJ8" s="41" t="s">
        <v>49</v>
      </c>
      <c r="HK8" s="41" t="s">
        <v>50</v>
      </c>
      <c r="HL8" s="41" t="s">
        <v>51</v>
      </c>
      <c r="HM8" s="42" t="s">
        <v>45</v>
      </c>
      <c r="HN8" s="691"/>
      <c r="HO8" s="43" t="s">
        <v>43</v>
      </c>
      <c r="HP8" s="41" t="s">
        <v>44</v>
      </c>
      <c r="HQ8" s="304" t="s">
        <v>45</v>
      </c>
      <c r="HR8" s="44" t="s">
        <v>83</v>
      </c>
      <c r="HS8" s="41" t="s">
        <v>47</v>
      </c>
      <c r="HT8" s="41" t="s">
        <v>48</v>
      </c>
      <c r="HU8" s="41" t="s">
        <v>49</v>
      </c>
      <c r="HV8" s="41" t="s">
        <v>50</v>
      </c>
      <c r="HW8" s="41" t="s">
        <v>51</v>
      </c>
      <c r="HX8" s="42" t="s">
        <v>45</v>
      </c>
      <c r="HY8" s="691"/>
      <c r="HZ8" s="342" t="s">
        <v>43</v>
      </c>
      <c r="IA8" s="343" t="s">
        <v>44</v>
      </c>
      <c r="IB8" s="36" t="s">
        <v>45</v>
      </c>
      <c r="IC8" s="37" t="s">
        <v>83</v>
      </c>
      <c r="ID8" s="343" t="s">
        <v>47</v>
      </c>
      <c r="IE8" s="343" t="s">
        <v>48</v>
      </c>
      <c r="IF8" s="343" t="s">
        <v>49</v>
      </c>
      <c r="IG8" s="343" t="s">
        <v>50</v>
      </c>
      <c r="IH8" s="343" t="s">
        <v>51</v>
      </c>
      <c r="II8" s="14" t="s">
        <v>45</v>
      </c>
      <c r="IJ8" s="626"/>
      <c r="IK8" s="342" t="s">
        <v>43</v>
      </c>
      <c r="IL8" s="343" t="s">
        <v>44</v>
      </c>
      <c r="IM8" s="36" t="s">
        <v>45</v>
      </c>
      <c r="IN8" s="37" t="s">
        <v>83</v>
      </c>
      <c r="IO8" s="51" t="s">
        <v>47</v>
      </c>
      <c r="IP8" s="51" t="s">
        <v>48</v>
      </c>
      <c r="IQ8" s="51" t="s">
        <v>49</v>
      </c>
      <c r="IR8" s="51" t="s">
        <v>50</v>
      </c>
      <c r="IS8" s="51" t="s">
        <v>51</v>
      </c>
      <c r="IT8" s="54" t="s">
        <v>45</v>
      </c>
      <c r="IU8" s="625"/>
      <c r="IV8" s="53" t="s">
        <v>43</v>
      </c>
      <c r="IW8" s="51" t="s">
        <v>44</v>
      </c>
      <c r="IX8" s="54" t="s">
        <v>45</v>
      </c>
      <c r="IY8" s="28" t="s">
        <v>83</v>
      </c>
      <c r="IZ8" s="51" t="s">
        <v>47</v>
      </c>
      <c r="JA8" s="51" t="s">
        <v>48</v>
      </c>
      <c r="JB8" s="51" t="s">
        <v>49</v>
      </c>
      <c r="JC8" s="51" t="s">
        <v>50</v>
      </c>
      <c r="JD8" s="51" t="s">
        <v>51</v>
      </c>
      <c r="JE8" s="54" t="s">
        <v>45</v>
      </c>
      <c r="JF8" s="625"/>
      <c r="JG8" s="53" t="s">
        <v>43</v>
      </c>
      <c r="JH8" s="51" t="s">
        <v>44</v>
      </c>
      <c r="JI8" s="52" t="s">
        <v>45</v>
      </c>
      <c r="JJ8" s="28" t="s">
        <v>83</v>
      </c>
      <c r="JK8" s="51" t="s">
        <v>47</v>
      </c>
      <c r="JL8" s="51" t="s">
        <v>48</v>
      </c>
      <c r="JM8" s="51" t="s">
        <v>49</v>
      </c>
      <c r="JN8" s="51" t="s">
        <v>50</v>
      </c>
      <c r="JO8" s="51" t="s">
        <v>51</v>
      </c>
      <c r="JP8" s="54" t="s">
        <v>45</v>
      </c>
      <c r="JQ8" s="585"/>
      <c r="JR8" s="53" t="s">
        <v>43</v>
      </c>
      <c r="JS8" s="51" t="s">
        <v>44</v>
      </c>
      <c r="JT8" s="52" t="s">
        <v>45</v>
      </c>
      <c r="JU8" s="28" t="s">
        <v>83</v>
      </c>
      <c r="JV8" s="51" t="s">
        <v>47</v>
      </c>
      <c r="JW8" s="51" t="s">
        <v>48</v>
      </c>
      <c r="JX8" s="51" t="s">
        <v>49</v>
      </c>
      <c r="JY8" s="51" t="s">
        <v>50</v>
      </c>
      <c r="JZ8" s="51" t="s">
        <v>51</v>
      </c>
      <c r="KA8" s="54" t="s">
        <v>45</v>
      </c>
      <c r="KB8" s="585"/>
      <c r="KC8" s="53" t="s">
        <v>43</v>
      </c>
      <c r="KD8" s="51" t="s">
        <v>44</v>
      </c>
      <c r="KE8" s="52" t="s">
        <v>45</v>
      </c>
      <c r="KF8" s="28" t="s">
        <v>83</v>
      </c>
      <c r="KG8" s="51" t="s">
        <v>47</v>
      </c>
      <c r="KH8" s="51" t="s">
        <v>48</v>
      </c>
      <c r="KI8" s="51" t="s">
        <v>49</v>
      </c>
      <c r="KJ8" s="51" t="s">
        <v>50</v>
      </c>
      <c r="KK8" s="51" t="s">
        <v>51</v>
      </c>
      <c r="KL8" s="54" t="s">
        <v>45</v>
      </c>
      <c r="KM8" s="585"/>
      <c r="KN8" s="53" t="s">
        <v>43</v>
      </c>
      <c r="KO8" s="51" t="s">
        <v>44</v>
      </c>
      <c r="KP8" s="52" t="s">
        <v>45</v>
      </c>
      <c r="KQ8" s="37" t="s">
        <v>83</v>
      </c>
      <c r="KR8" s="51" t="s">
        <v>47</v>
      </c>
      <c r="KS8" s="51" t="s">
        <v>48</v>
      </c>
      <c r="KT8" s="51" t="s">
        <v>49</v>
      </c>
      <c r="KU8" s="51" t="s">
        <v>50</v>
      </c>
      <c r="KV8" s="51" t="s">
        <v>51</v>
      </c>
      <c r="KW8" s="54" t="s">
        <v>45</v>
      </c>
      <c r="KX8" s="585"/>
      <c r="KY8" s="53" t="s">
        <v>43</v>
      </c>
      <c r="KZ8" s="51" t="s">
        <v>44</v>
      </c>
      <c r="LA8" s="52" t="s">
        <v>45</v>
      </c>
      <c r="LB8" s="37" t="s">
        <v>83</v>
      </c>
      <c r="LC8" s="51" t="s">
        <v>47</v>
      </c>
      <c r="LD8" s="51" t="s">
        <v>48</v>
      </c>
      <c r="LE8" s="51" t="s">
        <v>49</v>
      </c>
      <c r="LF8" s="51" t="s">
        <v>50</v>
      </c>
      <c r="LG8" s="51" t="s">
        <v>51</v>
      </c>
      <c r="LH8" s="54" t="s">
        <v>45</v>
      </c>
      <c r="LI8" s="585"/>
      <c r="LJ8" s="53" t="s">
        <v>43</v>
      </c>
      <c r="LK8" s="51" t="s">
        <v>44</v>
      </c>
      <c r="LL8" s="52" t="s">
        <v>45</v>
      </c>
      <c r="LM8" s="37" t="s">
        <v>83</v>
      </c>
      <c r="LN8" s="51" t="s">
        <v>47</v>
      </c>
      <c r="LO8" s="51" t="s">
        <v>48</v>
      </c>
      <c r="LP8" s="51" t="s">
        <v>49</v>
      </c>
      <c r="LQ8" s="51" t="s">
        <v>50</v>
      </c>
      <c r="LR8" s="51" t="s">
        <v>51</v>
      </c>
      <c r="LS8" s="54" t="s">
        <v>45</v>
      </c>
      <c r="LT8" s="585"/>
      <c r="LU8" s="53" t="s">
        <v>43</v>
      </c>
      <c r="LV8" s="51" t="s">
        <v>44</v>
      </c>
      <c r="LW8" s="52" t="s">
        <v>45</v>
      </c>
      <c r="LX8" s="37" t="s">
        <v>83</v>
      </c>
      <c r="LY8" s="51" t="s">
        <v>47</v>
      </c>
      <c r="LZ8" s="51" t="s">
        <v>48</v>
      </c>
      <c r="MA8" s="51" t="s">
        <v>49</v>
      </c>
      <c r="MB8" s="51" t="s">
        <v>50</v>
      </c>
      <c r="MC8" s="51" t="s">
        <v>51</v>
      </c>
      <c r="MD8" s="54" t="s">
        <v>45</v>
      </c>
      <c r="ME8" s="585"/>
      <c r="MF8" s="53" t="s">
        <v>43</v>
      </c>
      <c r="MG8" s="51" t="s">
        <v>44</v>
      </c>
      <c r="MH8" s="52" t="s">
        <v>45</v>
      </c>
      <c r="MI8" s="37" t="s">
        <v>83</v>
      </c>
      <c r="MJ8" s="51" t="s">
        <v>47</v>
      </c>
      <c r="MK8" s="51" t="s">
        <v>48</v>
      </c>
      <c r="ML8" s="51" t="s">
        <v>49</v>
      </c>
      <c r="MM8" s="51" t="s">
        <v>50</v>
      </c>
      <c r="MN8" s="51" t="s">
        <v>51</v>
      </c>
      <c r="MO8" s="54" t="s">
        <v>45</v>
      </c>
      <c r="MP8" s="585"/>
      <c r="MQ8" s="53" t="s">
        <v>43</v>
      </c>
      <c r="MR8" s="51" t="s">
        <v>44</v>
      </c>
      <c r="MS8" s="52" t="s">
        <v>45</v>
      </c>
      <c r="MT8" s="37" t="s">
        <v>83</v>
      </c>
      <c r="MU8" s="51" t="s">
        <v>47</v>
      </c>
      <c r="MV8" s="51" t="s">
        <v>48</v>
      </c>
      <c r="MW8" s="51" t="s">
        <v>49</v>
      </c>
      <c r="MX8" s="51" t="s">
        <v>50</v>
      </c>
      <c r="MY8" s="51" t="s">
        <v>51</v>
      </c>
      <c r="MZ8" s="54" t="s">
        <v>45</v>
      </c>
      <c r="NA8" s="585"/>
      <c r="NB8" s="53" t="s">
        <v>43</v>
      </c>
      <c r="NC8" s="51" t="s">
        <v>44</v>
      </c>
      <c r="ND8" s="52" t="s">
        <v>45</v>
      </c>
      <c r="NE8" s="37" t="s">
        <v>83</v>
      </c>
      <c r="NF8" s="51" t="s">
        <v>47</v>
      </c>
      <c r="NG8" s="51" t="s">
        <v>48</v>
      </c>
      <c r="NH8" s="51" t="s">
        <v>49</v>
      </c>
      <c r="NI8" s="51" t="s">
        <v>50</v>
      </c>
      <c r="NJ8" s="51" t="s">
        <v>51</v>
      </c>
      <c r="NK8" s="54" t="s">
        <v>45</v>
      </c>
      <c r="NL8" s="585"/>
      <c r="NM8" s="53" t="s">
        <v>43</v>
      </c>
      <c r="NN8" s="51" t="s">
        <v>44</v>
      </c>
      <c r="NO8" s="52" t="s">
        <v>45</v>
      </c>
      <c r="NP8" s="37" t="s">
        <v>83</v>
      </c>
      <c r="NQ8" s="51" t="s">
        <v>47</v>
      </c>
      <c r="NR8" s="51" t="s">
        <v>48</v>
      </c>
      <c r="NS8" s="51" t="s">
        <v>49</v>
      </c>
      <c r="NT8" s="51" t="s">
        <v>50</v>
      </c>
      <c r="NU8" s="51" t="s">
        <v>51</v>
      </c>
      <c r="NV8" s="54" t="s">
        <v>45</v>
      </c>
      <c r="NW8" s="585"/>
      <c r="NX8" s="53" t="s">
        <v>43</v>
      </c>
      <c r="NY8" s="51" t="s">
        <v>44</v>
      </c>
      <c r="NZ8" s="52" t="s">
        <v>45</v>
      </c>
      <c r="OA8" s="37" t="s">
        <v>83</v>
      </c>
      <c r="OB8" s="51" t="s">
        <v>47</v>
      </c>
      <c r="OC8" s="51" t="s">
        <v>48</v>
      </c>
      <c r="OD8" s="51" t="s">
        <v>49</v>
      </c>
      <c r="OE8" s="51" t="s">
        <v>50</v>
      </c>
      <c r="OF8" s="51" t="s">
        <v>51</v>
      </c>
      <c r="OG8" s="54" t="s">
        <v>45</v>
      </c>
      <c r="OH8" s="585"/>
      <c r="OI8" s="53" t="s">
        <v>43</v>
      </c>
      <c r="OJ8" s="51" t="s">
        <v>44</v>
      </c>
      <c r="OK8" s="52" t="s">
        <v>45</v>
      </c>
      <c r="OL8" s="28" t="s">
        <v>83</v>
      </c>
      <c r="OM8" s="51" t="s">
        <v>47</v>
      </c>
      <c r="ON8" s="51" t="s">
        <v>48</v>
      </c>
      <c r="OO8" s="51" t="s">
        <v>49</v>
      </c>
      <c r="OP8" s="51" t="s">
        <v>50</v>
      </c>
      <c r="OQ8" s="51" t="s">
        <v>51</v>
      </c>
      <c r="OR8" s="54" t="s">
        <v>45</v>
      </c>
      <c r="OS8" s="585"/>
    </row>
    <row r="9" spans="2:409" s="444" customFormat="1" ht="21" customHeight="1" x14ac:dyDescent="0.2">
      <c r="B9" s="470" t="s">
        <v>4</v>
      </c>
      <c r="C9" s="360">
        <v>25783819</v>
      </c>
      <c r="D9" s="361">
        <v>45530114</v>
      </c>
      <c r="E9" s="362">
        <v>71313933</v>
      </c>
      <c r="F9" s="363">
        <v>0</v>
      </c>
      <c r="G9" s="361">
        <v>253607534</v>
      </c>
      <c r="H9" s="361">
        <v>345989359</v>
      </c>
      <c r="I9" s="361">
        <v>299266508</v>
      </c>
      <c r="J9" s="361">
        <v>309566166</v>
      </c>
      <c r="K9" s="361">
        <v>224226872</v>
      </c>
      <c r="L9" s="364">
        <v>1432656439</v>
      </c>
      <c r="M9" s="365">
        <v>1503970372</v>
      </c>
      <c r="N9" s="360">
        <v>7495620</v>
      </c>
      <c r="O9" s="361">
        <v>16139545</v>
      </c>
      <c r="P9" s="366">
        <v>23635165</v>
      </c>
      <c r="Q9" s="360">
        <v>0</v>
      </c>
      <c r="R9" s="361">
        <v>81301135</v>
      </c>
      <c r="S9" s="361">
        <v>118859106</v>
      </c>
      <c r="T9" s="361">
        <v>98511028</v>
      </c>
      <c r="U9" s="361">
        <v>110182760</v>
      </c>
      <c r="V9" s="361">
        <v>102290211</v>
      </c>
      <c r="W9" s="366">
        <v>511144240</v>
      </c>
      <c r="X9" s="365">
        <v>534779405</v>
      </c>
      <c r="Y9" s="360">
        <v>0</v>
      </c>
      <c r="Z9" s="361">
        <v>0</v>
      </c>
      <c r="AA9" s="366">
        <v>0</v>
      </c>
      <c r="AB9" s="367">
        <v>0</v>
      </c>
      <c r="AC9" s="368">
        <v>33166163</v>
      </c>
      <c r="AD9" s="368">
        <v>45798297</v>
      </c>
      <c r="AE9" s="368">
        <v>46376215</v>
      </c>
      <c r="AF9" s="368">
        <v>57544562</v>
      </c>
      <c r="AG9" s="368">
        <v>54906752</v>
      </c>
      <c r="AH9" s="366">
        <v>237791989</v>
      </c>
      <c r="AI9" s="365">
        <v>237791989</v>
      </c>
      <c r="AJ9" s="369">
        <v>0</v>
      </c>
      <c r="AK9" s="368">
        <v>57506</v>
      </c>
      <c r="AL9" s="366">
        <v>57506</v>
      </c>
      <c r="AM9" s="367">
        <v>0</v>
      </c>
      <c r="AN9" s="368">
        <v>679956</v>
      </c>
      <c r="AO9" s="364">
        <v>1837073</v>
      </c>
      <c r="AP9" s="368">
        <v>2420811</v>
      </c>
      <c r="AQ9" s="368">
        <v>6249367</v>
      </c>
      <c r="AR9" s="368">
        <v>12857102</v>
      </c>
      <c r="AS9" s="366">
        <v>24044309</v>
      </c>
      <c r="AT9" s="365">
        <v>24101815</v>
      </c>
      <c r="AU9" s="369">
        <v>4096324</v>
      </c>
      <c r="AV9" s="368">
        <v>11173088</v>
      </c>
      <c r="AW9" s="366">
        <v>15269412</v>
      </c>
      <c r="AX9" s="367">
        <v>0</v>
      </c>
      <c r="AY9" s="368">
        <v>31440568</v>
      </c>
      <c r="AZ9" s="368">
        <v>49499991</v>
      </c>
      <c r="BA9" s="368">
        <v>31687263</v>
      </c>
      <c r="BB9" s="368">
        <v>25942252</v>
      </c>
      <c r="BC9" s="368">
        <v>20816608</v>
      </c>
      <c r="BD9" s="366">
        <v>159386682</v>
      </c>
      <c r="BE9" s="370">
        <v>174656094</v>
      </c>
      <c r="BF9" s="369">
        <v>502178</v>
      </c>
      <c r="BG9" s="364">
        <v>1677877</v>
      </c>
      <c r="BH9" s="371">
        <v>2180055</v>
      </c>
      <c r="BI9" s="367">
        <v>0</v>
      </c>
      <c r="BJ9" s="368">
        <v>2784902</v>
      </c>
      <c r="BK9" s="368">
        <v>4595647</v>
      </c>
      <c r="BL9" s="368">
        <v>2557328</v>
      </c>
      <c r="BM9" s="368">
        <v>2903594</v>
      </c>
      <c r="BN9" s="368">
        <v>1327365</v>
      </c>
      <c r="BO9" s="366">
        <v>14168836</v>
      </c>
      <c r="BP9" s="365">
        <v>16348891</v>
      </c>
      <c r="BQ9" s="369">
        <v>2897118</v>
      </c>
      <c r="BR9" s="368">
        <v>3231074</v>
      </c>
      <c r="BS9" s="366">
        <v>6128192</v>
      </c>
      <c r="BT9" s="367">
        <v>0</v>
      </c>
      <c r="BU9" s="368">
        <v>13229546</v>
      </c>
      <c r="BV9" s="368">
        <v>17128098</v>
      </c>
      <c r="BW9" s="368">
        <v>15469411</v>
      </c>
      <c r="BX9" s="368">
        <v>17542985</v>
      </c>
      <c r="BY9" s="368">
        <v>12382384</v>
      </c>
      <c r="BZ9" s="366">
        <v>75752424</v>
      </c>
      <c r="CA9" s="365">
        <v>81880616</v>
      </c>
      <c r="CB9" s="369">
        <v>2294697</v>
      </c>
      <c r="CC9" s="368">
        <v>6232587</v>
      </c>
      <c r="CD9" s="366">
        <v>8527284</v>
      </c>
      <c r="CE9" s="367">
        <v>0</v>
      </c>
      <c r="CF9" s="368">
        <v>65597778</v>
      </c>
      <c r="CG9" s="368">
        <v>82721435</v>
      </c>
      <c r="CH9" s="372">
        <v>57834325</v>
      </c>
      <c r="CI9" s="368">
        <v>37805764</v>
      </c>
      <c r="CJ9" s="368">
        <v>18345618</v>
      </c>
      <c r="CK9" s="366">
        <v>262304920</v>
      </c>
      <c r="CL9" s="365">
        <v>270832204</v>
      </c>
      <c r="CM9" s="360">
        <v>0</v>
      </c>
      <c r="CN9" s="361">
        <v>0</v>
      </c>
      <c r="CO9" s="366">
        <v>0</v>
      </c>
      <c r="CP9" s="367">
        <v>0</v>
      </c>
      <c r="CQ9" s="368">
        <v>52391300</v>
      </c>
      <c r="CR9" s="368">
        <v>59536986</v>
      </c>
      <c r="CS9" s="368">
        <v>41297208</v>
      </c>
      <c r="CT9" s="368">
        <v>23897121</v>
      </c>
      <c r="CU9" s="368">
        <v>11510734</v>
      </c>
      <c r="CV9" s="373">
        <v>188633349</v>
      </c>
      <c r="CW9" s="365">
        <v>188633349</v>
      </c>
      <c r="CX9" s="369">
        <v>2294697</v>
      </c>
      <c r="CY9" s="368">
        <v>6232587</v>
      </c>
      <c r="CZ9" s="366">
        <v>8527284</v>
      </c>
      <c r="DA9" s="367">
        <v>0</v>
      </c>
      <c r="DB9" s="368">
        <v>13206478</v>
      </c>
      <c r="DC9" s="368">
        <v>23184449</v>
      </c>
      <c r="DD9" s="368">
        <v>16537117</v>
      </c>
      <c r="DE9" s="368">
        <v>13908643</v>
      </c>
      <c r="DF9" s="368">
        <v>6834884</v>
      </c>
      <c r="DG9" s="366">
        <v>73671571</v>
      </c>
      <c r="DH9" s="365">
        <v>82198855</v>
      </c>
      <c r="DI9" s="369">
        <v>60284</v>
      </c>
      <c r="DJ9" s="368">
        <v>966190</v>
      </c>
      <c r="DK9" s="371">
        <v>1026474</v>
      </c>
      <c r="DL9" s="367">
        <v>0</v>
      </c>
      <c r="DM9" s="368">
        <v>8164807</v>
      </c>
      <c r="DN9" s="368">
        <v>16678922</v>
      </c>
      <c r="DO9" s="368">
        <v>24996881</v>
      </c>
      <c r="DP9" s="368">
        <v>20842397</v>
      </c>
      <c r="DQ9" s="368">
        <v>12779481</v>
      </c>
      <c r="DR9" s="374">
        <v>83462488</v>
      </c>
      <c r="DS9" s="365">
        <v>84488962</v>
      </c>
      <c r="DT9" s="369">
        <v>38673</v>
      </c>
      <c r="DU9" s="368">
        <v>812483</v>
      </c>
      <c r="DV9" s="366">
        <v>851156</v>
      </c>
      <c r="DW9" s="367">
        <v>0</v>
      </c>
      <c r="DX9" s="368">
        <v>6686926</v>
      </c>
      <c r="DY9" s="368">
        <v>13389472</v>
      </c>
      <c r="DZ9" s="368">
        <v>21500875</v>
      </c>
      <c r="EA9" s="368">
        <v>17948755</v>
      </c>
      <c r="EB9" s="368">
        <v>10165152</v>
      </c>
      <c r="EC9" s="366">
        <v>69691180</v>
      </c>
      <c r="ED9" s="365">
        <v>70542336</v>
      </c>
      <c r="EE9" s="369">
        <v>21611</v>
      </c>
      <c r="EF9" s="364">
        <v>153707</v>
      </c>
      <c r="EG9" s="366">
        <v>175318</v>
      </c>
      <c r="EH9" s="370">
        <v>0</v>
      </c>
      <c r="EI9" s="368">
        <v>1477881</v>
      </c>
      <c r="EJ9" s="368">
        <v>3289450</v>
      </c>
      <c r="EK9" s="368">
        <v>3496006</v>
      </c>
      <c r="EL9" s="368">
        <v>2893642</v>
      </c>
      <c r="EM9" s="372">
        <v>2614329</v>
      </c>
      <c r="EN9" s="364">
        <v>13771308</v>
      </c>
      <c r="EO9" s="365">
        <v>13946626</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5074400</v>
      </c>
      <c r="FM9" s="368">
        <v>9092837</v>
      </c>
      <c r="FN9" s="366">
        <v>14167237</v>
      </c>
      <c r="FO9" s="367">
        <v>0</v>
      </c>
      <c r="FP9" s="368">
        <v>12213735</v>
      </c>
      <c r="FQ9" s="368">
        <v>29475223</v>
      </c>
      <c r="FR9" s="368">
        <v>20661434</v>
      </c>
      <c r="FS9" s="368">
        <v>20166903</v>
      </c>
      <c r="FT9" s="368">
        <v>13851950</v>
      </c>
      <c r="FU9" s="366">
        <v>96369245</v>
      </c>
      <c r="FV9" s="365">
        <v>110536482</v>
      </c>
      <c r="FW9" s="369">
        <v>2662884</v>
      </c>
      <c r="FX9" s="368">
        <v>6377185</v>
      </c>
      <c r="FY9" s="364">
        <v>9040069</v>
      </c>
      <c r="FZ9" s="370">
        <v>0</v>
      </c>
      <c r="GA9" s="368">
        <v>8880998</v>
      </c>
      <c r="GB9" s="376">
        <v>25432720</v>
      </c>
      <c r="GC9" s="368">
        <v>19078744</v>
      </c>
      <c r="GD9" s="376">
        <v>18219267</v>
      </c>
      <c r="GE9" s="368">
        <v>13181735</v>
      </c>
      <c r="GF9" s="373">
        <v>84793464</v>
      </c>
      <c r="GG9" s="377">
        <v>93833533</v>
      </c>
      <c r="GH9" s="378">
        <v>189315</v>
      </c>
      <c r="GI9" s="368">
        <v>305615</v>
      </c>
      <c r="GJ9" s="376">
        <v>494930</v>
      </c>
      <c r="GK9" s="363">
        <v>0</v>
      </c>
      <c r="GL9" s="368">
        <v>728164</v>
      </c>
      <c r="GM9" s="364">
        <v>1368804</v>
      </c>
      <c r="GN9" s="368">
        <v>517570</v>
      </c>
      <c r="GO9" s="364">
        <v>944116</v>
      </c>
      <c r="GP9" s="368">
        <v>379925</v>
      </c>
      <c r="GQ9" s="374">
        <v>3938579</v>
      </c>
      <c r="GR9" s="365">
        <v>4433509</v>
      </c>
      <c r="GS9" s="364">
        <v>2222201</v>
      </c>
      <c r="GT9" s="368">
        <v>2410037</v>
      </c>
      <c r="GU9" s="366">
        <v>4632238</v>
      </c>
      <c r="GV9" s="364">
        <v>0</v>
      </c>
      <c r="GW9" s="368">
        <v>2604573</v>
      </c>
      <c r="GX9" s="364">
        <v>2673699</v>
      </c>
      <c r="GY9" s="368">
        <v>1065120</v>
      </c>
      <c r="GZ9" s="364">
        <v>1003520</v>
      </c>
      <c r="HA9" s="368">
        <v>290290</v>
      </c>
      <c r="HB9" s="364">
        <v>7637202</v>
      </c>
      <c r="HC9" s="365">
        <v>12269440</v>
      </c>
      <c r="HD9" s="364">
        <v>10858818</v>
      </c>
      <c r="HE9" s="368">
        <v>13098955</v>
      </c>
      <c r="HF9" s="364">
        <v>23957773</v>
      </c>
      <c r="HG9" s="370">
        <v>0</v>
      </c>
      <c r="HH9" s="368">
        <v>86330079</v>
      </c>
      <c r="HI9" s="376">
        <v>98254673</v>
      </c>
      <c r="HJ9" s="368">
        <v>97262840</v>
      </c>
      <c r="HK9" s="376">
        <v>120568342</v>
      </c>
      <c r="HL9" s="368">
        <v>76959612</v>
      </c>
      <c r="HM9" s="373">
        <v>479375546</v>
      </c>
      <c r="HN9" s="364">
        <v>503333319</v>
      </c>
      <c r="HO9" s="439"/>
      <c r="HP9" s="440"/>
      <c r="HQ9" s="441"/>
      <c r="HR9" s="442"/>
      <c r="HS9" s="440"/>
      <c r="HT9" s="442"/>
      <c r="HU9" s="440"/>
      <c r="HV9" s="442"/>
      <c r="HW9" s="440"/>
      <c r="HX9" s="442"/>
      <c r="HY9" s="443"/>
      <c r="HZ9" s="379">
        <v>498749</v>
      </c>
      <c r="IA9" s="380">
        <v>1411223</v>
      </c>
      <c r="IB9" s="381">
        <v>1909972</v>
      </c>
      <c r="IC9" s="382">
        <v>0</v>
      </c>
      <c r="ID9" s="380">
        <v>48058155</v>
      </c>
      <c r="IE9" s="383">
        <v>68673420</v>
      </c>
      <c r="IF9" s="384">
        <v>76980782</v>
      </c>
      <c r="IG9" s="380">
        <v>58159406</v>
      </c>
      <c r="IH9" s="384">
        <v>42546957</v>
      </c>
      <c r="II9" s="385">
        <v>294418720</v>
      </c>
      <c r="IJ9" s="386">
        <v>296328692</v>
      </c>
      <c r="IK9" s="387">
        <v>0</v>
      </c>
      <c r="IL9" s="388">
        <v>0</v>
      </c>
      <c r="IM9" s="389">
        <v>0</v>
      </c>
      <c r="IN9" s="390"/>
      <c r="IO9" s="391">
        <v>1744301</v>
      </c>
      <c r="IP9" s="391">
        <v>3041006</v>
      </c>
      <c r="IQ9" s="391">
        <v>3129082</v>
      </c>
      <c r="IR9" s="391">
        <v>4253834</v>
      </c>
      <c r="IS9" s="391">
        <v>3323154</v>
      </c>
      <c r="IT9" s="392">
        <v>15491377</v>
      </c>
      <c r="IU9" s="393">
        <v>15491377</v>
      </c>
      <c r="IV9" s="394">
        <v>0</v>
      </c>
      <c r="IW9" s="391">
        <v>0</v>
      </c>
      <c r="IX9" s="395">
        <v>0</v>
      </c>
      <c r="IY9" s="396"/>
      <c r="IZ9" s="391">
        <v>123157</v>
      </c>
      <c r="JA9" s="391">
        <v>442221</v>
      </c>
      <c r="JB9" s="391">
        <v>1039495</v>
      </c>
      <c r="JC9" s="391">
        <v>676343</v>
      </c>
      <c r="JD9" s="391">
        <v>1612552</v>
      </c>
      <c r="JE9" s="395">
        <v>3893768</v>
      </c>
      <c r="JF9" s="397">
        <v>3893768</v>
      </c>
      <c r="JG9" s="394">
        <v>0</v>
      </c>
      <c r="JH9" s="391">
        <v>0</v>
      </c>
      <c r="JI9" s="392">
        <v>0</v>
      </c>
      <c r="JJ9" s="398">
        <v>0</v>
      </c>
      <c r="JK9" s="391">
        <v>24063434</v>
      </c>
      <c r="JL9" s="391">
        <v>26748749</v>
      </c>
      <c r="JM9" s="391">
        <v>18019349</v>
      </c>
      <c r="JN9" s="391">
        <v>11826787</v>
      </c>
      <c r="JO9" s="391">
        <v>4267426</v>
      </c>
      <c r="JP9" s="395">
        <v>84925745</v>
      </c>
      <c r="JQ9" s="393">
        <v>84925745</v>
      </c>
      <c r="JR9" s="394">
        <v>0</v>
      </c>
      <c r="JS9" s="391">
        <v>0</v>
      </c>
      <c r="JT9" s="392">
        <v>0</v>
      </c>
      <c r="JU9" s="398">
        <v>0</v>
      </c>
      <c r="JV9" s="391">
        <v>3531326</v>
      </c>
      <c r="JW9" s="391">
        <v>5093608</v>
      </c>
      <c r="JX9" s="391">
        <v>7349313</v>
      </c>
      <c r="JY9" s="391">
        <v>3351441</v>
      </c>
      <c r="JZ9" s="391">
        <v>3376727</v>
      </c>
      <c r="KA9" s="395">
        <v>22702415</v>
      </c>
      <c r="KB9" s="393">
        <v>22702415</v>
      </c>
      <c r="KC9" s="399">
        <v>498749</v>
      </c>
      <c r="KD9" s="400">
        <v>1411223</v>
      </c>
      <c r="KE9" s="395">
        <v>1909972</v>
      </c>
      <c r="KF9" s="398">
        <v>0</v>
      </c>
      <c r="KG9" s="391">
        <v>6512752</v>
      </c>
      <c r="KH9" s="391">
        <v>7568404</v>
      </c>
      <c r="KI9" s="391">
        <v>11733178</v>
      </c>
      <c r="KJ9" s="391">
        <v>8470901</v>
      </c>
      <c r="KK9" s="391">
        <v>3747545</v>
      </c>
      <c r="KL9" s="395">
        <v>38032780</v>
      </c>
      <c r="KM9" s="401">
        <v>39942752</v>
      </c>
      <c r="KN9" s="387">
        <v>0</v>
      </c>
      <c r="KO9" s="388">
        <v>0</v>
      </c>
      <c r="KP9" s="389">
        <v>0</v>
      </c>
      <c r="KQ9" s="390"/>
      <c r="KR9" s="391">
        <v>10921595</v>
      </c>
      <c r="KS9" s="391">
        <v>22025028</v>
      </c>
      <c r="KT9" s="391">
        <v>28110202</v>
      </c>
      <c r="KU9" s="391">
        <v>21007104</v>
      </c>
      <c r="KV9" s="391">
        <v>17198352</v>
      </c>
      <c r="KW9" s="395">
        <v>99262281</v>
      </c>
      <c r="KX9" s="393">
        <v>99262281</v>
      </c>
      <c r="KY9" s="394">
        <v>0</v>
      </c>
      <c r="KZ9" s="391">
        <v>0</v>
      </c>
      <c r="LA9" s="395">
        <v>0</v>
      </c>
      <c r="LB9" s="402"/>
      <c r="LC9" s="391">
        <v>245613</v>
      </c>
      <c r="LD9" s="391">
        <v>634904</v>
      </c>
      <c r="LE9" s="391">
        <v>974852</v>
      </c>
      <c r="LF9" s="391">
        <v>583481</v>
      </c>
      <c r="LG9" s="391">
        <v>998901</v>
      </c>
      <c r="LH9" s="395">
        <v>3437751</v>
      </c>
      <c r="LI9" s="397">
        <v>3437751</v>
      </c>
      <c r="LJ9" s="394">
        <v>0</v>
      </c>
      <c r="LK9" s="391">
        <v>0</v>
      </c>
      <c r="LL9" s="395">
        <v>0</v>
      </c>
      <c r="LM9" s="402"/>
      <c r="LN9" s="391">
        <v>198608</v>
      </c>
      <c r="LO9" s="391">
        <v>400830</v>
      </c>
      <c r="LP9" s="391">
        <v>2047397</v>
      </c>
      <c r="LQ9" s="391">
        <v>4123669</v>
      </c>
      <c r="LR9" s="391">
        <v>1769820</v>
      </c>
      <c r="LS9" s="395">
        <v>8540324</v>
      </c>
      <c r="LT9" s="393">
        <v>8540324</v>
      </c>
      <c r="LU9" s="394">
        <v>0</v>
      </c>
      <c r="LV9" s="391">
        <v>0</v>
      </c>
      <c r="LW9" s="395">
        <v>0</v>
      </c>
      <c r="LX9" s="402"/>
      <c r="LY9" s="391">
        <v>717369</v>
      </c>
      <c r="LZ9" s="391">
        <v>2718670</v>
      </c>
      <c r="MA9" s="391">
        <v>4577914</v>
      </c>
      <c r="MB9" s="391">
        <v>3865846</v>
      </c>
      <c r="MC9" s="391">
        <v>6252480</v>
      </c>
      <c r="MD9" s="395">
        <v>18132279</v>
      </c>
      <c r="ME9" s="397">
        <v>18132279</v>
      </c>
      <c r="MF9" s="394">
        <v>0</v>
      </c>
      <c r="MG9" s="391">
        <v>0</v>
      </c>
      <c r="MH9" s="395">
        <v>0</v>
      </c>
      <c r="MI9" s="402"/>
      <c r="MJ9" s="391">
        <v>11185886</v>
      </c>
      <c r="MK9" s="391">
        <v>36819689</v>
      </c>
      <c r="ML9" s="391">
        <v>102019262</v>
      </c>
      <c r="MM9" s="391">
        <v>157135346</v>
      </c>
      <c r="MN9" s="391">
        <v>110375599</v>
      </c>
      <c r="MO9" s="395">
        <v>417535782</v>
      </c>
      <c r="MP9" s="401">
        <v>417535782</v>
      </c>
      <c r="MQ9" s="394">
        <v>0</v>
      </c>
      <c r="MR9" s="391">
        <v>0</v>
      </c>
      <c r="MS9" s="395">
        <v>0</v>
      </c>
      <c r="MT9" s="402"/>
      <c r="MU9" s="391">
        <v>1699156</v>
      </c>
      <c r="MV9" s="391">
        <v>6508036</v>
      </c>
      <c r="MW9" s="391">
        <v>56244280</v>
      </c>
      <c r="MX9" s="391">
        <v>88960332</v>
      </c>
      <c r="MY9" s="391">
        <v>67007095</v>
      </c>
      <c r="MZ9" s="395">
        <v>220418899</v>
      </c>
      <c r="NA9" s="401">
        <v>220418899</v>
      </c>
      <c r="NB9" s="394">
        <v>0</v>
      </c>
      <c r="NC9" s="391">
        <v>0</v>
      </c>
      <c r="ND9" s="395">
        <v>0</v>
      </c>
      <c r="NE9" s="402"/>
      <c r="NF9" s="391">
        <v>9486730</v>
      </c>
      <c r="NG9" s="391">
        <v>30075429</v>
      </c>
      <c r="NH9" s="391">
        <v>45405891</v>
      </c>
      <c r="NI9" s="391">
        <v>62138454</v>
      </c>
      <c r="NJ9" s="391">
        <v>31580572</v>
      </c>
      <c r="NK9" s="395">
        <v>178687076</v>
      </c>
      <c r="NL9" s="393">
        <v>178687076</v>
      </c>
      <c r="NM9" s="394">
        <v>0</v>
      </c>
      <c r="NN9" s="391">
        <v>0</v>
      </c>
      <c r="NO9" s="395">
        <v>0</v>
      </c>
      <c r="NP9" s="402">
        <v>0</v>
      </c>
      <c r="NQ9" s="391">
        <v>0</v>
      </c>
      <c r="NR9" s="391">
        <v>0</v>
      </c>
      <c r="NS9" s="391">
        <v>0</v>
      </c>
      <c r="NT9" s="391">
        <v>2523397</v>
      </c>
      <c r="NU9" s="391">
        <v>2918923</v>
      </c>
      <c r="NV9" s="395">
        <v>5442320</v>
      </c>
      <c r="NW9" s="397">
        <v>5442320</v>
      </c>
      <c r="NX9" s="394">
        <v>0</v>
      </c>
      <c r="NY9" s="391">
        <v>0</v>
      </c>
      <c r="NZ9" s="395">
        <v>0</v>
      </c>
      <c r="OA9" s="402"/>
      <c r="OB9" s="391">
        <v>0</v>
      </c>
      <c r="OC9" s="391">
        <v>236224</v>
      </c>
      <c r="OD9" s="391">
        <v>369091</v>
      </c>
      <c r="OE9" s="391">
        <v>3513163</v>
      </c>
      <c r="OF9" s="391">
        <v>8869009</v>
      </c>
      <c r="OG9" s="395">
        <v>12987487</v>
      </c>
      <c r="OH9" s="397">
        <v>12987487</v>
      </c>
      <c r="OI9" s="394">
        <v>26282568</v>
      </c>
      <c r="OJ9" s="391">
        <v>46941337</v>
      </c>
      <c r="OK9" s="392">
        <v>73223905</v>
      </c>
      <c r="OL9" s="398">
        <v>0</v>
      </c>
      <c r="OM9" s="391">
        <v>312851575</v>
      </c>
      <c r="ON9" s="391">
        <v>451482468</v>
      </c>
      <c r="OO9" s="391">
        <v>478266552</v>
      </c>
      <c r="OP9" s="391">
        <v>524860918</v>
      </c>
      <c r="OQ9" s="391">
        <v>377149428</v>
      </c>
      <c r="OR9" s="395">
        <v>2144610941</v>
      </c>
      <c r="OS9" s="401">
        <v>2217834846</v>
      </c>
    </row>
    <row r="10" spans="2:409" s="444" customFormat="1" ht="21" customHeight="1" x14ac:dyDescent="0.2">
      <c r="B10" s="471" t="s">
        <v>5</v>
      </c>
      <c r="C10" s="404">
        <v>11951765</v>
      </c>
      <c r="D10" s="405">
        <v>23603182</v>
      </c>
      <c r="E10" s="406">
        <v>35554947</v>
      </c>
      <c r="F10" s="407">
        <v>0</v>
      </c>
      <c r="G10" s="405">
        <v>96394659</v>
      </c>
      <c r="H10" s="405">
        <v>169874333</v>
      </c>
      <c r="I10" s="405">
        <v>133709877</v>
      </c>
      <c r="J10" s="405">
        <v>136862331</v>
      </c>
      <c r="K10" s="405">
        <v>98184166</v>
      </c>
      <c r="L10" s="407">
        <v>635025366</v>
      </c>
      <c r="M10" s="408">
        <v>670580313</v>
      </c>
      <c r="N10" s="404">
        <v>3591290</v>
      </c>
      <c r="O10" s="405">
        <v>8823820</v>
      </c>
      <c r="P10" s="406">
        <v>12415110</v>
      </c>
      <c r="Q10" s="404">
        <v>0</v>
      </c>
      <c r="R10" s="405">
        <v>30950279</v>
      </c>
      <c r="S10" s="405">
        <v>59839618</v>
      </c>
      <c r="T10" s="405">
        <v>43830301</v>
      </c>
      <c r="U10" s="405">
        <v>50528991</v>
      </c>
      <c r="V10" s="405">
        <v>46105098</v>
      </c>
      <c r="W10" s="406">
        <v>231254287</v>
      </c>
      <c r="X10" s="408">
        <v>243669397</v>
      </c>
      <c r="Y10" s="404">
        <v>0</v>
      </c>
      <c r="Z10" s="405">
        <v>0</v>
      </c>
      <c r="AA10" s="406">
        <v>0</v>
      </c>
      <c r="AB10" s="404">
        <v>0</v>
      </c>
      <c r="AC10" s="405">
        <v>12518937</v>
      </c>
      <c r="AD10" s="405">
        <v>21975631</v>
      </c>
      <c r="AE10" s="405">
        <v>19172165</v>
      </c>
      <c r="AF10" s="405">
        <v>25305149</v>
      </c>
      <c r="AG10" s="405">
        <v>24038507</v>
      </c>
      <c r="AH10" s="406">
        <v>103010389</v>
      </c>
      <c r="AI10" s="408">
        <v>103010389</v>
      </c>
      <c r="AJ10" s="404">
        <v>0</v>
      </c>
      <c r="AK10" s="405">
        <v>57506</v>
      </c>
      <c r="AL10" s="406">
        <v>57506</v>
      </c>
      <c r="AM10" s="404">
        <v>0</v>
      </c>
      <c r="AN10" s="405">
        <v>269159</v>
      </c>
      <c r="AO10" s="405">
        <v>433961</v>
      </c>
      <c r="AP10" s="405">
        <v>1154745</v>
      </c>
      <c r="AQ10" s="405">
        <v>2640074</v>
      </c>
      <c r="AR10" s="405">
        <v>6708571</v>
      </c>
      <c r="AS10" s="406">
        <v>11206510</v>
      </c>
      <c r="AT10" s="408">
        <v>11264016</v>
      </c>
      <c r="AU10" s="404">
        <v>2152828</v>
      </c>
      <c r="AV10" s="405">
        <v>6005455</v>
      </c>
      <c r="AW10" s="406">
        <v>8158283</v>
      </c>
      <c r="AX10" s="404">
        <v>0</v>
      </c>
      <c r="AY10" s="405">
        <v>11771045</v>
      </c>
      <c r="AZ10" s="405">
        <v>26797312</v>
      </c>
      <c r="BA10" s="405">
        <v>15769946</v>
      </c>
      <c r="BB10" s="405">
        <v>12983174</v>
      </c>
      <c r="BC10" s="405">
        <v>9608396</v>
      </c>
      <c r="BD10" s="406">
        <v>76929873</v>
      </c>
      <c r="BE10" s="408">
        <v>85088156</v>
      </c>
      <c r="BF10" s="404">
        <v>187324</v>
      </c>
      <c r="BG10" s="405">
        <v>1010362</v>
      </c>
      <c r="BH10" s="409">
        <v>1197686</v>
      </c>
      <c r="BI10" s="410">
        <v>0</v>
      </c>
      <c r="BJ10" s="405">
        <v>831918</v>
      </c>
      <c r="BK10" s="405">
        <v>2258471</v>
      </c>
      <c r="BL10" s="405">
        <v>847895</v>
      </c>
      <c r="BM10" s="405">
        <v>1429599</v>
      </c>
      <c r="BN10" s="405">
        <v>387386</v>
      </c>
      <c r="BO10" s="406">
        <v>5755269</v>
      </c>
      <c r="BP10" s="408">
        <v>6952955</v>
      </c>
      <c r="BQ10" s="404">
        <v>1251138</v>
      </c>
      <c r="BR10" s="405">
        <v>1750497</v>
      </c>
      <c r="BS10" s="406">
        <v>3001635</v>
      </c>
      <c r="BT10" s="404">
        <v>0</v>
      </c>
      <c r="BU10" s="405">
        <v>5559220</v>
      </c>
      <c r="BV10" s="405">
        <v>8374243</v>
      </c>
      <c r="BW10" s="405">
        <v>6885550</v>
      </c>
      <c r="BX10" s="405">
        <v>8170995</v>
      </c>
      <c r="BY10" s="405">
        <v>5362238</v>
      </c>
      <c r="BZ10" s="406">
        <v>34352246</v>
      </c>
      <c r="CA10" s="408">
        <v>37353881</v>
      </c>
      <c r="CB10" s="404">
        <v>1145783</v>
      </c>
      <c r="CC10" s="405">
        <v>3383534</v>
      </c>
      <c r="CD10" s="406">
        <v>4529317</v>
      </c>
      <c r="CE10" s="404">
        <v>0</v>
      </c>
      <c r="CF10" s="405">
        <v>21614365</v>
      </c>
      <c r="CG10" s="405">
        <v>36571214</v>
      </c>
      <c r="CH10" s="405">
        <v>23444375</v>
      </c>
      <c r="CI10" s="405">
        <v>14550161</v>
      </c>
      <c r="CJ10" s="405">
        <v>7642505</v>
      </c>
      <c r="CK10" s="406">
        <v>103822620</v>
      </c>
      <c r="CL10" s="408">
        <v>108351937</v>
      </c>
      <c r="CM10" s="404">
        <v>0</v>
      </c>
      <c r="CN10" s="405">
        <v>0</v>
      </c>
      <c r="CO10" s="406">
        <v>0</v>
      </c>
      <c r="CP10" s="410">
        <v>0</v>
      </c>
      <c r="CQ10" s="405">
        <v>17202766</v>
      </c>
      <c r="CR10" s="405">
        <v>25189675</v>
      </c>
      <c r="CS10" s="405">
        <v>16347404</v>
      </c>
      <c r="CT10" s="405">
        <v>8624230</v>
      </c>
      <c r="CU10" s="405">
        <v>4556190</v>
      </c>
      <c r="CV10" s="406">
        <v>71920265</v>
      </c>
      <c r="CW10" s="408">
        <v>71920265</v>
      </c>
      <c r="CX10" s="404">
        <v>1145783</v>
      </c>
      <c r="CY10" s="405">
        <v>3383534</v>
      </c>
      <c r="CZ10" s="406">
        <v>4529317</v>
      </c>
      <c r="DA10" s="404">
        <v>0</v>
      </c>
      <c r="DB10" s="405">
        <v>4411599</v>
      </c>
      <c r="DC10" s="405">
        <v>11381539</v>
      </c>
      <c r="DD10" s="405">
        <v>7096971</v>
      </c>
      <c r="DE10" s="405">
        <v>5925931</v>
      </c>
      <c r="DF10" s="405">
        <v>3086315</v>
      </c>
      <c r="DG10" s="406">
        <v>31902355</v>
      </c>
      <c r="DH10" s="408">
        <v>36431672</v>
      </c>
      <c r="DI10" s="404">
        <v>43727</v>
      </c>
      <c r="DJ10" s="405">
        <v>366010</v>
      </c>
      <c r="DK10" s="409">
        <v>409737</v>
      </c>
      <c r="DL10" s="410">
        <v>0</v>
      </c>
      <c r="DM10" s="405">
        <v>2926683</v>
      </c>
      <c r="DN10" s="405">
        <v>7691092</v>
      </c>
      <c r="DO10" s="405">
        <v>12172279</v>
      </c>
      <c r="DP10" s="405">
        <v>7392101</v>
      </c>
      <c r="DQ10" s="405">
        <v>5932511</v>
      </c>
      <c r="DR10" s="406">
        <v>36114666</v>
      </c>
      <c r="DS10" s="408">
        <v>36524403</v>
      </c>
      <c r="DT10" s="404">
        <v>22116</v>
      </c>
      <c r="DU10" s="405">
        <v>212303</v>
      </c>
      <c r="DV10" s="406">
        <v>234419</v>
      </c>
      <c r="DW10" s="404">
        <v>0</v>
      </c>
      <c r="DX10" s="405">
        <v>2322399</v>
      </c>
      <c r="DY10" s="405">
        <v>5643229</v>
      </c>
      <c r="DZ10" s="405">
        <v>9921811</v>
      </c>
      <c r="EA10" s="405">
        <v>5672269</v>
      </c>
      <c r="EB10" s="405">
        <v>4338647</v>
      </c>
      <c r="EC10" s="406">
        <v>27898355</v>
      </c>
      <c r="ED10" s="408">
        <v>28132774</v>
      </c>
      <c r="EE10" s="404">
        <v>21611</v>
      </c>
      <c r="EF10" s="409">
        <v>153707</v>
      </c>
      <c r="EG10" s="406">
        <v>175318</v>
      </c>
      <c r="EH10" s="404">
        <v>0</v>
      </c>
      <c r="EI10" s="405">
        <v>604284</v>
      </c>
      <c r="EJ10" s="405">
        <v>2047863</v>
      </c>
      <c r="EK10" s="405">
        <v>2250468</v>
      </c>
      <c r="EL10" s="405">
        <v>1719832</v>
      </c>
      <c r="EM10" s="405">
        <v>1593864</v>
      </c>
      <c r="EN10" s="409">
        <v>8216311</v>
      </c>
      <c r="EO10" s="408">
        <v>8391629</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2460929</v>
      </c>
      <c r="FM10" s="405">
        <v>4176825</v>
      </c>
      <c r="FN10" s="406">
        <v>6637754</v>
      </c>
      <c r="FO10" s="404">
        <v>0</v>
      </c>
      <c r="FP10" s="405">
        <v>3642802</v>
      </c>
      <c r="FQ10" s="405">
        <v>14340344</v>
      </c>
      <c r="FR10" s="405">
        <v>8829562</v>
      </c>
      <c r="FS10" s="405">
        <v>9087108</v>
      </c>
      <c r="FT10" s="405">
        <v>5976334</v>
      </c>
      <c r="FU10" s="406">
        <v>41876150</v>
      </c>
      <c r="FV10" s="408">
        <v>48513904</v>
      </c>
      <c r="FW10" s="412">
        <v>972202</v>
      </c>
      <c r="FX10" s="405">
        <v>2981587</v>
      </c>
      <c r="FY10" s="409">
        <v>3953789</v>
      </c>
      <c r="FZ10" s="410">
        <v>0</v>
      </c>
      <c r="GA10" s="405">
        <v>2562158</v>
      </c>
      <c r="GB10" s="405">
        <v>12174183</v>
      </c>
      <c r="GC10" s="405">
        <v>8027992</v>
      </c>
      <c r="GD10" s="405">
        <v>7990031</v>
      </c>
      <c r="GE10" s="405">
        <v>5754959</v>
      </c>
      <c r="GF10" s="406">
        <v>36509323</v>
      </c>
      <c r="GG10" s="413">
        <v>40463112</v>
      </c>
      <c r="GH10" s="412">
        <v>21175</v>
      </c>
      <c r="GI10" s="405">
        <v>156858</v>
      </c>
      <c r="GJ10" s="409">
        <v>178033</v>
      </c>
      <c r="GK10" s="410">
        <v>0</v>
      </c>
      <c r="GL10" s="405">
        <v>297143</v>
      </c>
      <c r="GM10" s="405">
        <v>641568</v>
      </c>
      <c r="GN10" s="405">
        <v>183260</v>
      </c>
      <c r="GO10" s="405">
        <v>444257</v>
      </c>
      <c r="GP10" s="405">
        <v>161805</v>
      </c>
      <c r="GQ10" s="406">
        <v>1728033</v>
      </c>
      <c r="GR10" s="408">
        <v>1906066</v>
      </c>
      <c r="GS10" s="404">
        <v>1467552</v>
      </c>
      <c r="GT10" s="405">
        <v>1038380</v>
      </c>
      <c r="GU10" s="406">
        <v>2505932</v>
      </c>
      <c r="GV10" s="404">
        <v>0</v>
      </c>
      <c r="GW10" s="405">
        <v>783501</v>
      </c>
      <c r="GX10" s="405">
        <v>1524593</v>
      </c>
      <c r="GY10" s="405">
        <v>618310</v>
      </c>
      <c r="GZ10" s="405">
        <v>652820</v>
      </c>
      <c r="HA10" s="405">
        <v>59570</v>
      </c>
      <c r="HB10" s="409">
        <v>3638794</v>
      </c>
      <c r="HC10" s="408">
        <v>6144726</v>
      </c>
      <c r="HD10" s="404">
        <v>4710036</v>
      </c>
      <c r="HE10" s="405">
        <v>6852993</v>
      </c>
      <c r="HF10" s="409">
        <v>11563029</v>
      </c>
      <c r="HG10" s="410">
        <v>0</v>
      </c>
      <c r="HH10" s="405">
        <v>37260530</v>
      </c>
      <c r="HI10" s="405">
        <v>51432065</v>
      </c>
      <c r="HJ10" s="405">
        <v>45433360</v>
      </c>
      <c r="HK10" s="405">
        <v>55303970</v>
      </c>
      <c r="HL10" s="405">
        <v>32527718</v>
      </c>
      <c r="HM10" s="406">
        <v>221957643</v>
      </c>
      <c r="HN10" s="407">
        <v>233520672</v>
      </c>
      <c r="HO10" s="445"/>
      <c r="HP10" s="446"/>
      <c r="HQ10" s="447"/>
      <c r="HR10" s="448"/>
      <c r="HS10" s="446"/>
      <c r="HT10" s="446"/>
      <c r="HU10" s="446"/>
      <c r="HV10" s="446"/>
      <c r="HW10" s="446"/>
      <c r="HX10" s="449"/>
      <c r="HY10" s="450"/>
      <c r="HZ10" s="414">
        <v>315813</v>
      </c>
      <c r="IA10" s="415">
        <v>546511</v>
      </c>
      <c r="IB10" s="416">
        <v>862324</v>
      </c>
      <c r="IC10" s="417">
        <v>0</v>
      </c>
      <c r="ID10" s="418">
        <v>19672603</v>
      </c>
      <c r="IE10" s="419">
        <v>31289163</v>
      </c>
      <c r="IF10" s="420">
        <v>31840128</v>
      </c>
      <c r="IG10" s="418">
        <v>25299388</v>
      </c>
      <c r="IH10" s="420">
        <v>18740686</v>
      </c>
      <c r="II10" s="421">
        <v>126841968</v>
      </c>
      <c r="IJ10" s="422">
        <v>127704292</v>
      </c>
      <c r="IK10" s="423">
        <v>0</v>
      </c>
      <c r="IL10" s="424">
        <v>0</v>
      </c>
      <c r="IM10" s="425">
        <v>0</v>
      </c>
      <c r="IN10" s="426"/>
      <c r="IO10" s="427">
        <v>919599</v>
      </c>
      <c r="IP10" s="427">
        <v>1726486</v>
      </c>
      <c r="IQ10" s="427">
        <v>1495167</v>
      </c>
      <c r="IR10" s="427">
        <v>1345139</v>
      </c>
      <c r="IS10" s="427">
        <v>1208400</v>
      </c>
      <c r="IT10" s="428">
        <v>6694791</v>
      </c>
      <c r="IU10" s="429">
        <v>6694791</v>
      </c>
      <c r="IV10" s="430">
        <v>0</v>
      </c>
      <c r="IW10" s="427">
        <v>0</v>
      </c>
      <c r="IX10" s="431">
        <v>0</v>
      </c>
      <c r="IY10" s="432"/>
      <c r="IZ10" s="427">
        <v>77275</v>
      </c>
      <c r="JA10" s="427">
        <v>293747</v>
      </c>
      <c r="JB10" s="427">
        <v>850503</v>
      </c>
      <c r="JC10" s="427">
        <v>563011</v>
      </c>
      <c r="JD10" s="427">
        <v>1197003</v>
      </c>
      <c r="JE10" s="431">
        <v>2981539</v>
      </c>
      <c r="JF10" s="433">
        <v>2981539</v>
      </c>
      <c r="JG10" s="430">
        <v>0</v>
      </c>
      <c r="JH10" s="427">
        <v>0</v>
      </c>
      <c r="JI10" s="428">
        <v>0</v>
      </c>
      <c r="JJ10" s="434">
        <v>0</v>
      </c>
      <c r="JK10" s="427">
        <v>8785376</v>
      </c>
      <c r="JL10" s="427">
        <v>13947380</v>
      </c>
      <c r="JM10" s="427">
        <v>8570790</v>
      </c>
      <c r="JN10" s="427">
        <v>5866848</v>
      </c>
      <c r="JO10" s="427">
        <v>2022154</v>
      </c>
      <c r="JP10" s="431">
        <v>39192548</v>
      </c>
      <c r="JQ10" s="429">
        <v>39192548</v>
      </c>
      <c r="JR10" s="430">
        <v>0</v>
      </c>
      <c r="JS10" s="427">
        <v>0</v>
      </c>
      <c r="JT10" s="428">
        <v>0</v>
      </c>
      <c r="JU10" s="434">
        <v>0</v>
      </c>
      <c r="JV10" s="427">
        <v>2073002</v>
      </c>
      <c r="JW10" s="427">
        <v>2919924</v>
      </c>
      <c r="JX10" s="427">
        <v>3619713</v>
      </c>
      <c r="JY10" s="427">
        <v>2137006</v>
      </c>
      <c r="JZ10" s="427">
        <v>2721526</v>
      </c>
      <c r="KA10" s="431">
        <v>13471171</v>
      </c>
      <c r="KB10" s="429">
        <v>13471171</v>
      </c>
      <c r="KC10" s="435">
        <v>315813</v>
      </c>
      <c r="KD10" s="436">
        <v>546511</v>
      </c>
      <c r="KE10" s="431">
        <v>862324</v>
      </c>
      <c r="KF10" s="434">
        <v>0</v>
      </c>
      <c r="KG10" s="427">
        <v>2647259</v>
      </c>
      <c r="KH10" s="427">
        <v>4047828</v>
      </c>
      <c r="KI10" s="427">
        <v>4431923</v>
      </c>
      <c r="KJ10" s="427">
        <v>5637036</v>
      </c>
      <c r="KK10" s="427">
        <v>2168267</v>
      </c>
      <c r="KL10" s="431">
        <v>18932313</v>
      </c>
      <c r="KM10" s="437">
        <v>19794637</v>
      </c>
      <c r="KN10" s="423">
        <v>0</v>
      </c>
      <c r="KO10" s="424">
        <v>0</v>
      </c>
      <c r="KP10" s="425">
        <v>0</v>
      </c>
      <c r="KQ10" s="426"/>
      <c r="KR10" s="427">
        <v>5170092</v>
      </c>
      <c r="KS10" s="427">
        <v>7219923</v>
      </c>
      <c r="KT10" s="427">
        <v>11015516</v>
      </c>
      <c r="KU10" s="427">
        <v>8046436</v>
      </c>
      <c r="KV10" s="427">
        <v>6479685</v>
      </c>
      <c r="KW10" s="431">
        <v>37931652</v>
      </c>
      <c r="KX10" s="429">
        <v>37931652</v>
      </c>
      <c r="KY10" s="430">
        <v>0</v>
      </c>
      <c r="KZ10" s="427">
        <v>0</v>
      </c>
      <c r="LA10" s="431">
        <v>0</v>
      </c>
      <c r="LB10" s="438"/>
      <c r="LC10" s="427">
        <v>0</v>
      </c>
      <c r="LD10" s="427">
        <v>0</v>
      </c>
      <c r="LE10" s="427">
        <v>0</v>
      </c>
      <c r="LF10" s="427">
        <v>0</v>
      </c>
      <c r="LG10" s="427">
        <v>0</v>
      </c>
      <c r="LH10" s="431">
        <v>0</v>
      </c>
      <c r="LI10" s="433">
        <v>0</v>
      </c>
      <c r="LJ10" s="430">
        <v>0</v>
      </c>
      <c r="LK10" s="427">
        <v>0</v>
      </c>
      <c r="LL10" s="431">
        <v>0</v>
      </c>
      <c r="LM10" s="438"/>
      <c r="LN10" s="427">
        <v>0</v>
      </c>
      <c r="LO10" s="427">
        <v>218771</v>
      </c>
      <c r="LP10" s="427">
        <v>0</v>
      </c>
      <c r="LQ10" s="427">
        <v>256343</v>
      </c>
      <c r="LR10" s="427">
        <v>0</v>
      </c>
      <c r="LS10" s="431">
        <v>475114</v>
      </c>
      <c r="LT10" s="429">
        <v>475114</v>
      </c>
      <c r="LU10" s="430">
        <v>0</v>
      </c>
      <c r="LV10" s="427">
        <v>0</v>
      </c>
      <c r="LW10" s="431">
        <v>0</v>
      </c>
      <c r="LX10" s="438"/>
      <c r="LY10" s="427">
        <v>0</v>
      </c>
      <c r="LZ10" s="427">
        <v>915104</v>
      </c>
      <c r="MA10" s="427">
        <v>1856516</v>
      </c>
      <c r="MB10" s="427">
        <v>1447569</v>
      </c>
      <c r="MC10" s="427">
        <v>2943651</v>
      </c>
      <c r="MD10" s="431">
        <v>7162840</v>
      </c>
      <c r="ME10" s="433">
        <v>7162840</v>
      </c>
      <c r="MF10" s="430">
        <v>0</v>
      </c>
      <c r="MG10" s="427">
        <v>0</v>
      </c>
      <c r="MH10" s="431">
        <v>0</v>
      </c>
      <c r="MI10" s="438"/>
      <c r="MJ10" s="427">
        <v>5694634</v>
      </c>
      <c r="MK10" s="427">
        <v>19432001</v>
      </c>
      <c r="ML10" s="427">
        <v>50915593</v>
      </c>
      <c r="MM10" s="427">
        <v>72257958</v>
      </c>
      <c r="MN10" s="427">
        <v>50146714</v>
      </c>
      <c r="MO10" s="431">
        <v>198446900</v>
      </c>
      <c r="MP10" s="437">
        <v>198446900</v>
      </c>
      <c r="MQ10" s="430">
        <v>0</v>
      </c>
      <c r="MR10" s="427">
        <v>0</v>
      </c>
      <c r="MS10" s="431">
        <v>0</v>
      </c>
      <c r="MT10" s="438"/>
      <c r="MU10" s="427">
        <v>969633</v>
      </c>
      <c r="MV10" s="427">
        <v>4445862</v>
      </c>
      <c r="MW10" s="427">
        <v>28336712</v>
      </c>
      <c r="MX10" s="427">
        <v>38877644</v>
      </c>
      <c r="MY10" s="427">
        <v>30147635</v>
      </c>
      <c r="MZ10" s="431">
        <v>102777486</v>
      </c>
      <c r="NA10" s="437">
        <v>102777486</v>
      </c>
      <c r="NB10" s="430">
        <v>0</v>
      </c>
      <c r="NC10" s="427">
        <v>0</v>
      </c>
      <c r="ND10" s="431">
        <v>0</v>
      </c>
      <c r="NE10" s="438"/>
      <c r="NF10" s="427">
        <v>4725001</v>
      </c>
      <c r="NG10" s="427">
        <v>14986139</v>
      </c>
      <c r="NH10" s="427">
        <v>22578881</v>
      </c>
      <c r="NI10" s="427">
        <v>29990201</v>
      </c>
      <c r="NJ10" s="427">
        <v>15772118</v>
      </c>
      <c r="NK10" s="431">
        <v>88052340</v>
      </c>
      <c r="NL10" s="429">
        <v>88052340</v>
      </c>
      <c r="NM10" s="430">
        <v>0</v>
      </c>
      <c r="NN10" s="427">
        <v>0</v>
      </c>
      <c r="NO10" s="431">
        <v>0</v>
      </c>
      <c r="NP10" s="438">
        <v>0</v>
      </c>
      <c r="NQ10" s="427">
        <v>0</v>
      </c>
      <c r="NR10" s="427">
        <v>0</v>
      </c>
      <c r="NS10" s="427">
        <v>0</v>
      </c>
      <c r="NT10" s="427">
        <v>1148432</v>
      </c>
      <c r="NU10" s="427">
        <v>1208724</v>
      </c>
      <c r="NV10" s="431">
        <v>2357156</v>
      </c>
      <c r="NW10" s="433">
        <v>2357156</v>
      </c>
      <c r="NX10" s="430">
        <v>0</v>
      </c>
      <c r="NY10" s="427">
        <v>0</v>
      </c>
      <c r="NZ10" s="431">
        <v>0</v>
      </c>
      <c r="OA10" s="438"/>
      <c r="OB10" s="427">
        <v>0</v>
      </c>
      <c r="OC10" s="427">
        <v>0</v>
      </c>
      <c r="OD10" s="427">
        <v>0</v>
      </c>
      <c r="OE10" s="427">
        <v>2241681</v>
      </c>
      <c r="OF10" s="427">
        <v>3018237</v>
      </c>
      <c r="OG10" s="431">
        <v>5259918</v>
      </c>
      <c r="OH10" s="433">
        <v>5259918</v>
      </c>
      <c r="OI10" s="430">
        <v>12267578</v>
      </c>
      <c r="OJ10" s="427">
        <v>24149693</v>
      </c>
      <c r="OK10" s="428">
        <v>36417271</v>
      </c>
      <c r="OL10" s="434">
        <v>0</v>
      </c>
      <c r="OM10" s="427">
        <v>121761896</v>
      </c>
      <c r="ON10" s="427">
        <v>220595497</v>
      </c>
      <c r="OO10" s="427">
        <v>216465598</v>
      </c>
      <c r="OP10" s="427">
        <v>234419677</v>
      </c>
      <c r="OQ10" s="427">
        <v>167071566</v>
      </c>
      <c r="OR10" s="431">
        <v>960314234</v>
      </c>
      <c r="OS10" s="437">
        <v>996731505</v>
      </c>
    </row>
    <row r="11" spans="2:409" ht="21" customHeight="1" x14ac:dyDescent="0.2">
      <c r="B11" s="472" t="s">
        <v>6</v>
      </c>
      <c r="C11" s="100">
        <v>3889157</v>
      </c>
      <c r="D11" s="104">
        <v>6597524</v>
      </c>
      <c r="E11" s="103">
        <v>10486681</v>
      </c>
      <c r="F11" s="99">
        <v>0</v>
      </c>
      <c r="G11" s="104">
        <v>49665516</v>
      </c>
      <c r="H11" s="104">
        <v>52871613</v>
      </c>
      <c r="I11" s="104">
        <v>47915895</v>
      </c>
      <c r="J11" s="104">
        <v>54991231</v>
      </c>
      <c r="K11" s="104">
        <v>35334608</v>
      </c>
      <c r="L11" s="99">
        <v>240778863</v>
      </c>
      <c r="M11" s="106">
        <v>251265544</v>
      </c>
      <c r="N11" s="100">
        <v>1202486</v>
      </c>
      <c r="O11" s="104">
        <v>2727940</v>
      </c>
      <c r="P11" s="103">
        <v>3930426</v>
      </c>
      <c r="Q11" s="100">
        <v>0</v>
      </c>
      <c r="R11" s="104">
        <v>16976725</v>
      </c>
      <c r="S11" s="104">
        <v>18990777</v>
      </c>
      <c r="T11" s="104">
        <v>17093506</v>
      </c>
      <c r="U11" s="104">
        <v>20352795</v>
      </c>
      <c r="V11" s="104">
        <v>16724736</v>
      </c>
      <c r="W11" s="103">
        <v>90138539</v>
      </c>
      <c r="X11" s="106">
        <v>94068965</v>
      </c>
      <c r="Y11" s="100">
        <v>0</v>
      </c>
      <c r="Z11" s="104">
        <v>0</v>
      </c>
      <c r="AA11" s="103">
        <v>0</v>
      </c>
      <c r="AB11" s="100">
        <v>0</v>
      </c>
      <c r="AC11" s="104">
        <v>6274491</v>
      </c>
      <c r="AD11" s="104">
        <v>7637120</v>
      </c>
      <c r="AE11" s="104">
        <v>7423327</v>
      </c>
      <c r="AF11" s="104">
        <v>11295193</v>
      </c>
      <c r="AG11" s="104">
        <v>10055495</v>
      </c>
      <c r="AH11" s="103">
        <v>42685626</v>
      </c>
      <c r="AI11" s="106">
        <v>42685626</v>
      </c>
      <c r="AJ11" s="100">
        <v>0</v>
      </c>
      <c r="AK11" s="104">
        <v>0</v>
      </c>
      <c r="AL11" s="103">
        <v>0</v>
      </c>
      <c r="AM11" s="100">
        <v>0</v>
      </c>
      <c r="AN11" s="104">
        <v>202109</v>
      </c>
      <c r="AO11" s="104">
        <v>611324</v>
      </c>
      <c r="AP11" s="104">
        <v>697876</v>
      </c>
      <c r="AQ11" s="104">
        <v>972868</v>
      </c>
      <c r="AR11" s="104">
        <v>1280079</v>
      </c>
      <c r="AS11" s="103">
        <v>3764256</v>
      </c>
      <c r="AT11" s="106">
        <v>3764256</v>
      </c>
      <c r="AU11" s="100">
        <v>647319</v>
      </c>
      <c r="AV11" s="104">
        <v>2235099</v>
      </c>
      <c r="AW11" s="103">
        <v>2882418</v>
      </c>
      <c r="AX11" s="100">
        <v>0</v>
      </c>
      <c r="AY11" s="104">
        <v>7425822</v>
      </c>
      <c r="AZ11" s="104">
        <v>7216161</v>
      </c>
      <c r="BA11" s="104">
        <v>5972823</v>
      </c>
      <c r="BB11" s="104">
        <v>4609864</v>
      </c>
      <c r="BC11" s="104">
        <v>2839158</v>
      </c>
      <c r="BD11" s="103">
        <v>28063828</v>
      </c>
      <c r="BE11" s="106">
        <v>30946246</v>
      </c>
      <c r="BF11" s="100">
        <v>95190</v>
      </c>
      <c r="BG11" s="104">
        <v>62068</v>
      </c>
      <c r="BH11" s="102">
        <v>157258</v>
      </c>
      <c r="BI11" s="101">
        <v>0</v>
      </c>
      <c r="BJ11" s="104">
        <v>560137</v>
      </c>
      <c r="BK11" s="104">
        <v>533821</v>
      </c>
      <c r="BL11" s="104">
        <v>400782</v>
      </c>
      <c r="BM11" s="104">
        <v>454652</v>
      </c>
      <c r="BN11" s="104">
        <v>306091</v>
      </c>
      <c r="BO11" s="103">
        <v>2255483</v>
      </c>
      <c r="BP11" s="106">
        <v>2412741</v>
      </c>
      <c r="BQ11" s="100">
        <v>459977</v>
      </c>
      <c r="BR11" s="104">
        <v>430773</v>
      </c>
      <c r="BS11" s="103">
        <v>890750</v>
      </c>
      <c r="BT11" s="100">
        <v>0</v>
      </c>
      <c r="BU11" s="104">
        <v>2514166</v>
      </c>
      <c r="BV11" s="104">
        <v>2992351</v>
      </c>
      <c r="BW11" s="104">
        <v>2598698</v>
      </c>
      <c r="BX11" s="104">
        <v>3020218</v>
      </c>
      <c r="BY11" s="104">
        <v>2243913</v>
      </c>
      <c r="BZ11" s="103">
        <v>13369346</v>
      </c>
      <c r="CA11" s="106">
        <v>14260096</v>
      </c>
      <c r="CB11" s="100">
        <v>205104</v>
      </c>
      <c r="CC11" s="104">
        <v>599754</v>
      </c>
      <c r="CD11" s="103">
        <v>804858</v>
      </c>
      <c r="CE11" s="100">
        <v>0</v>
      </c>
      <c r="CF11" s="104">
        <v>12033502</v>
      </c>
      <c r="CG11" s="104">
        <v>11877090</v>
      </c>
      <c r="CH11" s="104">
        <v>8712360</v>
      </c>
      <c r="CI11" s="104">
        <v>6636814</v>
      </c>
      <c r="CJ11" s="104">
        <v>2841213</v>
      </c>
      <c r="CK11" s="103">
        <v>42100979</v>
      </c>
      <c r="CL11" s="106">
        <v>42905837</v>
      </c>
      <c r="CM11" s="100">
        <v>0</v>
      </c>
      <c r="CN11" s="104">
        <v>0</v>
      </c>
      <c r="CO11" s="103">
        <v>0</v>
      </c>
      <c r="CP11" s="101">
        <v>0</v>
      </c>
      <c r="CQ11" s="104">
        <v>9746195</v>
      </c>
      <c r="CR11" s="104">
        <v>8863513</v>
      </c>
      <c r="CS11" s="104">
        <v>6570475</v>
      </c>
      <c r="CT11" s="104">
        <v>3771464</v>
      </c>
      <c r="CU11" s="104">
        <v>1803899</v>
      </c>
      <c r="CV11" s="103">
        <v>30755546</v>
      </c>
      <c r="CW11" s="106">
        <v>30755546</v>
      </c>
      <c r="CX11" s="100">
        <v>205104</v>
      </c>
      <c r="CY11" s="104">
        <v>599754</v>
      </c>
      <c r="CZ11" s="103">
        <v>804858</v>
      </c>
      <c r="DA11" s="100">
        <v>0</v>
      </c>
      <c r="DB11" s="104">
        <v>2287307</v>
      </c>
      <c r="DC11" s="104">
        <v>3013577</v>
      </c>
      <c r="DD11" s="104">
        <v>2141885</v>
      </c>
      <c r="DE11" s="104">
        <v>2865350</v>
      </c>
      <c r="DF11" s="104">
        <v>1037314</v>
      </c>
      <c r="DG11" s="103">
        <v>11345433</v>
      </c>
      <c r="DH11" s="106">
        <v>12150291</v>
      </c>
      <c r="DI11" s="100">
        <v>16557</v>
      </c>
      <c r="DJ11" s="104">
        <v>18849</v>
      </c>
      <c r="DK11" s="102">
        <v>35406</v>
      </c>
      <c r="DL11" s="101">
        <v>0</v>
      </c>
      <c r="DM11" s="104">
        <v>1417718</v>
      </c>
      <c r="DN11" s="104">
        <v>2366858</v>
      </c>
      <c r="DO11" s="104">
        <v>3726924</v>
      </c>
      <c r="DP11" s="104">
        <v>3581888</v>
      </c>
      <c r="DQ11" s="104">
        <v>1416137</v>
      </c>
      <c r="DR11" s="103">
        <v>12509525</v>
      </c>
      <c r="DS11" s="106">
        <v>12544931</v>
      </c>
      <c r="DT11" s="100">
        <v>16557</v>
      </c>
      <c r="DU11" s="104">
        <v>18849</v>
      </c>
      <c r="DV11" s="103">
        <v>35406</v>
      </c>
      <c r="DW11" s="100">
        <v>0</v>
      </c>
      <c r="DX11" s="104">
        <v>1212375</v>
      </c>
      <c r="DY11" s="104">
        <v>1670624</v>
      </c>
      <c r="DZ11" s="104">
        <v>3225496</v>
      </c>
      <c r="EA11" s="104">
        <v>2801748</v>
      </c>
      <c r="EB11" s="104">
        <v>688441</v>
      </c>
      <c r="EC11" s="103">
        <v>9598684</v>
      </c>
      <c r="ED11" s="106">
        <v>9634090</v>
      </c>
      <c r="EE11" s="100">
        <v>0</v>
      </c>
      <c r="EF11" s="102">
        <v>0</v>
      </c>
      <c r="EG11" s="103">
        <v>0</v>
      </c>
      <c r="EH11" s="100">
        <v>0</v>
      </c>
      <c r="EI11" s="104">
        <v>205343</v>
      </c>
      <c r="EJ11" s="104">
        <v>696234</v>
      </c>
      <c r="EK11" s="104">
        <v>501428</v>
      </c>
      <c r="EL11" s="104">
        <v>780140</v>
      </c>
      <c r="EM11" s="104">
        <v>727696</v>
      </c>
      <c r="EN11" s="102">
        <v>2910841</v>
      </c>
      <c r="EO11" s="106">
        <v>2910841</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764687</v>
      </c>
      <c r="FM11" s="104">
        <v>1800106</v>
      </c>
      <c r="FN11" s="103">
        <v>2564793</v>
      </c>
      <c r="FO11" s="100">
        <v>0</v>
      </c>
      <c r="FP11" s="104">
        <v>2786344</v>
      </c>
      <c r="FQ11" s="104">
        <v>4456562</v>
      </c>
      <c r="FR11" s="104">
        <v>3698207</v>
      </c>
      <c r="FS11" s="104">
        <v>3085816</v>
      </c>
      <c r="FT11" s="104">
        <v>2012570</v>
      </c>
      <c r="FU11" s="103">
        <v>16039499</v>
      </c>
      <c r="FV11" s="106">
        <v>18604292</v>
      </c>
      <c r="FW11" s="105">
        <v>507731</v>
      </c>
      <c r="FX11" s="104">
        <v>989107</v>
      </c>
      <c r="FY11" s="102">
        <v>1496838</v>
      </c>
      <c r="FZ11" s="101">
        <v>0</v>
      </c>
      <c r="GA11" s="104">
        <v>1893027</v>
      </c>
      <c r="GB11" s="104">
        <v>3861863</v>
      </c>
      <c r="GC11" s="104">
        <v>3387778</v>
      </c>
      <c r="GD11" s="104">
        <v>2920067</v>
      </c>
      <c r="GE11" s="104">
        <v>1959986</v>
      </c>
      <c r="GF11" s="103">
        <v>14022721</v>
      </c>
      <c r="GG11" s="296">
        <v>15519559</v>
      </c>
      <c r="GH11" s="105">
        <v>121436</v>
      </c>
      <c r="GI11" s="104">
        <v>45269</v>
      </c>
      <c r="GJ11" s="102">
        <v>166705</v>
      </c>
      <c r="GK11" s="101">
        <v>0</v>
      </c>
      <c r="GL11" s="104">
        <v>160282</v>
      </c>
      <c r="GM11" s="104">
        <v>271159</v>
      </c>
      <c r="GN11" s="104">
        <v>101969</v>
      </c>
      <c r="GO11" s="104">
        <v>165749</v>
      </c>
      <c r="GP11" s="104">
        <v>33264</v>
      </c>
      <c r="GQ11" s="103">
        <v>732423</v>
      </c>
      <c r="GR11" s="106">
        <v>899128</v>
      </c>
      <c r="GS11" s="100">
        <v>135520</v>
      </c>
      <c r="GT11" s="104">
        <v>765730</v>
      </c>
      <c r="GU11" s="103">
        <v>901250</v>
      </c>
      <c r="GV11" s="100">
        <v>0</v>
      </c>
      <c r="GW11" s="104">
        <v>733035</v>
      </c>
      <c r="GX11" s="104">
        <v>323540</v>
      </c>
      <c r="GY11" s="104">
        <v>208460</v>
      </c>
      <c r="GZ11" s="104">
        <v>0</v>
      </c>
      <c r="HA11" s="104">
        <v>19320</v>
      </c>
      <c r="HB11" s="102">
        <v>1284355</v>
      </c>
      <c r="HC11" s="106">
        <v>2185605</v>
      </c>
      <c r="HD11" s="100">
        <v>1700323</v>
      </c>
      <c r="HE11" s="104">
        <v>1450875</v>
      </c>
      <c r="HF11" s="102">
        <v>3151198</v>
      </c>
      <c r="HG11" s="101">
        <v>0</v>
      </c>
      <c r="HH11" s="104">
        <v>16451227</v>
      </c>
      <c r="HI11" s="104">
        <v>15180326</v>
      </c>
      <c r="HJ11" s="104">
        <v>14684898</v>
      </c>
      <c r="HK11" s="104">
        <v>21333918</v>
      </c>
      <c r="HL11" s="104">
        <v>12339952</v>
      </c>
      <c r="HM11" s="103">
        <v>79990321</v>
      </c>
      <c r="HN11" s="99">
        <v>83141519</v>
      </c>
      <c r="HO11" s="306"/>
      <c r="HP11" s="307"/>
      <c r="HQ11" s="308"/>
      <c r="HR11" s="309"/>
      <c r="HS11" s="307"/>
      <c r="HT11" s="307"/>
      <c r="HU11" s="307"/>
      <c r="HV11" s="307"/>
      <c r="HW11" s="307"/>
      <c r="HX11" s="310"/>
      <c r="HY11" s="311"/>
      <c r="HZ11" s="118">
        <v>32733</v>
      </c>
      <c r="IA11" s="119">
        <v>624460</v>
      </c>
      <c r="IB11" s="120">
        <v>657193</v>
      </c>
      <c r="IC11" s="133">
        <v>0</v>
      </c>
      <c r="ID11" s="119">
        <v>9989669</v>
      </c>
      <c r="IE11" s="134">
        <v>12088935</v>
      </c>
      <c r="IF11" s="120">
        <v>16375120</v>
      </c>
      <c r="IG11" s="119">
        <v>9890583</v>
      </c>
      <c r="IH11" s="120">
        <v>8109963</v>
      </c>
      <c r="II11" s="135">
        <v>56454270</v>
      </c>
      <c r="IJ11" s="126">
        <v>57111463</v>
      </c>
      <c r="IK11" s="219">
        <v>0</v>
      </c>
      <c r="IL11" s="223">
        <v>0</v>
      </c>
      <c r="IM11" s="224">
        <v>0</v>
      </c>
      <c r="IN11" s="127"/>
      <c r="IO11" s="109">
        <v>439666</v>
      </c>
      <c r="IP11" s="109">
        <v>565581</v>
      </c>
      <c r="IQ11" s="109">
        <v>686886</v>
      </c>
      <c r="IR11" s="109">
        <v>1191484</v>
      </c>
      <c r="IS11" s="109">
        <v>1209171</v>
      </c>
      <c r="IT11" s="128">
        <v>4092788</v>
      </c>
      <c r="IU11" s="298">
        <v>4092788</v>
      </c>
      <c r="IV11" s="129">
        <v>0</v>
      </c>
      <c r="IW11" s="109">
        <v>0</v>
      </c>
      <c r="IX11" s="110">
        <v>0</v>
      </c>
      <c r="IY11" s="131"/>
      <c r="IZ11" s="109">
        <v>31150</v>
      </c>
      <c r="JA11" s="109">
        <v>139119</v>
      </c>
      <c r="JB11" s="109">
        <v>188992</v>
      </c>
      <c r="JC11" s="109">
        <v>75509</v>
      </c>
      <c r="JD11" s="109">
        <v>415549</v>
      </c>
      <c r="JE11" s="110">
        <v>850319</v>
      </c>
      <c r="JF11" s="111">
        <v>850319</v>
      </c>
      <c r="JG11" s="129">
        <v>0</v>
      </c>
      <c r="JH11" s="109">
        <v>0</v>
      </c>
      <c r="JI11" s="128">
        <v>0</v>
      </c>
      <c r="JJ11" s="108">
        <v>0</v>
      </c>
      <c r="JK11" s="109">
        <v>4432258</v>
      </c>
      <c r="JL11" s="109">
        <v>3059731</v>
      </c>
      <c r="JM11" s="109">
        <v>2583588</v>
      </c>
      <c r="JN11" s="109">
        <v>1170227</v>
      </c>
      <c r="JO11" s="109">
        <v>613935</v>
      </c>
      <c r="JP11" s="110">
        <v>11859739</v>
      </c>
      <c r="JQ11" s="298">
        <v>11859739</v>
      </c>
      <c r="JR11" s="129">
        <v>0</v>
      </c>
      <c r="JS11" s="109">
        <v>0</v>
      </c>
      <c r="JT11" s="128">
        <v>0</v>
      </c>
      <c r="JU11" s="108">
        <v>0</v>
      </c>
      <c r="JV11" s="109">
        <v>864206</v>
      </c>
      <c r="JW11" s="109">
        <v>1437864</v>
      </c>
      <c r="JX11" s="109">
        <v>2422804</v>
      </c>
      <c r="JY11" s="109">
        <v>458258</v>
      </c>
      <c r="JZ11" s="109">
        <v>426522</v>
      </c>
      <c r="KA11" s="110">
        <v>5609654</v>
      </c>
      <c r="KB11" s="298">
        <v>5609654</v>
      </c>
      <c r="KC11" s="221">
        <v>32733</v>
      </c>
      <c r="KD11" s="217">
        <v>624460</v>
      </c>
      <c r="KE11" s="110">
        <v>657193</v>
      </c>
      <c r="KF11" s="108">
        <v>0</v>
      </c>
      <c r="KG11" s="109">
        <v>1008525</v>
      </c>
      <c r="KH11" s="109">
        <v>737528</v>
      </c>
      <c r="KI11" s="109">
        <v>1401201</v>
      </c>
      <c r="KJ11" s="109">
        <v>434361</v>
      </c>
      <c r="KK11" s="109">
        <v>513279</v>
      </c>
      <c r="KL11" s="110">
        <v>4094894</v>
      </c>
      <c r="KM11" s="130">
        <v>4752087</v>
      </c>
      <c r="KN11" s="219">
        <v>0</v>
      </c>
      <c r="KO11" s="223">
        <v>0</v>
      </c>
      <c r="KP11" s="224">
        <v>0</v>
      </c>
      <c r="KQ11" s="127"/>
      <c r="KR11" s="109">
        <v>2297887</v>
      </c>
      <c r="KS11" s="109">
        <v>5341608</v>
      </c>
      <c r="KT11" s="109">
        <v>6008415</v>
      </c>
      <c r="KU11" s="109">
        <v>3580005</v>
      </c>
      <c r="KV11" s="109">
        <v>3891042</v>
      </c>
      <c r="KW11" s="110">
        <v>21118957</v>
      </c>
      <c r="KX11" s="298">
        <v>21118957</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198608</v>
      </c>
      <c r="LO11" s="109">
        <v>0</v>
      </c>
      <c r="LP11" s="109">
        <v>1654956</v>
      </c>
      <c r="LQ11" s="109">
        <v>1718801</v>
      </c>
      <c r="LR11" s="109">
        <v>479654</v>
      </c>
      <c r="LS11" s="110">
        <v>4052019</v>
      </c>
      <c r="LT11" s="298">
        <v>4052019</v>
      </c>
      <c r="LU11" s="129">
        <v>0</v>
      </c>
      <c r="LV11" s="109">
        <v>0</v>
      </c>
      <c r="LW11" s="110">
        <v>0</v>
      </c>
      <c r="LX11" s="132"/>
      <c r="LY11" s="109">
        <v>717369</v>
      </c>
      <c r="LZ11" s="109">
        <v>807504</v>
      </c>
      <c r="MA11" s="109">
        <v>1428278</v>
      </c>
      <c r="MB11" s="109">
        <v>1261938</v>
      </c>
      <c r="MC11" s="109">
        <v>560811</v>
      </c>
      <c r="MD11" s="110">
        <v>4775900</v>
      </c>
      <c r="ME11" s="111">
        <v>4775900</v>
      </c>
      <c r="MF11" s="129">
        <v>0</v>
      </c>
      <c r="MG11" s="109">
        <v>0</v>
      </c>
      <c r="MH11" s="110">
        <v>0</v>
      </c>
      <c r="MI11" s="132"/>
      <c r="MJ11" s="109">
        <v>1382215</v>
      </c>
      <c r="MK11" s="109">
        <v>2570306</v>
      </c>
      <c r="ML11" s="109">
        <v>12882220</v>
      </c>
      <c r="MM11" s="109">
        <v>23285031</v>
      </c>
      <c r="MN11" s="109">
        <v>15258488</v>
      </c>
      <c r="MO11" s="110">
        <v>55378260</v>
      </c>
      <c r="MP11" s="130">
        <v>55378260</v>
      </c>
      <c r="MQ11" s="129">
        <v>0</v>
      </c>
      <c r="MR11" s="109">
        <v>0</v>
      </c>
      <c r="MS11" s="110">
        <v>0</v>
      </c>
      <c r="MT11" s="132"/>
      <c r="MU11" s="109">
        <v>343426</v>
      </c>
      <c r="MV11" s="109">
        <v>216617</v>
      </c>
      <c r="MW11" s="109">
        <v>7521903</v>
      </c>
      <c r="MX11" s="109">
        <v>10671639</v>
      </c>
      <c r="MY11" s="109">
        <v>9411669</v>
      </c>
      <c r="MZ11" s="110">
        <v>28165254</v>
      </c>
      <c r="NA11" s="130">
        <v>28165254</v>
      </c>
      <c r="NB11" s="129">
        <v>0</v>
      </c>
      <c r="NC11" s="109">
        <v>0</v>
      </c>
      <c r="ND11" s="110">
        <v>0</v>
      </c>
      <c r="NE11" s="132"/>
      <c r="NF11" s="109">
        <v>1038789</v>
      </c>
      <c r="NG11" s="109">
        <v>2353689</v>
      </c>
      <c r="NH11" s="109">
        <v>5360317</v>
      </c>
      <c r="NI11" s="109">
        <v>11183582</v>
      </c>
      <c r="NJ11" s="109">
        <v>3040438</v>
      </c>
      <c r="NK11" s="110">
        <v>22976815</v>
      </c>
      <c r="NL11" s="298">
        <v>22976815</v>
      </c>
      <c r="NM11" s="129">
        <v>0</v>
      </c>
      <c r="NN11" s="109">
        <v>0</v>
      </c>
      <c r="NO11" s="110">
        <v>0</v>
      </c>
      <c r="NP11" s="132">
        <v>0</v>
      </c>
      <c r="NQ11" s="109">
        <v>0</v>
      </c>
      <c r="NR11" s="109">
        <v>0</v>
      </c>
      <c r="NS11" s="109">
        <v>0</v>
      </c>
      <c r="NT11" s="109">
        <v>1121229</v>
      </c>
      <c r="NU11" s="109">
        <v>1165675</v>
      </c>
      <c r="NV11" s="110">
        <v>2286904</v>
      </c>
      <c r="NW11" s="111">
        <v>2286904</v>
      </c>
      <c r="NX11" s="129">
        <v>0</v>
      </c>
      <c r="NY11" s="109">
        <v>0</v>
      </c>
      <c r="NZ11" s="110">
        <v>0</v>
      </c>
      <c r="OA11" s="132"/>
      <c r="OB11" s="109">
        <v>0</v>
      </c>
      <c r="OC11" s="109">
        <v>0</v>
      </c>
      <c r="OD11" s="109">
        <v>0</v>
      </c>
      <c r="OE11" s="109">
        <v>308581</v>
      </c>
      <c r="OF11" s="109">
        <v>1640706</v>
      </c>
      <c r="OG11" s="110">
        <v>1949287</v>
      </c>
      <c r="OH11" s="111">
        <v>1949287</v>
      </c>
      <c r="OI11" s="129">
        <v>3921890</v>
      </c>
      <c r="OJ11" s="109">
        <v>7221984</v>
      </c>
      <c r="OK11" s="128">
        <v>11143874</v>
      </c>
      <c r="OL11" s="108">
        <v>0</v>
      </c>
      <c r="OM11" s="109">
        <v>61037400</v>
      </c>
      <c r="ON11" s="109">
        <v>67530854</v>
      </c>
      <c r="OO11" s="109">
        <v>77173235</v>
      </c>
      <c r="OP11" s="109">
        <v>88166845</v>
      </c>
      <c r="OQ11" s="109">
        <v>58703059</v>
      </c>
      <c r="OR11" s="110">
        <v>352611393</v>
      </c>
      <c r="OS11" s="130">
        <v>363755267</v>
      </c>
    </row>
    <row r="12" spans="2:409" ht="21" customHeight="1" x14ac:dyDescent="0.2">
      <c r="B12" s="472" t="s">
        <v>14</v>
      </c>
      <c r="C12" s="100">
        <v>984719</v>
      </c>
      <c r="D12" s="104">
        <v>2393740</v>
      </c>
      <c r="E12" s="103">
        <v>3378459</v>
      </c>
      <c r="F12" s="99">
        <v>0</v>
      </c>
      <c r="G12" s="104">
        <v>13243705</v>
      </c>
      <c r="H12" s="104">
        <v>21212947</v>
      </c>
      <c r="I12" s="104">
        <v>18513180</v>
      </c>
      <c r="J12" s="104">
        <v>16574590</v>
      </c>
      <c r="K12" s="104">
        <v>13531170</v>
      </c>
      <c r="L12" s="102">
        <v>83075592</v>
      </c>
      <c r="M12" s="106">
        <v>86454051</v>
      </c>
      <c r="N12" s="100">
        <v>159657</v>
      </c>
      <c r="O12" s="104">
        <v>772531</v>
      </c>
      <c r="P12" s="103">
        <v>932188</v>
      </c>
      <c r="Q12" s="100">
        <v>0</v>
      </c>
      <c r="R12" s="104">
        <v>3300012</v>
      </c>
      <c r="S12" s="104">
        <v>7192755</v>
      </c>
      <c r="T12" s="104">
        <v>5491926</v>
      </c>
      <c r="U12" s="104">
        <v>6574039</v>
      </c>
      <c r="V12" s="104">
        <v>6481650</v>
      </c>
      <c r="W12" s="103">
        <v>29040382</v>
      </c>
      <c r="X12" s="106">
        <v>29972570</v>
      </c>
      <c r="Y12" s="100">
        <v>0</v>
      </c>
      <c r="Z12" s="104">
        <v>0</v>
      </c>
      <c r="AA12" s="103">
        <v>0</v>
      </c>
      <c r="AB12" s="100">
        <v>0</v>
      </c>
      <c r="AC12" s="104">
        <v>1401466</v>
      </c>
      <c r="AD12" s="104">
        <v>2785884</v>
      </c>
      <c r="AE12" s="104">
        <v>2808358</v>
      </c>
      <c r="AF12" s="104">
        <v>3435712</v>
      </c>
      <c r="AG12" s="104">
        <v>3381796</v>
      </c>
      <c r="AH12" s="103">
        <v>13813216</v>
      </c>
      <c r="AI12" s="106">
        <v>13813216</v>
      </c>
      <c r="AJ12" s="100">
        <v>0</v>
      </c>
      <c r="AK12" s="104">
        <v>0</v>
      </c>
      <c r="AL12" s="103">
        <v>0</v>
      </c>
      <c r="AM12" s="100">
        <v>0</v>
      </c>
      <c r="AN12" s="104">
        <v>0</v>
      </c>
      <c r="AO12" s="104">
        <v>208922</v>
      </c>
      <c r="AP12" s="104">
        <v>51818</v>
      </c>
      <c r="AQ12" s="104">
        <v>605462</v>
      </c>
      <c r="AR12" s="104">
        <v>795181</v>
      </c>
      <c r="AS12" s="103">
        <v>1661383</v>
      </c>
      <c r="AT12" s="106">
        <v>1661383</v>
      </c>
      <c r="AU12" s="100">
        <v>38130</v>
      </c>
      <c r="AV12" s="104">
        <v>424030</v>
      </c>
      <c r="AW12" s="103">
        <v>462160</v>
      </c>
      <c r="AX12" s="100">
        <v>0</v>
      </c>
      <c r="AY12" s="104">
        <v>909744</v>
      </c>
      <c r="AZ12" s="104">
        <v>3086522</v>
      </c>
      <c r="BA12" s="104">
        <v>1560835</v>
      </c>
      <c r="BB12" s="104">
        <v>1465092</v>
      </c>
      <c r="BC12" s="104">
        <v>1530312</v>
      </c>
      <c r="BD12" s="103">
        <v>8552505</v>
      </c>
      <c r="BE12" s="106">
        <v>9014665</v>
      </c>
      <c r="BF12" s="100">
        <v>0</v>
      </c>
      <c r="BG12" s="104">
        <v>143338</v>
      </c>
      <c r="BH12" s="102">
        <v>143338</v>
      </c>
      <c r="BI12" s="101">
        <v>0</v>
      </c>
      <c r="BJ12" s="104">
        <v>200455</v>
      </c>
      <c r="BK12" s="104">
        <v>119576</v>
      </c>
      <c r="BL12" s="104">
        <v>107204</v>
      </c>
      <c r="BM12" s="104">
        <v>0</v>
      </c>
      <c r="BN12" s="104">
        <v>18200</v>
      </c>
      <c r="BO12" s="103">
        <v>445435</v>
      </c>
      <c r="BP12" s="106">
        <v>588773</v>
      </c>
      <c r="BQ12" s="100">
        <v>121527</v>
      </c>
      <c r="BR12" s="104">
        <v>205163</v>
      </c>
      <c r="BS12" s="103">
        <v>326690</v>
      </c>
      <c r="BT12" s="100">
        <v>0</v>
      </c>
      <c r="BU12" s="104">
        <v>788347</v>
      </c>
      <c r="BV12" s="104">
        <v>991851</v>
      </c>
      <c r="BW12" s="104">
        <v>963711</v>
      </c>
      <c r="BX12" s="104">
        <v>1067773</v>
      </c>
      <c r="BY12" s="104">
        <v>756161</v>
      </c>
      <c r="BZ12" s="103">
        <v>4567843</v>
      </c>
      <c r="CA12" s="106">
        <v>4894533</v>
      </c>
      <c r="CB12" s="100">
        <v>92814</v>
      </c>
      <c r="CC12" s="104">
        <v>236583</v>
      </c>
      <c r="CD12" s="103">
        <v>329397</v>
      </c>
      <c r="CE12" s="100">
        <v>0</v>
      </c>
      <c r="CF12" s="104">
        <v>4409218</v>
      </c>
      <c r="CG12" s="104">
        <v>6314284</v>
      </c>
      <c r="CH12" s="104">
        <v>5015865</v>
      </c>
      <c r="CI12" s="104">
        <v>1488235</v>
      </c>
      <c r="CJ12" s="104">
        <v>883325</v>
      </c>
      <c r="CK12" s="103">
        <v>18110927</v>
      </c>
      <c r="CL12" s="106">
        <v>18440324</v>
      </c>
      <c r="CM12" s="100">
        <v>0</v>
      </c>
      <c r="CN12" s="104">
        <v>0</v>
      </c>
      <c r="CO12" s="103">
        <v>0</v>
      </c>
      <c r="CP12" s="101">
        <v>0</v>
      </c>
      <c r="CQ12" s="104">
        <v>3989060</v>
      </c>
      <c r="CR12" s="104">
        <v>5203459</v>
      </c>
      <c r="CS12" s="104">
        <v>4146217</v>
      </c>
      <c r="CT12" s="104">
        <v>986627</v>
      </c>
      <c r="CU12" s="104">
        <v>883325</v>
      </c>
      <c r="CV12" s="103">
        <v>15208688</v>
      </c>
      <c r="CW12" s="106">
        <v>15208688</v>
      </c>
      <c r="CX12" s="100">
        <v>92814</v>
      </c>
      <c r="CY12" s="104">
        <v>236583</v>
      </c>
      <c r="CZ12" s="103">
        <v>329397</v>
      </c>
      <c r="DA12" s="100">
        <v>0</v>
      </c>
      <c r="DB12" s="104">
        <v>420158</v>
      </c>
      <c r="DC12" s="104">
        <v>1110825</v>
      </c>
      <c r="DD12" s="104">
        <v>869648</v>
      </c>
      <c r="DE12" s="104">
        <v>501608</v>
      </c>
      <c r="DF12" s="104">
        <v>0</v>
      </c>
      <c r="DG12" s="103">
        <v>2902239</v>
      </c>
      <c r="DH12" s="106">
        <v>3231636</v>
      </c>
      <c r="DI12" s="100">
        <v>0</v>
      </c>
      <c r="DJ12" s="104">
        <v>24311</v>
      </c>
      <c r="DK12" s="102">
        <v>24311</v>
      </c>
      <c r="DL12" s="101">
        <v>0</v>
      </c>
      <c r="DM12" s="104">
        <v>388854</v>
      </c>
      <c r="DN12" s="104">
        <v>1762956</v>
      </c>
      <c r="DO12" s="104">
        <v>1159187</v>
      </c>
      <c r="DP12" s="104">
        <v>1869248</v>
      </c>
      <c r="DQ12" s="104">
        <v>864160</v>
      </c>
      <c r="DR12" s="103">
        <v>6044405</v>
      </c>
      <c r="DS12" s="106">
        <v>6068716</v>
      </c>
      <c r="DT12" s="100">
        <v>0</v>
      </c>
      <c r="DU12" s="104">
        <v>24311</v>
      </c>
      <c r="DV12" s="103">
        <v>24311</v>
      </c>
      <c r="DW12" s="100">
        <v>0</v>
      </c>
      <c r="DX12" s="104">
        <v>375781</v>
      </c>
      <c r="DY12" s="104">
        <v>1762956</v>
      </c>
      <c r="DZ12" s="104">
        <v>1087862</v>
      </c>
      <c r="EA12" s="104">
        <v>1794524</v>
      </c>
      <c r="EB12" s="104">
        <v>864160</v>
      </c>
      <c r="EC12" s="103">
        <v>5885283</v>
      </c>
      <c r="ED12" s="106">
        <v>5909594</v>
      </c>
      <c r="EE12" s="100">
        <v>0</v>
      </c>
      <c r="EF12" s="102">
        <v>0</v>
      </c>
      <c r="EG12" s="103">
        <v>0</v>
      </c>
      <c r="EH12" s="100">
        <v>0</v>
      </c>
      <c r="EI12" s="104">
        <v>13073</v>
      </c>
      <c r="EJ12" s="104">
        <v>0</v>
      </c>
      <c r="EK12" s="104">
        <v>71325</v>
      </c>
      <c r="EL12" s="104">
        <v>74724</v>
      </c>
      <c r="EM12" s="104">
        <v>0</v>
      </c>
      <c r="EN12" s="102">
        <v>159122</v>
      </c>
      <c r="EO12" s="106">
        <v>159122</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326690</v>
      </c>
      <c r="FM12" s="104">
        <v>535010</v>
      </c>
      <c r="FN12" s="103">
        <v>861700</v>
      </c>
      <c r="FO12" s="100">
        <v>0</v>
      </c>
      <c r="FP12" s="104">
        <v>555807</v>
      </c>
      <c r="FQ12" s="104">
        <v>1968369</v>
      </c>
      <c r="FR12" s="104">
        <v>1510324</v>
      </c>
      <c r="FS12" s="104">
        <v>1199867</v>
      </c>
      <c r="FT12" s="104">
        <v>1007566</v>
      </c>
      <c r="FU12" s="103">
        <v>6241933</v>
      </c>
      <c r="FV12" s="106">
        <v>7103633</v>
      </c>
      <c r="FW12" s="105">
        <v>180677</v>
      </c>
      <c r="FX12" s="104">
        <v>436940</v>
      </c>
      <c r="FY12" s="102">
        <v>617617</v>
      </c>
      <c r="FZ12" s="101">
        <v>0</v>
      </c>
      <c r="GA12" s="104">
        <v>489398</v>
      </c>
      <c r="GB12" s="104">
        <v>1950179</v>
      </c>
      <c r="GC12" s="104">
        <v>1452864</v>
      </c>
      <c r="GD12" s="104">
        <v>1091339</v>
      </c>
      <c r="GE12" s="104">
        <v>969878</v>
      </c>
      <c r="GF12" s="103">
        <v>5953658</v>
      </c>
      <c r="GG12" s="296">
        <v>6571275</v>
      </c>
      <c r="GH12" s="105">
        <v>0</v>
      </c>
      <c r="GI12" s="104">
        <v>0</v>
      </c>
      <c r="GJ12" s="102">
        <v>0</v>
      </c>
      <c r="GK12" s="101">
        <v>0</v>
      </c>
      <c r="GL12" s="104">
        <v>15939</v>
      </c>
      <c r="GM12" s="104">
        <v>18190</v>
      </c>
      <c r="GN12" s="104">
        <v>57460</v>
      </c>
      <c r="GO12" s="104">
        <v>108528</v>
      </c>
      <c r="GP12" s="104">
        <v>20328</v>
      </c>
      <c r="GQ12" s="103">
        <v>220445</v>
      </c>
      <c r="GR12" s="106">
        <v>220445</v>
      </c>
      <c r="GS12" s="100">
        <v>146013</v>
      </c>
      <c r="GT12" s="104">
        <v>98070</v>
      </c>
      <c r="GU12" s="103">
        <v>244083</v>
      </c>
      <c r="GV12" s="100">
        <v>0</v>
      </c>
      <c r="GW12" s="104">
        <v>50470</v>
      </c>
      <c r="GX12" s="104">
        <v>0</v>
      </c>
      <c r="GY12" s="104">
        <v>0</v>
      </c>
      <c r="GZ12" s="104">
        <v>0</v>
      </c>
      <c r="HA12" s="104">
        <v>17360</v>
      </c>
      <c r="HB12" s="102">
        <v>67830</v>
      </c>
      <c r="HC12" s="106">
        <v>311913</v>
      </c>
      <c r="HD12" s="100">
        <v>405558</v>
      </c>
      <c r="HE12" s="104">
        <v>825305</v>
      </c>
      <c r="HF12" s="102">
        <v>1230863</v>
      </c>
      <c r="HG12" s="101">
        <v>0</v>
      </c>
      <c r="HH12" s="104">
        <v>4589814</v>
      </c>
      <c r="HI12" s="104">
        <v>3974583</v>
      </c>
      <c r="HJ12" s="104">
        <v>5335878</v>
      </c>
      <c r="HK12" s="104">
        <v>5443201</v>
      </c>
      <c r="HL12" s="104">
        <v>4294469</v>
      </c>
      <c r="HM12" s="103">
        <v>23637945</v>
      </c>
      <c r="HN12" s="99">
        <v>24868808</v>
      </c>
      <c r="HO12" s="306"/>
      <c r="HP12" s="307"/>
      <c r="HQ12" s="308"/>
      <c r="HR12" s="309"/>
      <c r="HS12" s="307"/>
      <c r="HT12" s="307"/>
      <c r="HU12" s="307"/>
      <c r="HV12" s="307"/>
      <c r="HW12" s="307"/>
      <c r="HX12" s="310"/>
      <c r="HY12" s="311"/>
      <c r="HZ12" s="118">
        <v>29012</v>
      </c>
      <c r="IA12" s="119">
        <v>67075</v>
      </c>
      <c r="IB12" s="120">
        <v>96087</v>
      </c>
      <c r="IC12" s="121">
        <v>0</v>
      </c>
      <c r="ID12" s="122">
        <v>2166208</v>
      </c>
      <c r="IE12" s="123">
        <v>5042596</v>
      </c>
      <c r="IF12" s="124">
        <v>4759943</v>
      </c>
      <c r="IG12" s="122">
        <v>4464934</v>
      </c>
      <c r="IH12" s="124">
        <v>1943149</v>
      </c>
      <c r="II12" s="125">
        <v>18376830</v>
      </c>
      <c r="IJ12" s="126">
        <v>18472917</v>
      </c>
      <c r="IK12" s="219">
        <v>0</v>
      </c>
      <c r="IL12" s="223">
        <v>0</v>
      </c>
      <c r="IM12" s="224">
        <v>0</v>
      </c>
      <c r="IN12" s="127"/>
      <c r="IO12" s="109">
        <v>48160</v>
      </c>
      <c r="IP12" s="109">
        <v>94803</v>
      </c>
      <c r="IQ12" s="109">
        <v>0</v>
      </c>
      <c r="IR12" s="109">
        <v>381344</v>
      </c>
      <c r="IS12" s="109">
        <v>0</v>
      </c>
      <c r="IT12" s="128">
        <v>524307</v>
      </c>
      <c r="IU12" s="298">
        <v>524307</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997810</v>
      </c>
      <c r="JL12" s="109">
        <v>2148812</v>
      </c>
      <c r="JM12" s="109">
        <v>1594805</v>
      </c>
      <c r="JN12" s="109">
        <v>1063889</v>
      </c>
      <c r="JO12" s="109">
        <v>231962</v>
      </c>
      <c r="JP12" s="110">
        <v>6037278</v>
      </c>
      <c r="JQ12" s="298">
        <v>6037278</v>
      </c>
      <c r="JR12" s="129">
        <v>0</v>
      </c>
      <c r="JS12" s="109">
        <v>0</v>
      </c>
      <c r="JT12" s="128">
        <v>0</v>
      </c>
      <c r="JU12" s="108">
        <v>0</v>
      </c>
      <c r="JV12" s="109">
        <v>149641</v>
      </c>
      <c r="JW12" s="109">
        <v>124950</v>
      </c>
      <c r="JX12" s="109">
        <v>0</v>
      </c>
      <c r="JY12" s="109">
        <v>49457</v>
      </c>
      <c r="JZ12" s="109">
        <v>0</v>
      </c>
      <c r="KA12" s="110">
        <v>324048</v>
      </c>
      <c r="KB12" s="298">
        <v>324048</v>
      </c>
      <c r="KC12" s="221">
        <v>29012</v>
      </c>
      <c r="KD12" s="217">
        <v>67075</v>
      </c>
      <c r="KE12" s="110">
        <v>96087</v>
      </c>
      <c r="KF12" s="108">
        <v>0</v>
      </c>
      <c r="KG12" s="109">
        <v>345660</v>
      </c>
      <c r="KH12" s="109">
        <v>578361</v>
      </c>
      <c r="KI12" s="109">
        <v>834443</v>
      </c>
      <c r="KJ12" s="109">
        <v>88373</v>
      </c>
      <c r="KK12" s="109">
        <v>252491</v>
      </c>
      <c r="KL12" s="110">
        <v>2099328</v>
      </c>
      <c r="KM12" s="130">
        <v>2195415</v>
      </c>
      <c r="KN12" s="219">
        <v>0</v>
      </c>
      <c r="KO12" s="223">
        <v>0</v>
      </c>
      <c r="KP12" s="224">
        <v>0</v>
      </c>
      <c r="KQ12" s="127"/>
      <c r="KR12" s="109">
        <v>624937</v>
      </c>
      <c r="KS12" s="109">
        <v>1745306</v>
      </c>
      <c r="KT12" s="109">
        <v>1872188</v>
      </c>
      <c r="KU12" s="109">
        <v>2296433</v>
      </c>
      <c r="KV12" s="109">
        <v>1176603</v>
      </c>
      <c r="KW12" s="110">
        <v>7715467</v>
      </c>
      <c r="KX12" s="298">
        <v>7715467</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182059</v>
      </c>
      <c r="LP12" s="109">
        <v>0</v>
      </c>
      <c r="LQ12" s="109">
        <v>466516</v>
      </c>
      <c r="LR12" s="109">
        <v>0</v>
      </c>
      <c r="LS12" s="110">
        <v>648575</v>
      </c>
      <c r="LT12" s="298">
        <v>648575</v>
      </c>
      <c r="LU12" s="129">
        <v>0</v>
      </c>
      <c r="LV12" s="109">
        <v>0</v>
      </c>
      <c r="LW12" s="110">
        <v>0</v>
      </c>
      <c r="LX12" s="132"/>
      <c r="LY12" s="109">
        <v>0</v>
      </c>
      <c r="LZ12" s="109">
        <v>168305</v>
      </c>
      <c r="MA12" s="109">
        <v>458507</v>
      </c>
      <c r="MB12" s="109">
        <v>118922</v>
      </c>
      <c r="MC12" s="109">
        <v>282093</v>
      </c>
      <c r="MD12" s="110">
        <v>1027827</v>
      </c>
      <c r="ME12" s="111">
        <v>1027827</v>
      </c>
      <c r="MF12" s="129">
        <v>0</v>
      </c>
      <c r="MG12" s="109">
        <v>0</v>
      </c>
      <c r="MH12" s="110">
        <v>0</v>
      </c>
      <c r="MI12" s="132"/>
      <c r="MJ12" s="109">
        <v>464539</v>
      </c>
      <c r="MK12" s="109">
        <v>1600659</v>
      </c>
      <c r="ML12" s="109">
        <v>7203776</v>
      </c>
      <c r="MM12" s="109">
        <v>11710445</v>
      </c>
      <c r="MN12" s="109">
        <v>8158933</v>
      </c>
      <c r="MO12" s="110">
        <v>29138352</v>
      </c>
      <c r="MP12" s="130">
        <v>29138352</v>
      </c>
      <c r="MQ12" s="129">
        <v>0</v>
      </c>
      <c r="MR12" s="109">
        <v>0</v>
      </c>
      <c r="MS12" s="110">
        <v>0</v>
      </c>
      <c r="MT12" s="132"/>
      <c r="MU12" s="109">
        <v>0</v>
      </c>
      <c r="MV12" s="109">
        <v>0</v>
      </c>
      <c r="MW12" s="109">
        <v>4335892</v>
      </c>
      <c r="MX12" s="109">
        <v>7549424</v>
      </c>
      <c r="MY12" s="109">
        <v>5149567</v>
      </c>
      <c r="MZ12" s="110">
        <v>17034883</v>
      </c>
      <c r="NA12" s="130">
        <v>17034883</v>
      </c>
      <c r="NB12" s="129">
        <v>0</v>
      </c>
      <c r="NC12" s="109">
        <v>0</v>
      </c>
      <c r="ND12" s="110">
        <v>0</v>
      </c>
      <c r="NE12" s="132"/>
      <c r="NF12" s="109">
        <v>464539</v>
      </c>
      <c r="NG12" s="109">
        <v>1600659</v>
      </c>
      <c r="NH12" s="109">
        <v>2575882</v>
      </c>
      <c r="NI12" s="109">
        <v>3550069</v>
      </c>
      <c r="NJ12" s="109">
        <v>2037265</v>
      </c>
      <c r="NK12" s="110">
        <v>10228414</v>
      </c>
      <c r="NL12" s="298">
        <v>10228414</v>
      </c>
      <c r="NM12" s="129">
        <v>0</v>
      </c>
      <c r="NN12" s="109">
        <v>0</v>
      </c>
      <c r="NO12" s="110">
        <v>0</v>
      </c>
      <c r="NP12" s="132">
        <v>0</v>
      </c>
      <c r="NQ12" s="109">
        <v>0</v>
      </c>
      <c r="NR12" s="109">
        <v>0</v>
      </c>
      <c r="NS12" s="109">
        <v>0</v>
      </c>
      <c r="NT12" s="109">
        <v>253736</v>
      </c>
      <c r="NU12" s="109">
        <v>272262</v>
      </c>
      <c r="NV12" s="110">
        <v>525998</v>
      </c>
      <c r="NW12" s="111">
        <v>525998</v>
      </c>
      <c r="NX12" s="129">
        <v>0</v>
      </c>
      <c r="NY12" s="109">
        <v>0</v>
      </c>
      <c r="NZ12" s="110">
        <v>0</v>
      </c>
      <c r="OA12" s="132"/>
      <c r="OB12" s="109">
        <v>0</v>
      </c>
      <c r="OC12" s="109">
        <v>0</v>
      </c>
      <c r="OD12" s="109">
        <v>292002</v>
      </c>
      <c r="OE12" s="109">
        <v>357216</v>
      </c>
      <c r="OF12" s="109">
        <v>699839</v>
      </c>
      <c r="OG12" s="110">
        <v>1349057</v>
      </c>
      <c r="OH12" s="111">
        <v>1349057</v>
      </c>
      <c r="OI12" s="129">
        <v>1013731</v>
      </c>
      <c r="OJ12" s="109">
        <v>2460815</v>
      </c>
      <c r="OK12" s="128">
        <v>3474546</v>
      </c>
      <c r="OL12" s="108">
        <v>0</v>
      </c>
      <c r="OM12" s="109">
        <v>15874452</v>
      </c>
      <c r="ON12" s="109">
        <v>27856202</v>
      </c>
      <c r="OO12" s="109">
        <v>30476899</v>
      </c>
      <c r="OP12" s="109">
        <v>32749969</v>
      </c>
      <c r="OQ12" s="109">
        <v>23633252</v>
      </c>
      <c r="OR12" s="110">
        <v>130590774</v>
      </c>
      <c r="OS12" s="130">
        <v>134065320</v>
      </c>
    </row>
    <row r="13" spans="2:409" ht="21" customHeight="1" x14ac:dyDescent="0.2">
      <c r="B13" s="472" t="s">
        <v>7</v>
      </c>
      <c r="C13" s="100">
        <v>995983</v>
      </c>
      <c r="D13" s="104">
        <v>604935</v>
      </c>
      <c r="E13" s="103">
        <v>1600918</v>
      </c>
      <c r="F13" s="99">
        <v>0</v>
      </c>
      <c r="G13" s="104">
        <v>11473190</v>
      </c>
      <c r="H13" s="104">
        <v>9041346</v>
      </c>
      <c r="I13" s="104">
        <v>8160024</v>
      </c>
      <c r="J13" s="104">
        <v>7828673</v>
      </c>
      <c r="K13" s="104">
        <v>7566864</v>
      </c>
      <c r="L13" s="99">
        <v>44070097</v>
      </c>
      <c r="M13" s="106">
        <v>45671015</v>
      </c>
      <c r="N13" s="100">
        <v>214756</v>
      </c>
      <c r="O13" s="104">
        <v>105370</v>
      </c>
      <c r="P13" s="103">
        <v>320126</v>
      </c>
      <c r="Q13" s="100">
        <v>0</v>
      </c>
      <c r="R13" s="104">
        <v>3295294</v>
      </c>
      <c r="S13" s="104">
        <v>3057884</v>
      </c>
      <c r="T13" s="104">
        <v>2300550</v>
      </c>
      <c r="U13" s="104">
        <v>2301398</v>
      </c>
      <c r="V13" s="104">
        <v>3002054</v>
      </c>
      <c r="W13" s="103">
        <v>13957180</v>
      </c>
      <c r="X13" s="106">
        <v>14277306</v>
      </c>
      <c r="Y13" s="100">
        <v>0</v>
      </c>
      <c r="Z13" s="104">
        <v>0</v>
      </c>
      <c r="AA13" s="103">
        <v>0</v>
      </c>
      <c r="AB13" s="100">
        <v>0</v>
      </c>
      <c r="AC13" s="104">
        <v>1518420</v>
      </c>
      <c r="AD13" s="104">
        <v>1148814</v>
      </c>
      <c r="AE13" s="104">
        <v>1257150</v>
      </c>
      <c r="AF13" s="104">
        <v>2112086</v>
      </c>
      <c r="AG13" s="104">
        <v>1465859</v>
      </c>
      <c r="AH13" s="103">
        <v>7502329</v>
      </c>
      <c r="AI13" s="106">
        <v>7502329</v>
      </c>
      <c r="AJ13" s="100">
        <v>0</v>
      </c>
      <c r="AK13" s="104">
        <v>0</v>
      </c>
      <c r="AL13" s="103">
        <v>0</v>
      </c>
      <c r="AM13" s="100">
        <v>0</v>
      </c>
      <c r="AN13" s="104">
        <v>51149</v>
      </c>
      <c r="AO13" s="104">
        <v>132992</v>
      </c>
      <c r="AP13" s="104">
        <v>20462</v>
      </c>
      <c r="AQ13" s="104">
        <v>39872</v>
      </c>
      <c r="AR13" s="104">
        <v>407916</v>
      </c>
      <c r="AS13" s="103">
        <v>652391</v>
      </c>
      <c r="AT13" s="106">
        <v>652391</v>
      </c>
      <c r="AU13" s="100">
        <v>26887</v>
      </c>
      <c r="AV13" s="104">
        <v>22574</v>
      </c>
      <c r="AW13" s="103">
        <v>49461</v>
      </c>
      <c r="AX13" s="100">
        <v>0</v>
      </c>
      <c r="AY13" s="104">
        <v>971399</v>
      </c>
      <c r="AZ13" s="104">
        <v>1176990</v>
      </c>
      <c r="BA13" s="104">
        <v>693292</v>
      </c>
      <c r="BB13" s="104">
        <v>-433126</v>
      </c>
      <c r="BC13" s="104">
        <v>774772</v>
      </c>
      <c r="BD13" s="103">
        <v>3183327</v>
      </c>
      <c r="BE13" s="106">
        <v>3232788</v>
      </c>
      <c r="BF13" s="100">
        <v>18196</v>
      </c>
      <c r="BG13" s="104">
        <v>0</v>
      </c>
      <c r="BH13" s="102">
        <v>18196</v>
      </c>
      <c r="BI13" s="101">
        <v>0</v>
      </c>
      <c r="BJ13" s="104">
        <v>38940</v>
      </c>
      <c r="BK13" s="104">
        <v>204302</v>
      </c>
      <c r="BL13" s="104">
        <v>18137</v>
      </c>
      <c r="BM13" s="104">
        <v>61612</v>
      </c>
      <c r="BN13" s="104">
        <v>0</v>
      </c>
      <c r="BO13" s="103">
        <v>322991</v>
      </c>
      <c r="BP13" s="106">
        <v>341187</v>
      </c>
      <c r="BQ13" s="100">
        <v>169673</v>
      </c>
      <c r="BR13" s="104">
        <v>82796</v>
      </c>
      <c r="BS13" s="103">
        <v>252469</v>
      </c>
      <c r="BT13" s="100">
        <v>0</v>
      </c>
      <c r="BU13" s="104">
        <v>715386</v>
      </c>
      <c r="BV13" s="104">
        <v>394786</v>
      </c>
      <c r="BW13" s="104">
        <v>311509</v>
      </c>
      <c r="BX13" s="104">
        <v>520954</v>
      </c>
      <c r="BY13" s="104">
        <v>353507</v>
      </c>
      <c r="BZ13" s="103">
        <v>2296142</v>
      </c>
      <c r="CA13" s="106">
        <v>2548611</v>
      </c>
      <c r="CB13" s="100">
        <v>74408</v>
      </c>
      <c r="CC13" s="104">
        <v>103225</v>
      </c>
      <c r="CD13" s="103">
        <v>177633</v>
      </c>
      <c r="CE13" s="100">
        <v>0</v>
      </c>
      <c r="CF13" s="104">
        <v>2796256</v>
      </c>
      <c r="CG13" s="104">
        <v>1904268</v>
      </c>
      <c r="CH13" s="104">
        <v>2088449</v>
      </c>
      <c r="CI13" s="104">
        <v>1250180</v>
      </c>
      <c r="CJ13" s="104">
        <v>600356</v>
      </c>
      <c r="CK13" s="103">
        <v>8639509</v>
      </c>
      <c r="CL13" s="106">
        <v>8817142</v>
      </c>
      <c r="CM13" s="100">
        <v>0</v>
      </c>
      <c r="CN13" s="104">
        <v>0</v>
      </c>
      <c r="CO13" s="103">
        <v>0</v>
      </c>
      <c r="CP13" s="101">
        <v>0</v>
      </c>
      <c r="CQ13" s="104">
        <v>2172722</v>
      </c>
      <c r="CR13" s="104">
        <v>1500100</v>
      </c>
      <c r="CS13" s="104">
        <v>1439572</v>
      </c>
      <c r="CT13" s="104">
        <v>662104</v>
      </c>
      <c r="CU13" s="104">
        <v>457754</v>
      </c>
      <c r="CV13" s="103">
        <v>6232252</v>
      </c>
      <c r="CW13" s="106">
        <v>6232252</v>
      </c>
      <c r="CX13" s="100">
        <v>74408</v>
      </c>
      <c r="CY13" s="104">
        <v>103225</v>
      </c>
      <c r="CZ13" s="103">
        <v>177633</v>
      </c>
      <c r="DA13" s="100">
        <v>0</v>
      </c>
      <c r="DB13" s="104">
        <v>623534</v>
      </c>
      <c r="DC13" s="104">
        <v>404168</v>
      </c>
      <c r="DD13" s="104">
        <v>648877</v>
      </c>
      <c r="DE13" s="104">
        <v>588076</v>
      </c>
      <c r="DF13" s="104">
        <v>142602</v>
      </c>
      <c r="DG13" s="103">
        <v>2407257</v>
      </c>
      <c r="DH13" s="106">
        <v>2584890</v>
      </c>
      <c r="DI13" s="100">
        <v>0</v>
      </c>
      <c r="DJ13" s="104">
        <v>0</v>
      </c>
      <c r="DK13" s="102">
        <v>0</v>
      </c>
      <c r="DL13" s="101">
        <v>0</v>
      </c>
      <c r="DM13" s="104">
        <v>340498</v>
      </c>
      <c r="DN13" s="104">
        <v>345666</v>
      </c>
      <c r="DO13" s="104">
        <v>258419</v>
      </c>
      <c r="DP13" s="104">
        <v>636269</v>
      </c>
      <c r="DQ13" s="104">
        <v>807542</v>
      </c>
      <c r="DR13" s="103">
        <v>2388394</v>
      </c>
      <c r="DS13" s="106">
        <v>2388394</v>
      </c>
      <c r="DT13" s="100">
        <v>0</v>
      </c>
      <c r="DU13" s="104">
        <v>0</v>
      </c>
      <c r="DV13" s="103">
        <v>0</v>
      </c>
      <c r="DW13" s="100">
        <v>0</v>
      </c>
      <c r="DX13" s="104">
        <v>295387</v>
      </c>
      <c r="DY13" s="104">
        <v>345666</v>
      </c>
      <c r="DZ13" s="104">
        <v>231654</v>
      </c>
      <c r="EA13" s="104">
        <v>636269</v>
      </c>
      <c r="EB13" s="104">
        <v>807542</v>
      </c>
      <c r="EC13" s="103">
        <v>2316518</v>
      </c>
      <c r="ED13" s="106">
        <v>2316518</v>
      </c>
      <c r="EE13" s="100">
        <v>0</v>
      </c>
      <c r="EF13" s="102">
        <v>0</v>
      </c>
      <c r="EG13" s="103">
        <v>0</v>
      </c>
      <c r="EH13" s="100">
        <v>0</v>
      </c>
      <c r="EI13" s="104">
        <v>45111</v>
      </c>
      <c r="EJ13" s="104">
        <v>0</v>
      </c>
      <c r="EK13" s="104">
        <v>26765</v>
      </c>
      <c r="EL13" s="104">
        <v>0</v>
      </c>
      <c r="EM13" s="104">
        <v>0</v>
      </c>
      <c r="EN13" s="102">
        <v>71876</v>
      </c>
      <c r="EO13" s="106">
        <v>71876</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40810</v>
      </c>
      <c r="FM13" s="104">
        <v>75082</v>
      </c>
      <c r="FN13" s="103">
        <v>115892</v>
      </c>
      <c r="FO13" s="100">
        <v>0</v>
      </c>
      <c r="FP13" s="104">
        <v>474964</v>
      </c>
      <c r="FQ13" s="104">
        <v>973203</v>
      </c>
      <c r="FR13" s="104">
        <v>632499</v>
      </c>
      <c r="FS13" s="104">
        <v>551190</v>
      </c>
      <c r="FT13" s="104">
        <v>364147</v>
      </c>
      <c r="FU13" s="103">
        <v>2996003</v>
      </c>
      <c r="FV13" s="106">
        <v>3111895</v>
      </c>
      <c r="FW13" s="105">
        <v>40810</v>
      </c>
      <c r="FX13" s="104">
        <v>75082</v>
      </c>
      <c r="FY13" s="102">
        <v>115892</v>
      </c>
      <c r="FZ13" s="101">
        <v>0</v>
      </c>
      <c r="GA13" s="104">
        <v>367934</v>
      </c>
      <c r="GB13" s="104">
        <v>839923</v>
      </c>
      <c r="GC13" s="104">
        <v>632499</v>
      </c>
      <c r="GD13" s="104">
        <v>398590</v>
      </c>
      <c r="GE13" s="104">
        <v>364147</v>
      </c>
      <c r="GF13" s="103">
        <v>2603093</v>
      </c>
      <c r="GG13" s="296">
        <v>2718985</v>
      </c>
      <c r="GH13" s="105">
        <v>0</v>
      </c>
      <c r="GI13" s="104">
        <v>0</v>
      </c>
      <c r="GJ13" s="102">
        <v>0</v>
      </c>
      <c r="GK13" s="101">
        <v>0</v>
      </c>
      <c r="GL13" s="104">
        <v>16324</v>
      </c>
      <c r="GM13" s="104">
        <v>18480</v>
      </c>
      <c r="GN13" s="104">
        <v>0</v>
      </c>
      <c r="GO13" s="104">
        <v>12600</v>
      </c>
      <c r="GP13" s="104">
        <v>0</v>
      </c>
      <c r="GQ13" s="103">
        <v>47404</v>
      </c>
      <c r="GR13" s="106">
        <v>47404</v>
      </c>
      <c r="GS13" s="100">
        <v>0</v>
      </c>
      <c r="GT13" s="104">
        <v>0</v>
      </c>
      <c r="GU13" s="103">
        <v>0</v>
      </c>
      <c r="GV13" s="100">
        <v>0</v>
      </c>
      <c r="GW13" s="104">
        <v>90706</v>
      </c>
      <c r="GX13" s="104">
        <v>114800</v>
      </c>
      <c r="GY13" s="104">
        <v>0</v>
      </c>
      <c r="GZ13" s="104">
        <v>140000</v>
      </c>
      <c r="HA13" s="104">
        <v>0</v>
      </c>
      <c r="HB13" s="102">
        <v>345506</v>
      </c>
      <c r="HC13" s="106">
        <v>345506</v>
      </c>
      <c r="HD13" s="100">
        <v>666009</v>
      </c>
      <c r="HE13" s="104">
        <v>321258</v>
      </c>
      <c r="HF13" s="102">
        <v>987267</v>
      </c>
      <c r="HG13" s="101">
        <v>0</v>
      </c>
      <c r="HH13" s="104">
        <v>4566178</v>
      </c>
      <c r="HI13" s="104">
        <v>2760325</v>
      </c>
      <c r="HJ13" s="104">
        <v>2880107</v>
      </c>
      <c r="HK13" s="104">
        <v>3089636</v>
      </c>
      <c r="HL13" s="104">
        <v>2792765</v>
      </c>
      <c r="HM13" s="103">
        <v>16089011</v>
      </c>
      <c r="HN13" s="99">
        <v>17076278</v>
      </c>
      <c r="HO13" s="306"/>
      <c r="HP13" s="307"/>
      <c r="HQ13" s="308"/>
      <c r="HR13" s="309"/>
      <c r="HS13" s="307"/>
      <c r="HT13" s="307"/>
      <c r="HU13" s="307"/>
      <c r="HV13" s="307"/>
      <c r="HW13" s="307"/>
      <c r="HX13" s="310"/>
      <c r="HY13" s="311"/>
      <c r="HZ13" s="118">
        <v>42744</v>
      </c>
      <c r="IA13" s="119">
        <v>0</v>
      </c>
      <c r="IB13" s="120">
        <v>42744</v>
      </c>
      <c r="IC13" s="133">
        <v>0</v>
      </c>
      <c r="ID13" s="119">
        <v>1786918</v>
      </c>
      <c r="IE13" s="134">
        <v>1883954</v>
      </c>
      <c r="IF13" s="120">
        <v>2570429</v>
      </c>
      <c r="IG13" s="119">
        <v>1203670</v>
      </c>
      <c r="IH13" s="120">
        <v>831609</v>
      </c>
      <c r="II13" s="135">
        <v>8276580</v>
      </c>
      <c r="IJ13" s="126">
        <v>8319324</v>
      </c>
      <c r="IK13" s="219">
        <v>0</v>
      </c>
      <c r="IL13" s="223">
        <v>0</v>
      </c>
      <c r="IM13" s="224">
        <v>0</v>
      </c>
      <c r="IN13" s="127"/>
      <c r="IO13" s="109">
        <v>79363</v>
      </c>
      <c r="IP13" s="109">
        <v>0</v>
      </c>
      <c r="IQ13" s="109">
        <v>147867</v>
      </c>
      <c r="IR13" s="109">
        <v>0</v>
      </c>
      <c r="IS13" s="109">
        <v>0</v>
      </c>
      <c r="IT13" s="128">
        <v>227230</v>
      </c>
      <c r="IU13" s="298">
        <v>227230</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1286885</v>
      </c>
      <c r="JL13" s="109">
        <v>874016</v>
      </c>
      <c r="JM13" s="109">
        <v>414717</v>
      </c>
      <c r="JN13" s="109">
        <v>62300</v>
      </c>
      <c r="JO13" s="109">
        <v>96162</v>
      </c>
      <c r="JP13" s="110">
        <v>2734080</v>
      </c>
      <c r="JQ13" s="298">
        <v>2734080</v>
      </c>
      <c r="JR13" s="129">
        <v>0</v>
      </c>
      <c r="JS13" s="109">
        <v>0</v>
      </c>
      <c r="JT13" s="128">
        <v>0</v>
      </c>
      <c r="JU13" s="108">
        <v>0</v>
      </c>
      <c r="JV13" s="109">
        <v>148393</v>
      </c>
      <c r="JW13" s="109">
        <v>293159</v>
      </c>
      <c r="JX13" s="109">
        <v>461373</v>
      </c>
      <c r="JY13" s="109">
        <v>219983</v>
      </c>
      <c r="JZ13" s="109">
        <v>0</v>
      </c>
      <c r="KA13" s="110">
        <v>1122908</v>
      </c>
      <c r="KB13" s="298">
        <v>1122908</v>
      </c>
      <c r="KC13" s="221">
        <v>42744</v>
      </c>
      <c r="KD13" s="217">
        <v>0</v>
      </c>
      <c r="KE13" s="110">
        <v>42744</v>
      </c>
      <c r="KF13" s="108">
        <v>0</v>
      </c>
      <c r="KG13" s="109">
        <v>0</v>
      </c>
      <c r="KH13" s="109">
        <v>277098</v>
      </c>
      <c r="KI13" s="109">
        <v>196070</v>
      </c>
      <c r="KJ13" s="109">
        <v>0</v>
      </c>
      <c r="KK13" s="109">
        <v>0</v>
      </c>
      <c r="KL13" s="110">
        <v>473168</v>
      </c>
      <c r="KM13" s="130">
        <v>515912</v>
      </c>
      <c r="KN13" s="219">
        <v>0</v>
      </c>
      <c r="KO13" s="223">
        <v>0</v>
      </c>
      <c r="KP13" s="224">
        <v>0</v>
      </c>
      <c r="KQ13" s="127"/>
      <c r="KR13" s="109">
        <v>272277</v>
      </c>
      <c r="KS13" s="109">
        <v>439681</v>
      </c>
      <c r="KT13" s="109">
        <v>1350402</v>
      </c>
      <c r="KU13" s="109">
        <v>921387</v>
      </c>
      <c r="KV13" s="109">
        <v>466944</v>
      </c>
      <c r="KW13" s="110">
        <v>3450691</v>
      </c>
      <c r="KX13" s="298">
        <v>3450691</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0</v>
      </c>
      <c r="LZ13" s="109">
        <v>0</v>
      </c>
      <c r="MA13" s="109">
        <v>0</v>
      </c>
      <c r="MB13" s="109">
        <v>0</v>
      </c>
      <c r="MC13" s="109">
        <v>268503</v>
      </c>
      <c r="MD13" s="110">
        <v>268503</v>
      </c>
      <c r="ME13" s="111">
        <v>268503</v>
      </c>
      <c r="MF13" s="129">
        <v>0</v>
      </c>
      <c r="MG13" s="109">
        <v>0</v>
      </c>
      <c r="MH13" s="110">
        <v>0</v>
      </c>
      <c r="MI13" s="132"/>
      <c r="MJ13" s="109">
        <v>517900</v>
      </c>
      <c r="MK13" s="109">
        <v>434838</v>
      </c>
      <c r="ML13" s="109">
        <v>1969732</v>
      </c>
      <c r="MM13" s="109">
        <v>4975550</v>
      </c>
      <c r="MN13" s="109">
        <v>2135021</v>
      </c>
      <c r="MO13" s="110">
        <v>10033041</v>
      </c>
      <c r="MP13" s="130">
        <v>10033041</v>
      </c>
      <c r="MQ13" s="129">
        <v>0</v>
      </c>
      <c r="MR13" s="109">
        <v>0</v>
      </c>
      <c r="MS13" s="110">
        <v>0</v>
      </c>
      <c r="MT13" s="132"/>
      <c r="MU13" s="109">
        <v>0</v>
      </c>
      <c r="MV13" s="109">
        <v>209610</v>
      </c>
      <c r="MW13" s="109">
        <v>1220984</v>
      </c>
      <c r="MX13" s="109">
        <v>3244581</v>
      </c>
      <c r="MY13" s="109">
        <v>1614978</v>
      </c>
      <c r="MZ13" s="110">
        <v>6290153</v>
      </c>
      <c r="NA13" s="130">
        <v>6290153</v>
      </c>
      <c r="NB13" s="129">
        <v>0</v>
      </c>
      <c r="NC13" s="109">
        <v>0</v>
      </c>
      <c r="ND13" s="110">
        <v>0</v>
      </c>
      <c r="NE13" s="132"/>
      <c r="NF13" s="109">
        <v>517900</v>
      </c>
      <c r="NG13" s="109">
        <v>225228</v>
      </c>
      <c r="NH13" s="109">
        <v>748748</v>
      </c>
      <c r="NI13" s="109">
        <v>1730969</v>
      </c>
      <c r="NJ13" s="109">
        <v>520043</v>
      </c>
      <c r="NK13" s="110">
        <v>3742888</v>
      </c>
      <c r="NL13" s="298">
        <v>3742888</v>
      </c>
      <c r="NM13" s="129">
        <v>0</v>
      </c>
      <c r="NN13" s="109">
        <v>0</v>
      </c>
      <c r="NO13" s="110">
        <v>0</v>
      </c>
      <c r="NP13" s="132">
        <v>0</v>
      </c>
      <c r="NQ13" s="109">
        <v>0</v>
      </c>
      <c r="NR13" s="109">
        <v>0</v>
      </c>
      <c r="NS13" s="109">
        <v>0</v>
      </c>
      <c r="NT13" s="109">
        <v>0</v>
      </c>
      <c r="NU13" s="109">
        <v>0</v>
      </c>
      <c r="NV13" s="110">
        <v>0</v>
      </c>
      <c r="NW13" s="111">
        <v>0</v>
      </c>
      <c r="NX13" s="129">
        <v>0</v>
      </c>
      <c r="NY13" s="109">
        <v>0</v>
      </c>
      <c r="NZ13" s="110">
        <v>0</v>
      </c>
      <c r="OA13" s="132"/>
      <c r="OB13" s="109">
        <v>0</v>
      </c>
      <c r="OC13" s="109">
        <v>0</v>
      </c>
      <c r="OD13" s="109">
        <v>0</v>
      </c>
      <c r="OE13" s="109">
        <v>0</v>
      </c>
      <c r="OF13" s="109">
        <v>0</v>
      </c>
      <c r="OG13" s="110">
        <v>0</v>
      </c>
      <c r="OH13" s="111">
        <v>0</v>
      </c>
      <c r="OI13" s="129">
        <v>1038727</v>
      </c>
      <c r="OJ13" s="109">
        <v>604935</v>
      </c>
      <c r="OK13" s="128">
        <v>1643662</v>
      </c>
      <c r="OL13" s="108">
        <v>0</v>
      </c>
      <c r="OM13" s="109">
        <v>13778008</v>
      </c>
      <c r="ON13" s="109">
        <v>11360138</v>
      </c>
      <c r="OO13" s="109">
        <v>12700185</v>
      </c>
      <c r="OP13" s="109">
        <v>14007893</v>
      </c>
      <c r="OQ13" s="109">
        <v>10533494</v>
      </c>
      <c r="OR13" s="110">
        <v>62379718</v>
      </c>
      <c r="OS13" s="130">
        <v>64023380</v>
      </c>
    </row>
    <row r="14" spans="2:409" ht="21" customHeight="1" x14ac:dyDescent="0.2">
      <c r="B14" s="472" t="s">
        <v>8</v>
      </c>
      <c r="C14" s="100">
        <v>840336</v>
      </c>
      <c r="D14" s="104">
        <v>668162</v>
      </c>
      <c r="E14" s="103">
        <v>1508498</v>
      </c>
      <c r="F14" s="99">
        <v>0</v>
      </c>
      <c r="G14" s="104">
        <v>6000372</v>
      </c>
      <c r="H14" s="104">
        <v>6192531</v>
      </c>
      <c r="I14" s="104">
        <v>5882143</v>
      </c>
      <c r="J14" s="104">
        <v>7368685</v>
      </c>
      <c r="K14" s="104">
        <v>3895828</v>
      </c>
      <c r="L14" s="99">
        <v>29339559</v>
      </c>
      <c r="M14" s="106">
        <v>30848057</v>
      </c>
      <c r="N14" s="100">
        <v>134696</v>
      </c>
      <c r="O14" s="104">
        <v>142257</v>
      </c>
      <c r="P14" s="103">
        <v>276953</v>
      </c>
      <c r="Q14" s="100">
        <v>0</v>
      </c>
      <c r="R14" s="104">
        <v>1801933</v>
      </c>
      <c r="S14" s="104">
        <v>1758887</v>
      </c>
      <c r="T14" s="104">
        <v>1951500</v>
      </c>
      <c r="U14" s="104">
        <v>2106223</v>
      </c>
      <c r="V14" s="104">
        <v>1659077</v>
      </c>
      <c r="W14" s="103">
        <v>9277620</v>
      </c>
      <c r="X14" s="106">
        <v>9554573</v>
      </c>
      <c r="Y14" s="100">
        <v>0</v>
      </c>
      <c r="Z14" s="104">
        <v>0</v>
      </c>
      <c r="AA14" s="103">
        <v>0</v>
      </c>
      <c r="AB14" s="100">
        <v>0</v>
      </c>
      <c r="AC14" s="104">
        <v>682776</v>
      </c>
      <c r="AD14" s="104">
        <v>591376</v>
      </c>
      <c r="AE14" s="104">
        <v>1074621</v>
      </c>
      <c r="AF14" s="104">
        <v>1070239</v>
      </c>
      <c r="AG14" s="104">
        <v>1004911</v>
      </c>
      <c r="AH14" s="103">
        <v>4423923</v>
      </c>
      <c r="AI14" s="106">
        <v>4423923</v>
      </c>
      <c r="AJ14" s="100">
        <v>0</v>
      </c>
      <c r="AK14" s="104">
        <v>0</v>
      </c>
      <c r="AL14" s="103">
        <v>0</v>
      </c>
      <c r="AM14" s="100">
        <v>0</v>
      </c>
      <c r="AN14" s="104">
        <v>0</v>
      </c>
      <c r="AO14" s="104">
        <v>10088</v>
      </c>
      <c r="AP14" s="104">
        <v>72667</v>
      </c>
      <c r="AQ14" s="104">
        <v>76165</v>
      </c>
      <c r="AR14" s="104">
        <v>146960</v>
      </c>
      <c r="AS14" s="103">
        <v>305880</v>
      </c>
      <c r="AT14" s="106">
        <v>305880</v>
      </c>
      <c r="AU14" s="100">
        <v>67384</v>
      </c>
      <c r="AV14" s="104">
        <v>35726</v>
      </c>
      <c r="AW14" s="103">
        <v>103110</v>
      </c>
      <c r="AX14" s="100">
        <v>0</v>
      </c>
      <c r="AY14" s="104">
        <v>760069</v>
      </c>
      <c r="AZ14" s="104">
        <v>774956</v>
      </c>
      <c r="BA14" s="104">
        <v>369064</v>
      </c>
      <c r="BB14" s="104">
        <v>599484</v>
      </c>
      <c r="BC14" s="104">
        <v>254918</v>
      </c>
      <c r="BD14" s="103">
        <v>2758491</v>
      </c>
      <c r="BE14" s="106">
        <v>2861601</v>
      </c>
      <c r="BF14" s="100">
        <v>0</v>
      </c>
      <c r="BG14" s="104">
        <v>81681</v>
      </c>
      <c r="BH14" s="102">
        <v>81681</v>
      </c>
      <c r="BI14" s="101">
        <v>0</v>
      </c>
      <c r="BJ14" s="104">
        <v>140821</v>
      </c>
      <c r="BK14" s="104">
        <v>121556</v>
      </c>
      <c r="BL14" s="104">
        <v>254051</v>
      </c>
      <c r="BM14" s="104">
        <v>51509</v>
      </c>
      <c r="BN14" s="104">
        <v>78093</v>
      </c>
      <c r="BO14" s="103">
        <v>646030</v>
      </c>
      <c r="BP14" s="106">
        <v>727711</v>
      </c>
      <c r="BQ14" s="100">
        <v>67312</v>
      </c>
      <c r="BR14" s="104">
        <v>24850</v>
      </c>
      <c r="BS14" s="103">
        <v>92162</v>
      </c>
      <c r="BT14" s="100">
        <v>0</v>
      </c>
      <c r="BU14" s="104">
        <v>218267</v>
      </c>
      <c r="BV14" s="104">
        <v>260911</v>
      </c>
      <c r="BW14" s="104">
        <v>181097</v>
      </c>
      <c r="BX14" s="104">
        <v>308826</v>
      </c>
      <c r="BY14" s="104">
        <v>174195</v>
      </c>
      <c r="BZ14" s="103">
        <v>1143296</v>
      </c>
      <c r="CA14" s="106">
        <v>1235458</v>
      </c>
      <c r="CB14" s="100">
        <v>35729</v>
      </c>
      <c r="CC14" s="104">
        <v>138251</v>
      </c>
      <c r="CD14" s="103">
        <v>173980</v>
      </c>
      <c r="CE14" s="100">
        <v>0</v>
      </c>
      <c r="CF14" s="104">
        <v>1978139</v>
      </c>
      <c r="CG14" s="104">
        <v>1876298</v>
      </c>
      <c r="CH14" s="104">
        <v>1376217</v>
      </c>
      <c r="CI14" s="104">
        <v>1400188</v>
      </c>
      <c r="CJ14" s="104">
        <v>537862</v>
      </c>
      <c r="CK14" s="103">
        <v>7168704</v>
      </c>
      <c r="CL14" s="106">
        <v>7342684</v>
      </c>
      <c r="CM14" s="100">
        <v>0</v>
      </c>
      <c r="CN14" s="104">
        <v>0</v>
      </c>
      <c r="CO14" s="103">
        <v>0</v>
      </c>
      <c r="CP14" s="101">
        <v>0</v>
      </c>
      <c r="CQ14" s="104">
        <v>1466134</v>
      </c>
      <c r="CR14" s="104">
        <v>1614269</v>
      </c>
      <c r="CS14" s="104">
        <v>729871</v>
      </c>
      <c r="CT14" s="104">
        <v>913913</v>
      </c>
      <c r="CU14" s="104">
        <v>242256</v>
      </c>
      <c r="CV14" s="103">
        <v>4966443</v>
      </c>
      <c r="CW14" s="106">
        <v>4966443</v>
      </c>
      <c r="CX14" s="100">
        <v>35729</v>
      </c>
      <c r="CY14" s="104">
        <v>138251</v>
      </c>
      <c r="CZ14" s="103">
        <v>173980</v>
      </c>
      <c r="DA14" s="100">
        <v>0</v>
      </c>
      <c r="DB14" s="104">
        <v>512005</v>
      </c>
      <c r="DC14" s="104">
        <v>262029</v>
      </c>
      <c r="DD14" s="104">
        <v>646346</v>
      </c>
      <c r="DE14" s="104">
        <v>486275</v>
      </c>
      <c r="DF14" s="104">
        <v>295606</v>
      </c>
      <c r="DG14" s="103">
        <v>2202261</v>
      </c>
      <c r="DH14" s="106">
        <v>2376241</v>
      </c>
      <c r="DI14" s="100">
        <v>0</v>
      </c>
      <c r="DJ14" s="104">
        <v>60874</v>
      </c>
      <c r="DK14" s="102">
        <v>60874</v>
      </c>
      <c r="DL14" s="101">
        <v>0</v>
      </c>
      <c r="DM14" s="104">
        <v>172297</v>
      </c>
      <c r="DN14" s="104">
        <v>468141</v>
      </c>
      <c r="DO14" s="104">
        <v>778016</v>
      </c>
      <c r="DP14" s="104">
        <v>1254092</v>
      </c>
      <c r="DQ14" s="104">
        <v>0</v>
      </c>
      <c r="DR14" s="103">
        <v>2672546</v>
      </c>
      <c r="DS14" s="106">
        <v>2733420</v>
      </c>
      <c r="DT14" s="100">
        <v>0</v>
      </c>
      <c r="DU14" s="104">
        <v>60874</v>
      </c>
      <c r="DV14" s="103">
        <v>60874</v>
      </c>
      <c r="DW14" s="100">
        <v>0</v>
      </c>
      <c r="DX14" s="104">
        <v>172297</v>
      </c>
      <c r="DY14" s="104">
        <v>468141</v>
      </c>
      <c r="DZ14" s="104">
        <v>778016</v>
      </c>
      <c r="EA14" s="104">
        <v>1196627</v>
      </c>
      <c r="EB14" s="104">
        <v>0</v>
      </c>
      <c r="EC14" s="103">
        <v>2615081</v>
      </c>
      <c r="ED14" s="106">
        <v>2675955</v>
      </c>
      <c r="EE14" s="100">
        <v>0</v>
      </c>
      <c r="EF14" s="102">
        <v>0</v>
      </c>
      <c r="EG14" s="103">
        <v>0</v>
      </c>
      <c r="EH14" s="100">
        <v>0</v>
      </c>
      <c r="EI14" s="104">
        <v>0</v>
      </c>
      <c r="EJ14" s="104">
        <v>0</v>
      </c>
      <c r="EK14" s="104">
        <v>0</v>
      </c>
      <c r="EL14" s="104">
        <v>57465</v>
      </c>
      <c r="EM14" s="104">
        <v>0</v>
      </c>
      <c r="EN14" s="102">
        <v>57465</v>
      </c>
      <c r="EO14" s="106">
        <v>57465</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82488</v>
      </c>
      <c r="FM14" s="104">
        <v>100653</v>
      </c>
      <c r="FN14" s="103">
        <v>183141</v>
      </c>
      <c r="FO14" s="100">
        <v>0</v>
      </c>
      <c r="FP14" s="104">
        <v>405020</v>
      </c>
      <c r="FQ14" s="104">
        <v>531146</v>
      </c>
      <c r="FR14" s="104">
        <v>420238</v>
      </c>
      <c r="FS14" s="104">
        <v>496909</v>
      </c>
      <c r="FT14" s="104">
        <v>199563</v>
      </c>
      <c r="FU14" s="103">
        <v>2052876</v>
      </c>
      <c r="FV14" s="106">
        <v>2236017</v>
      </c>
      <c r="FW14" s="105">
        <v>82488</v>
      </c>
      <c r="FX14" s="104">
        <v>73633</v>
      </c>
      <c r="FY14" s="102">
        <v>156121</v>
      </c>
      <c r="FZ14" s="101">
        <v>0</v>
      </c>
      <c r="GA14" s="104">
        <v>327320</v>
      </c>
      <c r="GB14" s="104">
        <v>515900</v>
      </c>
      <c r="GC14" s="104">
        <v>420238</v>
      </c>
      <c r="GD14" s="104">
        <v>496909</v>
      </c>
      <c r="GE14" s="104">
        <v>199563</v>
      </c>
      <c r="GF14" s="103">
        <v>1959930</v>
      </c>
      <c r="GG14" s="296">
        <v>2116051</v>
      </c>
      <c r="GH14" s="105">
        <v>0</v>
      </c>
      <c r="GI14" s="104">
        <v>0</v>
      </c>
      <c r="GJ14" s="102">
        <v>0</v>
      </c>
      <c r="GK14" s="101">
        <v>0</v>
      </c>
      <c r="GL14" s="104">
        <v>0</v>
      </c>
      <c r="GM14" s="104">
        <v>15246</v>
      </c>
      <c r="GN14" s="104">
        <v>0</v>
      </c>
      <c r="GO14" s="104">
        <v>0</v>
      </c>
      <c r="GP14" s="104">
        <v>0</v>
      </c>
      <c r="GQ14" s="103">
        <v>15246</v>
      </c>
      <c r="GR14" s="106">
        <v>15246</v>
      </c>
      <c r="GS14" s="100">
        <v>0</v>
      </c>
      <c r="GT14" s="104">
        <v>27020</v>
      </c>
      <c r="GU14" s="103">
        <v>27020</v>
      </c>
      <c r="GV14" s="100">
        <v>0</v>
      </c>
      <c r="GW14" s="104">
        <v>77700</v>
      </c>
      <c r="GX14" s="104">
        <v>0</v>
      </c>
      <c r="GY14" s="104">
        <v>0</v>
      </c>
      <c r="GZ14" s="104">
        <v>0</v>
      </c>
      <c r="HA14" s="104">
        <v>0</v>
      </c>
      <c r="HB14" s="102">
        <v>77700</v>
      </c>
      <c r="HC14" s="106">
        <v>104720</v>
      </c>
      <c r="HD14" s="100">
        <v>587423</v>
      </c>
      <c r="HE14" s="104">
        <v>226127</v>
      </c>
      <c r="HF14" s="102">
        <v>813550</v>
      </c>
      <c r="HG14" s="101">
        <v>0</v>
      </c>
      <c r="HH14" s="104">
        <v>1642983</v>
      </c>
      <c r="HI14" s="104">
        <v>1558059</v>
      </c>
      <c r="HJ14" s="104">
        <v>1356172</v>
      </c>
      <c r="HK14" s="104">
        <v>2111273</v>
      </c>
      <c r="HL14" s="104">
        <v>1499326</v>
      </c>
      <c r="HM14" s="103">
        <v>8167813</v>
      </c>
      <c r="HN14" s="99">
        <v>8981363</v>
      </c>
      <c r="HO14" s="306"/>
      <c r="HP14" s="307"/>
      <c r="HQ14" s="308"/>
      <c r="HR14" s="309"/>
      <c r="HS14" s="307"/>
      <c r="HT14" s="307"/>
      <c r="HU14" s="307"/>
      <c r="HV14" s="307"/>
      <c r="HW14" s="307"/>
      <c r="HX14" s="310"/>
      <c r="HY14" s="311"/>
      <c r="HZ14" s="118">
        <v>0</v>
      </c>
      <c r="IA14" s="119">
        <v>0</v>
      </c>
      <c r="IB14" s="120">
        <v>0</v>
      </c>
      <c r="IC14" s="121">
        <v>0</v>
      </c>
      <c r="ID14" s="122">
        <v>1441515</v>
      </c>
      <c r="IE14" s="123">
        <v>1631513</v>
      </c>
      <c r="IF14" s="124">
        <v>595876</v>
      </c>
      <c r="IG14" s="122">
        <v>2496326</v>
      </c>
      <c r="IH14" s="124">
        <v>373326</v>
      </c>
      <c r="II14" s="125">
        <v>6538556</v>
      </c>
      <c r="IJ14" s="126">
        <v>6538556</v>
      </c>
      <c r="IK14" s="219">
        <v>0</v>
      </c>
      <c r="IL14" s="223">
        <v>0</v>
      </c>
      <c r="IM14" s="224">
        <v>0</v>
      </c>
      <c r="IN14" s="127"/>
      <c r="IO14" s="109">
        <v>0</v>
      </c>
      <c r="IP14" s="109">
        <v>0</v>
      </c>
      <c r="IQ14" s="109">
        <v>0</v>
      </c>
      <c r="IR14" s="109">
        <v>215000</v>
      </c>
      <c r="IS14" s="109">
        <v>0</v>
      </c>
      <c r="IT14" s="128">
        <v>215000</v>
      </c>
      <c r="IU14" s="298">
        <v>215000</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1135231</v>
      </c>
      <c r="JL14" s="109">
        <v>761288</v>
      </c>
      <c r="JM14" s="109">
        <v>162738</v>
      </c>
      <c r="JN14" s="109">
        <v>698899</v>
      </c>
      <c r="JO14" s="109">
        <v>0</v>
      </c>
      <c r="JP14" s="110">
        <v>2758156</v>
      </c>
      <c r="JQ14" s="298">
        <v>2758156</v>
      </c>
      <c r="JR14" s="129">
        <v>0</v>
      </c>
      <c r="JS14" s="109">
        <v>0</v>
      </c>
      <c r="JT14" s="128">
        <v>0</v>
      </c>
      <c r="JU14" s="108">
        <v>0</v>
      </c>
      <c r="JV14" s="109">
        <v>0</v>
      </c>
      <c r="JW14" s="109">
        <v>0</v>
      </c>
      <c r="JX14" s="109">
        <v>0</v>
      </c>
      <c r="JY14" s="109">
        <v>0</v>
      </c>
      <c r="JZ14" s="109">
        <v>0</v>
      </c>
      <c r="KA14" s="110">
        <v>0</v>
      </c>
      <c r="KB14" s="298">
        <v>0</v>
      </c>
      <c r="KC14" s="221">
        <v>0</v>
      </c>
      <c r="KD14" s="217">
        <v>0</v>
      </c>
      <c r="KE14" s="110">
        <v>0</v>
      </c>
      <c r="KF14" s="108">
        <v>0</v>
      </c>
      <c r="KG14" s="109">
        <v>306284</v>
      </c>
      <c r="KH14" s="109">
        <v>0</v>
      </c>
      <c r="KI14" s="109">
        <v>207171</v>
      </c>
      <c r="KJ14" s="109">
        <v>453215</v>
      </c>
      <c r="KK14" s="109">
        <v>0</v>
      </c>
      <c r="KL14" s="110">
        <v>966670</v>
      </c>
      <c r="KM14" s="130">
        <v>966670</v>
      </c>
      <c r="KN14" s="219">
        <v>0</v>
      </c>
      <c r="KO14" s="223">
        <v>0</v>
      </c>
      <c r="KP14" s="224">
        <v>0</v>
      </c>
      <c r="KQ14" s="127"/>
      <c r="KR14" s="109">
        <v>0</v>
      </c>
      <c r="KS14" s="109">
        <v>870225</v>
      </c>
      <c r="KT14" s="109">
        <v>225967</v>
      </c>
      <c r="KU14" s="109">
        <v>684900</v>
      </c>
      <c r="KV14" s="109">
        <v>75234</v>
      </c>
      <c r="KW14" s="110">
        <v>1856326</v>
      </c>
      <c r="KX14" s="298">
        <v>1856326</v>
      </c>
      <c r="KY14" s="129">
        <v>0</v>
      </c>
      <c r="KZ14" s="109">
        <v>0</v>
      </c>
      <c r="LA14" s="110">
        <v>0</v>
      </c>
      <c r="LB14" s="132"/>
      <c r="LC14" s="109">
        <v>0</v>
      </c>
      <c r="LD14" s="109">
        <v>0</v>
      </c>
      <c r="LE14" s="109">
        <v>0</v>
      </c>
      <c r="LF14" s="109">
        <v>192347</v>
      </c>
      <c r="LG14" s="109">
        <v>33546</v>
      </c>
      <c r="LH14" s="110">
        <v>225893</v>
      </c>
      <c r="LI14" s="111">
        <v>225893</v>
      </c>
      <c r="LJ14" s="129">
        <v>0</v>
      </c>
      <c r="LK14" s="109">
        <v>0</v>
      </c>
      <c r="LL14" s="110">
        <v>0</v>
      </c>
      <c r="LM14" s="132"/>
      <c r="LN14" s="109">
        <v>0</v>
      </c>
      <c r="LO14" s="109">
        <v>0</v>
      </c>
      <c r="LP14" s="109">
        <v>0</v>
      </c>
      <c r="LQ14" s="109">
        <v>251965</v>
      </c>
      <c r="LR14" s="109">
        <v>264546</v>
      </c>
      <c r="LS14" s="110">
        <v>516511</v>
      </c>
      <c r="LT14" s="298">
        <v>516511</v>
      </c>
      <c r="LU14" s="129">
        <v>0</v>
      </c>
      <c r="LV14" s="109">
        <v>0</v>
      </c>
      <c r="LW14" s="110">
        <v>0</v>
      </c>
      <c r="LX14" s="132"/>
      <c r="LY14" s="109">
        <v>0</v>
      </c>
      <c r="LZ14" s="109">
        <v>0</v>
      </c>
      <c r="MA14" s="109">
        <v>0</v>
      </c>
      <c r="MB14" s="109">
        <v>0</v>
      </c>
      <c r="MC14" s="109">
        <v>0</v>
      </c>
      <c r="MD14" s="110">
        <v>0</v>
      </c>
      <c r="ME14" s="111">
        <v>0</v>
      </c>
      <c r="MF14" s="129">
        <v>0</v>
      </c>
      <c r="MG14" s="109">
        <v>0</v>
      </c>
      <c r="MH14" s="110">
        <v>0</v>
      </c>
      <c r="MI14" s="132"/>
      <c r="MJ14" s="109">
        <v>209976</v>
      </c>
      <c r="MK14" s="109">
        <v>1268165</v>
      </c>
      <c r="ML14" s="109">
        <v>2338877</v>
      </c>
      <c r="MM14" s="109">
        <v>3056305</v>
      </c>
      <c r="MN14" s="109">
        <v>1819967</v>
      </c>
      <c r="MO14" s="110">
        <v>8693290</v>
      </c>
      <c r="MP14" s="130">
        <v>8693290</v>
      </c>
      <c r="MQ14" s="129">
        <v>0</v>
      </c>
      <c r="MR14" s="109">
        <v>0</v>
      </c>
      <c r="MS14" s="110">
        <v>0</v>
      </c>
      <c r="MT14" s="132"/>
      <c r="MU14" s="109">
        <v>-234</v>
      </c>
      <c r="MV14" s="109">
        <v>420916</v>
      </c>
      <c r="MW14" s="109">
        <v>614384</v>
      </c>
      <c r="MX14" s="109">
        <v>2069195</v>
      </c>
      <c r="MY14" s="109">
        <v>1549583</v>
      </c>
      <c r="MZ14" s="110">
        <v>4653844</v>
      </c>
      <c r="NA14" s="130">
        <v>4653844</v>
      </c>
      <c r="NB14" s="129">
        <v>0</v>
      </c>
      <c r="NC14" s="109">
        <v>0</v>
      </c>
      <c r="ND14" s="110">
        <v>0</v>
      </c>
      <c r="NE14" s="132"/>
      <c r="NF14" s="109">
        <v>210210</v>
      </c>
      <c r="NG14" s="109">
        <v>611025</v>
      </c>
      <c r="NH14" s="109">
        <v>1647404</v>
      </c>
      <c r="NI14" s="109">
        <v>987110</v>
      </c>
      <c r="NJ14" s="109">
        <v>270384</v>
      </c>
      <c r="NK14" s="110">
        <v>3726133</v>
      </c>
      <c r="NL14" s="298">
        <v>3726133</v>
      </c>
      <c r="NM14" s="129">
        <v>0</v>
      </c>
      <c r="NN14" s="109">
        <v>0</v>
      </c>
      <c r="NO14" s="110">
        <v>0</v>
      </c>
      <c r="NP14" s="132">
        <v>0</v>
      </c>
      <c r="NQ14" s="109">
        <v>0</v>
      </c>
      <c r="NR14" s="109">
        <v>0</v>
      </c>
      <c r="NS14" s="109">
        <v>0</v>
      </c>
      <c r="NT14" s="109">
        <v>0</v>
      </c>
      <c r="NU14" s="109">
        <v>0</v>
      </c>
      <c r="NV14" s="110">
        <v>0</v>
      </c>
      <c r="NW14" s="111">
        <v>0</v>
      </c>
      <c r="NX14" s="129">
        <v>0</v>
      </c>
      <c r="NY14" s="109">
        <v>0</v>
      </c>
      <c r="NZ14" s="110">
        <v>0</v>
      </c>
      <c r="OA14" s="132"/>
      <c r="OB14" s="109">
        <v>0</v>
      </c>
      <c r="OC14" s="109">
        <v>236224</v>
      </c>
      <c r="OD14" s="109">
        <v>77089</v>
      </c>
      <c r="OE14" s="109">
        <v>0</v>
      </c>
      <c r="OF14" s="109">
        <v>0</v>
      </c>
      <c r="OG14" s="110">
        <v>313313</v>
      </c>
      <c r="OH14" s="111">
        <v>313313</v>
      </c>
      <c r="OI14" s="129">
        <v>840336</v>
      </c>
      <c r="OJ14" s="109">
        <v>668162</v>
      </c>
      <c r="OK14" s="128">
        <v>1508498</v>
      </c>
      <c r="OL14" s="108">
        <v>0</v>
      </c>
      <c r="OM14" s="109">
        <v>7651863</v>
      </c>
      <c r="ON14" s="109">
        <v>9092209</v>
      </c>
      <c r="OO14" s="109">
        <v>8816896</v>
      </c>
      <c r="OP14" s="109">
        <v>12921316</v>
      </c>
      <c r="OQ14" s="109">
        <v>6089121</v>
      </c>
      <c r="OR14" s="110">
        <v>44571405</v>
      </c>
      <c r="OS14" s="130">
        <v>46079903</v>
      </c>
    </row>
    <row r="15" spans="2:409" ht="21" customHeight="1" x14ac:dyDescent="0.2">
      <c r="B15" s="472" t="s">
        <v>9</v>
      </c>
      <c r="C15" s="100">
        <v>1296936</v>
      </c>
      <c r="D15" s="104">
        <v>1708455</v>
      </c>
      <c r="E15" s="103">
        <v>3005391</v>
      </c>
      <c r="F15" s="101">
        <v>0</v>
      </c>
      <c r="G15" s="104">
        <v>12003565</v>
      </c>
      <c r="H15" s="104">
        <v>11224529</v>
      </c>
      <c r="I15" s="104">
        <v>12257070</v>
      </c>
      <c r="J15" s="104">
        <v>13760611</v>
      </c>
      <c r="K15" s="104">
        <v>9981291</v>
      </c>
      <c r="L15" s="99">
        <v>59227066</v>
      </c>
      <c r="M15" s="106">
        <v>62232457</v>
      </c>
      <c r="N15" s="100">
        <v>397059</v>
      </c>
      <c r="O15" s="104">
        <v>464197</v>
      </c>
      <c r="P15" s="103">
        <v>861256</v>
      </c>
      <c r="Q15" s="100">
        <v>0</v>
      </c>
      <c r="R15" s="104">
        <v>4164450</v>
      </c>
      <c r="S15" s="104">
        <v>4499296</v>
      </c>
      <c r="T15" s="104">
        <v>5051977</v>
      </c>
      <c r="U15" s="104">
        <v>5457613</v>
      </c>
      <c r="V15" s="104">
        <v>5575234</v>
      </c>
      <c r="W15" s="103">
        <v>24748570</v>
      </c>
      <c r="X15" s="106">
        <v>25609826</v>
      </c>
      <c r="Y15" s="100">
        <v>0</v>
      </c>
      <c r="Z15" s="104">
        <v>0</v>
      </c>
      <c r="AA15" s="103">
        <v>0</v>
      </c>
      <c r="AB15" s="100">
        <v>0</v>
      </c>
      <c r="AC15" s="104">
        <v>1703644</v>
      </c>
      <c r="AD15" s="104">
        <v>1950465</v>
      </c>
      <c r="AE15" s="104">
        <v>2555717</v>
      </c>
      <c r="AF15" s="104">
        <v>2865402</v>
      </c>
      <c r="AG15" s="104">
        <v>3768184</v>
      </c>
      <c r="AH15" s="103">
        <v>12843412</v>
      </c>
      <c r="AI15" s="106">
        <v>12843412</v>
      </c>
      <c r="AJ15" s="100">
        <v>0</v>
      </c>
      <c r="AK15" s="104">
        <v>0</v>
      </c>
      <c r="AL15" s="103">
        <v>0</v>
      </c>
      <c r="AM15" s="100">
        <v>0</v>
      </c>
      <c r="AN15" s="104">
        <v>86197</v>
      </c>
      <c r="AO15" s="104">
        <v>54507</v>
      </c>
      <c r="AP15" s="104">
        <v>95077</v>
      </c>
      <c r="AQ15" s="104">
        <v>546884</v>
      </c>
      <c r="AR15" s="104">
        <v>539005</v>
      </c>
      <c r="AS15" s="103">
        <v>1321670</v>
      </c>
      <c r="AT15" s="106">
        <v>1321670</v>
      </c>
      <c r="AU15" s="100">
        <v>227837</v>
      </c>
      <c r="AV15" s="104">
        <v>303408</v>
      </c>
      <c r="AW15" s="103">
        <v>531245</v>
      </c>
      <c r="AX15" s="100">
        <v>0</v>
      </c>
      <c r="AY15" s="104">
        <v>1707045</v>
      </c>
      <c r="AZ15" s="104">
        <v>1666907</v>
      </c>
      <c r="BA15" s="104">
        <v>1383265</v>
      </c>
      <c r="BB15" s="104">
        <v>1162480</v>
      </c>
      <c r="BC15" s="104">
        <v>742017</v>
      </c>
      <c r="BD15" s="103">
        <v>6661714</v>
      </c>
      <c r="BE15" s="106">
        <v>7192959</v>
      </c>
      <c r="BF15" s="100">
        <v>23349</v>
      </c>
      <c r="BG15" s="104">
        <v>58750</v>
      </c>
      <c r="BH15" s="102">
        <v>82099</v>
      </c>
      <c r="BI15" s="101">
        <v>0</v>
      </c>
      <c r="BJ15" s="104">
        <v>118344</v>
      </c>
      <c r="BK15" s="104">
        <v>260522</v>
      </c>
      <c r="BL15" s="104">
        <v>209600</v>
      </c>
      <c r="BM15" s="104">
        <v>153748</v>
      </c>
      <c r="BN15" s="104">
        <v>61333</v>
      </c>
      <c r="BO15" s="103">
        <v>803547</v>
      </c>
      <c r="BP15" s="106">
        <v>885646</v>
      </c>
      <c r="BQ15" s="100">
        <v>145873</v>
      </c>
      <c r="BR15" s="104">
        <v>102039</v>
      </c>
      <c r="BS15" s="103">
        <v>247912</v>
      </c>
      <c r="BT15" s="100">
        <v>0</v>
      </c>
      <c r="BU15" s="104">
        <v>549220</v>
      </c>
      <c r="BV15" s="104">
        <v>566895</v>
      </c>
      <c r="BW15" s="104">
        <v>808318</v>
      </c>
      <c r="BX15" s="104">
        <v>729099</v>
      </c>
      <c r="BY15" s="104">
        <v>464695</v>
      </c>
      <c r="BZ15" s="103">
        <v>3118227</v>
      </c>
      <c r="CA15" s="106">
        <v>3366139</v>
      </c>
      <c r="CB15" s="100">
        <v>90406</v>
      </c>
      <c r="CC15" s="104">
        <v>343308</v>
      </c>
      <c r="CD15" s="103">
        <v>433714</v>
      </c>
      <c r="CE15" s="100">
        <v>0</v>
      </c>
      <c r="CF15" s="104">
        <v>2949437</v>
      </c>
      <c r="CG15" s="104">
        <v>2177679</v>
      </c>
      <c r="CH15" s="104">
        <v>1728578</v>
      </c>
      <c r="CI15" s="104">
        <v>1655783</v>
      </c>
      <c r="CJ15" s="104">
        <v>264631</v>
      </c>
      <c r="CK15" s="103">
        <v>8776108</v>
      </c>
      <c r="CL15" s="106">
        <v>9209822</v>
      </c>
      <c r="CM15" s="100">
        <v>0</v>
      </c>
      <c r="CN15" s="104">
        <v>0</v>
      </c>
      <c r="CO15" s="103">
        <v>0</v>
      </c>
      <c r="CP15" s="101">
        <v>0</v>
      </c>
      <c r="CQ15" s="104">
        <v>2562264</v>
      </c>
      <c r="CR15" s="104">
        <v>1287221</v>
      </c>
      <c r="CS15" s="104">
        <v>1244720</v>
      </c>
      <c r="CT15" s="104">
        <v>1054974</v>
      </c>
      <c r="CU15" s="104">
        <v>203552</v>
      </c>
      <c r="CV15" s="103">
        <v>6352731</v>
      </c>
      <c r="CW15" s="106">
        <v>6352731</v>
      </c>
      <c r="CX15" s="100">
        <v>90406</v>
      </c>
      <c r="CY15" s="104">
        <v>343308</v>
      </c>
      <c r="CZ15" s="103">
        <v>433714</v>
      </c>
      <c r="DA15" s="100">
        <v>0</v>
      </c>
      <c r="DB15" s="104">
        <v>387173</v>
      </c>
      <c r="DC15" s="104">
        <v>890458</v>
      </c>
      <c r="DD15" s="104">
        <v>483858</v>
      </c>
      <c r="DE15" s="104">
        <v>600809</v>
      </c>
      <c r="DF15" s="104">
        <v>61079</v>
      </c>
      <c r="DG15" s="103">
        <v>2423377</v>
      </c>
      <c r="DH15" s="106">
        <v>2857091</v>
      </c>
      <c r="DI15" s="100">
        <v>0</v>
      </c>
      <c r="DJ15" s="104">
        <v>0</v>
      </c>
      <c r="DK15" s="102">
        <v>0</v>
      </c>
      <c r="DL15" s="101">
        <v>0</v>
      </c>
      <c r="DM15" s="104">
        <v>416518</v>
      </c>
      <c r="DN15" s="104">
        <v>503691</v>
      </c>
      <c r="DO15" s="104">
        <v>842309</v>
      </c>
      <c r="DP15" s="104">
        <v>1213424</v>
      </c>
      <c r="DQ15" s="104">
        <v>1247866</v>
      </c>
      <c r="DR15" s="103">
        <v>4223808</v>
      </c>
      <c r="DS15" s="106">
        <v>4223808</v>
      </c>
      <c r="DT15" s="100">
        <v>0</v>
      </c>
      <c r="DU15" s="104">
        <v>0</v>
      </c>
      <c r="DV15" s="103">
        <v>0</v>
      </c>
      <c r="DW15" s="100">
        <v>0</v>
      </c>
      <c r="DX15" s="104">
        <v>280956</v>
      </c>
      <c r="DY15" s="104">
        <v>433164</v>
      </c>
      <c r="DZ15" s="104">
        <v>460163</v>
      </c>
      <c r="EA15" s="104">
        <v>1098487</v>
      </c>
      <c r="EB15" s="104">
        <v>1216714</v>
      </c>
      <c r="EC15" s="103">
        <v>3489484</v>
      </c>
      <c r="ED15" s="106">
        <v>3489484</v>
      </c>
      <c r="EE15" s="100">
        <v>0</v>
      </c>
      <c r="EF15" s="102">
        <v>0</v>
      </c>
      <c r="EG15" s="103">
        <v>0</v>
      </c>
      <c r="EH15" s="100">
        <v>0</v>
      </c>
      <c r="EI15" s="104">
        <v>135562</v>
      </c>
      <c r="EJ15" s="104">
        <v>70527</v>
      </c>
      <c r="EK15" s="104">
        <v>382146</v>
      </c>
      <c r="EL15" s="104">
        <v>114937</v>
      </c>
      <c r="EM15" s="104">
        <v>31152</v>
      </c>
      <c r="EN15" s="102">
        <v>734324</v>
      </c>
      <c r="EO15" s="106">
        <v>734324</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309582</v>
      </c>
      <c r="FM15" s="104">
        <v>276269</v>
      </c>
      <c r="FN15" s="103">
        <v>585851</v>
      </c>
      <c r="FO15" s="100">
        <v>0</v>
      </c>
      <c r="FP15" s="104">
        <v>677880</v>
      </c>
      <c r="FQ15" s="104">
        <v>964509</v>
      </c>
      <c r="FR15" s="104">
        <v>907487</v>
      </c>
      <c r="FS15" s="104">
        <v>948346</v>
      </c>
      <c r="FT15" s="104">
        <v>513016</v>
      </c>
      <c r="FU15" s="103">
        <v>4011238</v>
      </c>
      <c r="FV15" s="106">
        <v>4597089</v>
      </c>
      <c r="FW15" s="105">
        <v>143402</v>
      </c>
      <c r="FX15" s="104">
        <v>173551</v>
      </c>
      <c r="FY15" s="102">
        <v>316953</v>
      </c>
      <c r="FZ15" s="101">
        <v>0</v>
      </c>
      <c r="GA15" s="104">
        <v>650160</v>
      </c>
      <c r="GB15" s="104">
        <v>895069</v>
      </c>
      <c r="GC15" s="104">
        <v>827904</v>
      </c>
      <c r="GD15" s="104">
        <v>948346</v>
      </c>
      <c r="GE15" s="104">
        <v>450016</v>
      </c>
      <c r="GF15" s="103">
        <v>3771495</v>
      </c>
      <c r="GG15" s="296">
        <v>4088448</v>
      </c>
      <c r="GH15" s="105">
        <v>0</v>
      </c>
      <c r="GI15" s="104">
        <v>54978</v>
      </c>
      <c r="GJ15" s="102">
        <v>54978</v>
      </c>
      <c r="GK15" s="101">
        <v>0</v>
      </c>
      <c r="GL15" s="104">
        <v>27720</v>
      </c>
      <c r="GM15" s="104">
        <v>32340</v>
      </c>
      <c r="GN15" s="104">
        <v>21483</v>
      </c>
      <c r="GO15" s="104">
        <v>0</v>
      </c>
      <c r="GP15" s="104">
        <v>0</v>
      </c>
      <c r="GQ15" s="103">
        <v>81543</v>
      </c>
      <c r="GR15" s="106">
        <v>136521</v>
      </c>
      <c r="GS15" s="100">
        <v>166180</v>
      </c>
      <c r="GT15" s="104">
        <v>47740</v>
      </c>
      <c r="GU15" s="103">
        <v>213920</v>
      </c>
      <c r="GV15" s="100">
        <v>0</v>
      </c>
      <c r="GW15" s="104">
        <v>0</v>
      </c>
      <c r="GX15" s="104">
        <v>37100</v>
      </c>
      <c r="GY15" s="104">
        <v>58100</v>
      </c>
      <c r="GZ15" s="104">
        <v>0</v>
      </c>
      <c r="HA15" s="104">
        <v>63000</v>
      </c>
      <c r="HB15" s="102">
        <v>158200</v>
      </c>
      <c r="HC15" s="106">
        <v>372120</v>
      </c>
      <c r="HD15" s="100">
        <v>499889</v>
      </c>
      <c r="HE15" s="104">
        <v>624681</v>
      </c>
      <c r="HF15" s="102">
        <v>1124570</v>
      </c>
      <c r="HG15" s="101">
        <v>0</v>
      </c>
      <c r="HH15" s="104">
        <v>3795280</v>
      </c>
      <c r="HI15" s="104">
        <v>3079354</v>
      </c>
      <c r="HJ15" s="104">
        <v>3726719</v>
      </c>
      <c r="HK15" s="104">
        <v>4485445</v>
      </c>
      <c r="HL15" s="104">
        <v>2380544</v>
      </c>
      <c r="HM15" s="103">
        <v>17467342</v>
      </c>
      <c r="HN15" s="99">
        <v>18591912</v>
      </c>
      <c r="HO15" s="306"/>
      <c r="HP15" s="307"/>
      <c r="HQ15" s="308"/>
      <c r="HR15" s="309"/>
      <c r="HS15" s="307"/>
      <c r="HT15" s="307"/>
      <c r="HU15" s="307"/>
      <c r="HV15" s="307"/>
      <c r="HW15" s="307"/>
      <c r="HX15" s="310"/>
      <c r="HY15" s="311"/>
      <c r="HZ15" s="115">
        <v>38048</v>
      </c>
      <c r="IA15" s="136">
        <v>0</v>
      </c>
      <c r="IB15" s="116">
        <v>38048</v>
      </c>
      <c r="IC15" s="133">
        <v>0</v>
      </c>
      <c r="ID15" s="119">
        <v>1624628</v>
      </c>
      <c r="IE15" s="134">
        <v>2154215</v>
      </c>
      <c r="IF15" s="120">
        <v>3476212</v>
      </c>
      <c r="IG15" s="119">
        <v>2077386</v>
      </c>
      <c r="IH15" s="120">
        <v>1222595</v>
      </c>
      <c r="II15" s="135">
        <v>10555036</v>
      </c>
      <c r="IJ15" s="117">
        <v>10593084</v>
      </c>
      <c r="IK15" s="219">
        <v>0</v>
      </c>
      <c r="IL15" s="223">
        <v>0</v>
      </c>
      <c r="IM15" s="224">
        <v>0</v>
      </c>
      <c r="IN15" s="127"/>
      <c r="IO15" s="109">
        <v>0</v>
      </c>
      <c r="IP15" s="109">
        <v>103919</v>
      </c>
      <c r="IQ15" s="109">
        <v>175375</v>
      </c>
      <c r="IR15" s="109">
        <v>406783</v>
      </c>
      <c r="IS15" s="109">
        <v>0</v>
      </c>
      <c r="IT15" s="128">
        <v>686077</v>
      </c>
      <c r="IU15" s="298">
        <v>686077</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306273</v>
      </c>
      <c r="JL15" s="109">
        <v>879311</v>
      </c>
      <c r="JM15" s="109">
        <v>1174024</v>
      </c>
      <c r="JN15" s="109">
        <v>540372</v>
      </c>
      <c r="JO15" s="109">
        <v>94741</v>
      </c>
      <c r="JP15" s="110">
        <v>3994721</v>
      </c>
      <c r="JQ15" s="298">
        <v>3994721</v>
      </c>
      <c r="JR15" s="129">
        <v>0</v>
      </c>
      <c r="JS15" s="109">
        <v>0</v>
      </c>
      <c r="JT15" s="128">
        <v>0</v>
      </c>
      <c r="JU15" s="108">
        <v>0</v>
      </c>
      <c r="JV15" s="109">
        <v>0</v>
      </c>
      <c r="JW15" s="109">
        <v>0</v>
      </c>
      <c r="JX15" s="109">
        <v>32666</v>
      </c>
      <c r="JY15" s="109">
        <v>0</v>
      </c>
      <c r="JZ15" s="109">
        <v>89425</v>
      </c>
      <c r="KA15" s="110">
        <v>122091</v>
      </c>
      <c r="KB15" s="298">
        <v>122091</v>
      </c>
      <c r="KC15" s="221">
        <v>38048</v>
      </c>
      <c r="KD15" s="217">
        <v>0</v>
      </c>
      <c r="KE15" s="110">
        <v>38048</v>
      </c>
      <c r="KF15" s="108">
        <v>0</v>
      </c>
      <c r="KG15" s="109">
        <v>318355</v>
      </c>
      <c r="KH15" s="109">
        <v>145342</v>
      </c>
      <c r="KI15" s="109">
        <v>554441</v>
      </c>
      <c r="KJ15" s="109">
        <v>237876</v>
      </c>
      <c r="KK15" s="109">
        <v>0</v>
      </c>
      <c r="KL15" s="110">
        <v>1256014</v>
      </c>
      <c r="KM15" s="130">
        <v>1294062</v>
      </c>
      <c r="KN15" s="219">
        <v>0</v>
      </c>
      <c r="KO15" s="223">
        <v>0</v>
      </c>
      <c r="KP15" s="224">
        <v>0</v>
      </c>
      <c r="KQ15" s="127"/>
      <c r="KR15" s="109">
        <v>0</v>
      </c>
      <c r="KS15" s="109">
        <v>666818</v>
      </c>
      <c r="KT15" s="109">
        <v>1361629</v>
      </c>
      <c r="KU15" s="109">
        <v>697569</v>
      </c>
      <c r="KV15" s="109">
        <v>465064</v>
      </c>
      <c r="KW15" s="110">
        <v>3191080</v>
      </c>
      <c r="KX15" s="298">
        <v>3191080</v>
      </c>
      <c r="KY15" s="129">
        <v>0</v>
      </c>
      <c r="KZ15" s="109">
        <v>0</v>
      </c>
      <c r="LA15" s="110">
        <v>0</v>
      </c>
      <c r="LB15" s="132"/>
      <c r="LC15" s="109">
        <v>0</v>
      </c>
      <c r="LD15" s="109">
        <v>160090</v>
      </c>
      <c r="LE15" s="109">
        <v>178077</v>
      </c>
      <c r="LF15" s="109">
        <v>194786</v>
      </c>
      <c r="LG15" s="109">
        <v>0</v>
      </c>
      <c r="LH15" s="110">
        <v>532953</v>
      </c>
      <c r="LI15" s="111">
        <v>532953</v>
      </c>
      <c r="LJ15" s="129">
        <v>0</v>
      </c>
      <c r="LK15" s="109">
        <v>0</v>
      </c>
      <c r="LL15" s="110">
        <v>0</v>
      </c>
      <c r="LM15" s="132"/>
      <c r="LN15" s="109">
        <v>0</v>
      </c>
      <c r="LO15" s="109">
        <v>0</v>
      </c>
      <c r="LP15" s="109">
        <v>0</v>
      </c>
      <c r="LQ15" s="109">
        <v>0</v>
      </c>
      <c r="LR15" s="109">
        <v>0</v>
      </c>
      <c r="LS15" s="110">
        <v>0</v>
      </c>
      <c r="LT15" s="298">
        <v>0</v>
      </c>
      <c r="LU15" s="129">
        <v>0</v>
      </c>
      <c r="LV15" s="109">
        <v>0</v>
      </c>
      <c r="LW15" s="110">
        <v>0</v>
      </c>
      <c r="LX15" s="132"/>
      <c r="LY15" s="109">
        <v>0</v>
      </c>
      <c r="LZ15" s="109">
        <v>198735</v>
      </c>
      <c r="MA15" s="109">
        <v>0</v>
      </c>
      <c r="MB15" s="109">
        <v>0</v>
      </c>
      <c r="MC15" s="109">
        <v>573365</v>
      </c>
      <c r="MD15" s="110">
        <v>772100</v>
      </c>
      <c r="ME15" s="111">
        <v>772100</v>
      </c>
      <c r="MF15" s="129">
        <v>0</v>
      </c>
      <c r="MG15" s="109">
        <v>0</v>
      </c>
      <c r="MH15" s="110">
        <v>0</v>
      </c>
      <c r="MI15" s="132"/>
      <c r="MJ15" s="109">
        <v>438017</v>
      </c>
      <c r="MK15" s="109">
        <v>2090524</v>
      </c>
      <c r="ML15" s="109">
        <v>2310222</v>
      </c>
      <c r="MM15" s="109">
        <v>3813674</v>
      </c>
      <c r="MN15" s="109">
        <v>5662402</v>
      </c>
      <c r="MO15" s="110">
        <v>14314839</v>
      </c>
      <c r="MP15" s="130">
        <v>14314839</v>
      </c>
      <c r="MQ15" s="129">
        <v>0</v>
      </c>
      <c r="MR15" s="109">
        <v>0</v>
      </c>
      <c r="MS15" s="110">
        <v>0</v>
      </c>
      <c r="MT15" s="132"/>
      <c r="MU15" s="109">
        <v>197208</v>
      </c>
      <c r="MV15" s="109">
        <v>0</v>
      </c>
      <c r="MW15" s="109">
        <v>1067715</v>
      </c>
      <c r="MX15" s="109">
        <v>3330771</v>
      </c>
      <c r="MY15" s="109">
        <v>2620471</v>
      </c>
      <c r="MZ15" s="110">
        <v>7216165</v>
      </c>
      <c r="NA15" s="130">
        <v>7216165</v>
      </c>
      <c r="NB15" s="129">
        <v>0</v>
      </c>
      <c r="NC15" s="109">
        <v>0</v>
      </c>
      <c r="ND15" s="110">
        <v>0</v>
      </c>
      <c r="NE15" s="132"/>
      <c r="NF15" s="109">
        <v>240809</v>
      </c>
      <c r="NG15" s="109">
        <v>2090524</v>
      </c>
      <c r="NH15" s="109">
        <v>1242507</v>
      </c>
      <c r="NI15" s="109">
        <v>482903</v>
      </c>
      <c r="NJ15" s="109">
        <v>2464224</v>
      </c>
      <c r="NK15" s="110">
        <v>6520967</v>
      </c>
      <c r="NL15" s="298">
        <v>6520967</v>
      </c>
      <c r="NM15" s="129">
        <v>0</v>
      </c>
      <c r="NN15" s="109">
        <v>0</v>
      </c>
      <c r="NO15" s="110">
        <v>0</v>
      </c>
      <c r="NP15" s="132">
        <v>0</v>
      </c>
      <c r="NQ15" s="109">
        <v>0</v>
      </c>
      <c r="NR15" s="109">
        <v>0</v>
      </c>
      <c r="NS15" s="109">
        <v>0</v>
      </c>
      <c r="NT15" s="109">
        <v>0</v>
      </c>
      <c r="NU15" s="109">
        <v>0</v>
      </c>
      <c r="NV15" s="110">
        <v>0</v>
      </c>
      <c r="NW15" s="111">
        <v>0</v>
      </c>
      <c r="NX15" s="129">
        <v>0</v>
      </c>
      <c r="NY15" s="109">
        <v>0</v>
      </c>
      <c r="NZ15" s="110">
        <v>0</v>
      </c>
      <c r="OA15" s="132"/>
      <c r="OB15" s="109">
        <v>0</v>
      </c>
      <c r="OC15" s="109">
        <v>0</v>
      </c>
      <c r="OD15" s="109">
        <v>0</v>
      </c>
      <c r="OE15" s="109">
        <v>0</v>
      </c>
      <c r="OF15" s="109">
        <v>577707</v>
      </c>
      <c r="OG15" s="110">
        <v>577707</v>
      </c>
      <c r="OH15" s="111">
        <v>577707</v>
      </c>
      <c r="OI15" s="129">
        <v>1334984</v>
      </c>
      <c r="OJ15" s="109">
        <v>1708455</v>
      </c>
      <c r="OK15" s="128">
        <v>3043439</v>
      </c>
      <c r="OL15" s="108">
        <v>0</v>
      </c>
      <c r="OM15" s="109">
        <v>14066210</v>
      </c>
      <c r="ON15" s="109">
        <v>15469268</v>
      </c>
      <c r="OO15" s="109">
        <v>18043504</v>
      </c>
      <c r="OP15" s="109">
        <v>19651671</v>
      </c>
      <c r="OQ15" s="109">
        <v>16866288</v>
      </c>
      <c r="OR15" s="110">
        <v>84096941</v>
      </c>
      <c r="OS15" s="130">
        <v>87140380</v>
      </c>
    </row>
    <row r="16" spans="2:409" ht="21" customHeight="1" x14ac:dyDescent="0.2">
      <c r="B16" s="472" t="s">
        <v>10</v>
      </c>
      <c r="C16" s="100">
        <v>1550703</v>
      </c>
      <c r="D16" s="104">
        <v>2322859</v>
      </c>
      <c r="E16" s="103">
        <v>3873562</v>
      </c>
      <c r="F16" s="159">
        <v>0</v>
      </c>
      <c r="G16" s="104">
        <v>19067195</v>
      </c>
      <c r="H16" s="104">
        <v>16279608</v>
      </c>
      <c r="I16" s="104">
        <v>15364457</v>
      </c>
      <c r="J16" s="104">
        <v>14068773</v>
      </c>
      <c r="K16" s="104">
        <v>12820909</v>
      </c>
      <c r="L16" s="99">
        <v>77600942</v>
      </c>
      <c r="M16" s="106">
        <v>81474504</v>
      </c>
      <c r="N16" s="100">
        <v>442694</v>
      </c>
      <c r="O16" s="104">
        <v>626490</v>
      </c>
      <c r="P16" s="103">
        <v>1069184</v>
      </c>
      <c r="Q16" s="100">
        <v>0</v>
      </c>
      <c r="R16" s="104">
        <v>6798738</v>
      </c>
      <c r="S16" s="104">
        <v>5342012</v>
      </c>
      <c r="T16" s="104">
        <v>5454443</v>
      </c>
      <c r="U16" s="104">
        <v>4717051</v>
      </c>
      <c r="V16" s="104">
        <v>5120602</v>
      </c>
      <c r="W16" s="103">
        <v>27432846</v>
      </c>
      <c r="X16" s="106">
        <v>28502030</v>
      </c>
      <c r="Y16" s="100">
        <v>0</v>
      </c>
      <c r="Z16" s="104">
        <v>0</v>
      </c>
      <c r="AA16" s="103">
        <v>0</v>
      </c>
      <c r="AB16" s="100">
        <v>0</v>
      </c>
      <c r="AC16" s="104">
        <v>3266499</v>
      </c>
      <c r="AD16" s="104">
        <v>2098369</v>
      </c>
      <c r="AE16" s="104">
        <v>3709279</v>
      </c>
      <c r="AF16" s="104">
        <v>2897144</v>
      </c>
      <c r="AG16" s="104">
        <v>2865467</v>
      </c>
      <c r="AH16" s="103">
        <v>14836758</v>
      </c>
      <c r="AI16" s="106">
        <v>14836758</v>
      </c>
      <c r="AJ16" s="100">
        <v>0</v>
      </c>
      <c r="AK16" s="104">
        <v>0</v>
      </c>
      <c r="AL16" s="103">
        <v>0</v>
      </c>
      <c r="AM16" s="100">
        <v>0</v>
      </c>
      <c r="AN16" s="104">
        <v>0</v>
      </c>
      <c r="AO16" s="104">
        <v>186550</v>
      </c>
      <c r="AP16" s="104">
        <v>93279</v>
      </c>
      <c r="AQ16" s="104">
        <v>157586</v>
      </c>
      <c r="AR16" s="104">
        <v>462798</v>
      </c>
      <c r="AS16" s="103">
        <v>900213</v>
      </c>
      <c r="AT16" s="106">
        <v>900213</v>
      </c>
      <c r="AU16" s="100">
        <v>224629</v>
      </c>
      <c r="AV16" s="104">
        <v>318153</v>
      </c>
      <c r="AW16" s="103">
        <v>542782</v>
      </c>
      <c r="AX16" s="100">
        <v>0</v>
      </c>
      <c r="AY16" s="104">
        <v>2243263</v>
      </c>
      <c r="AZ16" s="104">
        <v>1826246</v>
      </c>
      <c r="BA16" s="104">
        <v>727162</v>
      </c>
      <c r="BB16" s="104">
        <v>798529</v>
      </c>
      <c r="BC16" s="104">
        <v>746071</v>
      </c>
      <c r="BD16" s="103">
        <v>6341271</v>
      </c>
      <c r="BE16" s="106">
        <v>6884053</v>
      </c>
      <c r="BF16" s="100">
        <v>56141</v>
      </c>
      <c r="BG16" s="104">
        <v>73207</v>
      </c>
      <c r="BH16" s="102">
        <v>129348</v>
      </c>
      <c r="BI16" s="101">
        <v>0</v>
      </c>
      <c r="BJ16" s="104">
        <v>176956</v>
      </c>
      <c r="BK16" s="104">
        <v>359921</v>
      </c>
      <c r="BL16" s="104">
        <v>41771</v>
      </c>
      <c r="BM16" s="104">
        <v>14013</v>
      </c>
      <c r="BN16" s="104">
        <v>104808</v>
      </c>
      <c r="BO16" s="103">
        <v>697469</v>
      </c>
      <c r="BP16" s="106">
        <v>826817</v>
      </c>
      <c r="BQ16" s="100">
        <v>161924</v>
      </c>
      <c r="BR16" s="104">
        <v>235130</v>
      </c>
      <c r="BS16" s="103">
        <v>397054</v>
      </c>
      <c r="BT16" s="100">
        <v>0</v>
      </c>
      <c r="BU16" s="104">
        <v>1112020</v>
      </c>
      <c r="BV16" s="104">
        <v>870926</v>
      </c>
      <c r="BW16" s="104">
        <v>882952</v>
      </c>
      <c r="BX16" s="104">
        <v>849779</v>
      </c>
      <c r="BY16" s="104">
        <v>941458</v>
      </c>
      <c r="BZ16" s="103">
        <v>4657135</v>
      </c>
      <c r="CA16" s="106">
        <v>5054189</v>
      </c>
      <c r="CB16" s="100">
        <v>79649</v>
      </c>
      <c r="CC16" s="104">
        <v>139337</v>
      </c>
      <c r="CD16" s="103">
        <v>218986</v>
      </c>
      <c r="CE16" s="100">
        <v>0</v>
      </c>
      <c r="CF16" s="104">
        <v>5509677</v>
      </c>
      <c r="CG16" s="104">
        <v>4284401</v>
      </c>
      <c r="CH16" s="104">
        <v>2867159</v>
      </c>
      <c r="CI16" s="104">
        <v>1360164</v>
      </c>
      <c r="CJ16" s="104">
        <v>630626</v>
      </c>
      <c r="CK16" s="103">
        <v>14652027</v>
      </c>
      <c r="CL16" s="106">
        <v>14871013</v>
      </c>
      <c r="CM16" s="100">
        <v>0</v>
      </c>
      <c r="CN16" s="104">
        <v>0</v>
      </c>
      <c r="CO16" s="103">
        <v>0</v>
      </c>
      <c r="CP16" s="101">
        <v>0</v>
      </c>
      <c r="CQ16" s="104">
        <v>4584175</v>
      </c>
      <c r="CR16" s="104">
        <v>3438283</v>
      </c>
      <c r="CS16" s="104">
        <v>2624577</v>
      </c>
      <c r="CT16" s="104">
        <v>1260353</v>
      </c>
      <c r="CU16" s="104">
        <v>475022</v>
      </c>
      <c r="CV16" s="103">
        <v>12382410</v>
      </c>
      <c r="CW16" s="106">
        <v>12382410</v>
      </c>
      <c r="CX16" s="100">
        <v>79649</v>
      </c>
      <c r="CY16" s="104">
        <v>139337</v>
      </c>
      <c r="CZ16" s="103">
        <v>218986</v>
      </c>
      <c r="DA16" s="100">
        <v>0</v>
      </c>
      <c r="DB16" s="104">
        <v>925502</v>
      </c>
      <c r="DC16" s="104">
        <v>846118</v>
      </c>
      <c r="DD16" s="104">
        <v>242582</v>
      </c>
      <c r="DE16" s="104">
        <v>99811</v>
      </c>
      <c r="DF16" s="104">
        <v>155604</v>
      </c>
      <c r="DG16" s="103">
        <v>2269617</v>
      </c>
      <c r="DH16" s="106">
        <v>2488603</v>
      </c>
      <c r="DI16" s="100">
        <v>0</v>
      </c>
      <c r="DJ16" s="104">
        <v>170258</v>
      </c>
      <c r="DK16" s="102">
        <v>170258</v>
      </c>
      <c r="DL16" s="101">
        <v>0</v>
      </c>
      <c r="DM16" s="104">
        <v>751542</v>
      </c>
      <c r="DN16" s="104">
        <v>594360</v>
      </c>
      <c r="DO16" s="104">
        <v>1286726</v>
      </c>
      <c r="DP16" s="104">
        <v>1588469</v>
      </c>
      <c r="DQ16" s="104">
        <v>99819</v>
      </c>
      <c r="DR16" s="103">
        <v>4320916</v>
      </c>
      <c r="DS16" s="106">
        <v>4491174</v>
      </c>
      <c r="DT16" s="100">
        <v>0</v>
      </c>
      <c r="DU16" s="104">
        <v>170258</v>
      </c>
      <c r="DV16" s="103">
        <v>170258</v>
      </c>
      <c r="DW16" s="100">
        <v>0</v>
      </c>
      <c r="DX16" s="104">
        <v>490185</v>
      </c>
      <c r="DY16" s="104">
        <v>504421</v>
      </c>
      <c r="DZ16" s="104">
        <v>1266747</v>
      </c>
      <c r="EA16" s="104">
        <v>1588469</v>
      </c>
      <c r="EB16" s="104">
        <v>51553</v>
      </c>
      <c r="EC16" s="103">
        <v>3901375</v>
      </c>
      <c r="ED16" s="106">
        <v>4071633</v>
      </c>
      <c r="EE16" s="100">
        <v>0</v>
      </c>
      <c r="EF16" s="102">
        <v>0</v>
      </c>
      <c r="EG16" s="103">
        <v>0</v>
      </c>
      <c r="EH16" s="100">
        <v>0</v>
      </c>
      <c r="EI16" s="104">
        <v>261357</v>
      </c>
      <c r="EJ16" s="104">
        <v>89939</v>
      </c>
      <c r="EK16" s="104">
        <v>19979</v>
      </c>
      <c r="EL16" s="104">
        <v>0</v>
      </c>
      <c r="EM16" s="104">
        <v>48266</v>
      </c>
      <c r="EN16" s="102">
        <v>419541</v>
      </c>
      <c r="EO16" s="106">
        <v>419541</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276780</v>
      </c>
      <c r="FM16" s="104">
        <v>576429</v>
      </c>
      <c r="FN16" s="103">
        <v>853209</v>
      </c>
      <c r="FO16" s="100">
        <v>0</v>
      </c>
      <c r="FP16" s="104">
        <v>935417</v>
      </c>
      <c r="FQ16" s="104">
        <v>1743844</v>
      </c>
      <c r="FR16" s="104">
        <v>909405</v>
      </c>
      <c r="FS16" s="104">
        <v>625660</v>
      </c>
      <c r="FT16" s="104">
        <v>718725</v>
      </c>
      <c r="FU16" s="103">
        <v>4933051</v>
      </c>
      <c r="FV16" s="106">
        <v>5786260</v>
      </c>
      <c r="FW16" s="105">
        <v>212380</v>
      </c>
      <c r="FX16" s="104">
        <v>527919</v>
      </c>
      <c r="FY16" s="102">
        <v>740299</v>
      </c>
      <c r="FZ16" s="101">
        <v>0</v>
      </c>
      <c r="GA16" s="104">
        <v>691551</v>
      </c>
      <c r="GB16" s="104">
        <v>1249367</v>
      </c>
      <c r="GC16" s="104">
        <v>873852</v>
      </c>
      <c r="GD16" s="104">
        <v>536172</v>
      </c>
      <c r="GE16" s="104">
        <v>672525</v>
      </c>
      <c r="GF16" s="103">
        <v>4023467</v>
      </c>
      <c r="GG16" s="296">
        <v>4763766</v>
      </c>
      <c r="GH16" s="105">
        <v>19600</v>
      </c>
      <c r="GI16" s="104">
        <v>48510</v>
      </c>
      <c r="GJ16" s="102">
        <v>68110</v>
      </c>
      <c r="GK16" s="101">
        <v>0</v>
      </c>
      <c r="GL16" s="104">
        <v>117866</v>
      </c>
      <c r="GM16" s="104">
        <v>143607</v>
      </c>
      <c r="GN16" s="104">
        <v>35553</v>
      </c>
      <c r="GO16" s="104">
        <v>89488</v>
      </c>
      <c r="GP16" s="104">
        <v>46200</v>
      </c>
      <c r="GQ16" s="103">
        <v>432714</v>
      </c>
      <c r="GR16" s="106">
        <v>500824</v>
      </c>
      <c r="GS16" s="100">
        <v>44800</v>
      </c>
      <c r="GT16" s="104">
        <v>0</v>
      </c>
      <c r="GU16" s="103">
        <v>44800</v>
      </c>
      <c r="GV16" s="100">
        <v>0</v>
      </c>
      <c r="GW16" s="104">
        <v>126000</v>
      </c>
      <c r="GX16" s="104">
        <v>350870</v>
      </c>
      <c r="GY16" s="104">
        <v>0</v>
      </c>
      <c r="GZ16" s="104">
        <v>0</v>
      </c>
      <c r="HA16" s="104">
        <v>0</v>
      </c>
      <c r="HB16" s="102">
        <v>476870</v>
      </c>
      <c r="HC16" s="106">
        <v>521670</v>
      </c>
      <c r="HD16" s="100">
        <v>751580</v>
      </c>
      <c r="HE16" s="104">
        <v>810345</v>
      </c>
      <c r="HF16" s="102">
        <v>1561925</v>
      </c>
      <c r="HG16" s="101">
        <v>0</v>
      </c>
      <c r="HH16" s="104">
        <v>5071821</v>
      </c>
      <c r="HI16" s="104">
        <v>4314991</v>
      </c>
      <c r="HJ16" s="104">
        <v>4846724</v>
      </c>
      <c r="HK16" s="104">
        <v>5777429</v>
      </c>
      <c r="HL16" s="104">
        <v>6251137</v>
      </c>
      <c r="HM16" s="103">
        <v>26262102</v>
      </c>
      <c r="HN16" s="99">
        <v>27824027</v>
      </c>
      <c r="HO16" s="306"/>
      <c r="HP16" s="307"/>
      <c r="HQ16" s="308"/>
      <c r="HR16" s="309"/>
      <c r="HS16" s="307"/>
      <c r="HT16" s="307"/>
      <c r="HU16" s="307"/>
      <c r="HV16" s="307"/>
      <c r="HW16" s="307"/>
      <c r="HX16" s="310"/>
      <c r="HY16" s="311"/>
      <c r="HZ16" s="137">
        <v>40399</v>
      </c>
      <c r="IA16" s="122">
        <v>70030</v>
      </c>
      <c r="IB16" s="137">
        <v>110429</v>
      </c>
      <c r="IC16" s="121">
        <v>0</v>
      </c>
      <c r="ID16" s="122">
        <v>1947844</v>
      </c>
      <c r="IE16" s="123">
        <v>2990397</v>
      </c>
      <c r="IF16" s="124">
        <v>4432585</v>
      </c>
      <c r="IG16" s="122">
        <v>3041638</v>
      </c>
      <c r="IH16" s="124">
        <v>3270774</v>
      </c>
      <c r="II16" s="125">
        <v>15683238</v>
      </c>
      <c r="IJ16" s="137">
        <v>15793667</v>
      </c>
      <c r="IK16" s="219">
        <v>0</v>
      </c>
      <c r="IL16" s="223">
        <v>0</v>
      </c>
      <c r="IM16" s="224">
        <v>0</v>
      </c>
      <c r="IN16" s="127"/>
      <c r="IO16" s="109">
        <v>0</v>
      </c>
      <c r="IP16" s="109">
        <v>108325</v>
      </c>
      <c r="IQ16" s="109">
        <v>169712</v>
      </c>
      <c r="IR16" s="109">
        <v>0</v>
      </c>
      <c r="IS16" s="109">
        <v>0</v>
      </c>
      <c r="IT16" s="128">
        <v>278037</v>
      </c>
      <c r="IU16" s="298">
        <v>278037</v>
      </c>
      <c r="IV16" s="129">
        <v>0</v>
      </c>
      <c r="IW16" s="109">
        <v>0</v>
      </c>
      <c r="IX16" s="110">
        <v>0</v>
      </c>
      <c r="IY16" s="131"/>
      <c r="IZ16" s="109">
        <v>0</v>
      </c>
      <c r="JA16" s="109">
        <v>9355</v>
      </c>
      <c r="JB16" s="109">
        <v>0</v>
      </c>
      <c r="JC16" s="109">
        <v>9355</v>
      </c>
      <c r="JD16" s="109">
        <v>0</v>
      </c>
      <c r="JE16" s="110">
        <v>18710</v>
      </c>
      <c r="JF16" s="111">
        <v>18710</v>
      </c>
      <c r="JG16" s="129">
        <v>0</v>
      </c>
      <c r="JH16" s="109">
        <v>0</v>
      </c>
      <c r="JI16" s="128">
        <v>0</v>
      </c>
      <c r="JJ16" s="108">
        <v>0</v>
      </c>
      <c r="JK16" s="109">
        <v>1020649</v>
      </c>
      <c r="JL16" s="109">
        <v>679792</v>
      </c>
      <c r="JM16" s="109">
        <v>438449</v>
      </c>
      <c r="JN16" s="109">
        <v>349109</v>
      </c>
      <c r="JO16" s="109">
        <v>29976</v>
      </c>
      <c r="JP16" s="110">
        <v>2517975</v>
      </c>
      <c r="JQ16" s="298">
        <v>2517975</v>
      </c>
      <c r="JR16" s="129">
        <v>0</v>
      </c>
      <c r="JS16" s="109">
        <v>0</v>
      </c>
      <c r="JT16" s="128">
        <v>0</v>
      </c>
      <c r="JU16" s="108">
        <v>0</v>
      </c>
      <c r="JV16" s="109">
        <v>8521</v>
      </c>
      <c r="JW16" s="109">
        <v>0</v>
      </c>
      <c r="JX16" s="109">
        <v>264399</v>
      </c>
      <c r="JY16" s="109">
        <v>299971</v>
      </c>
      <c r="JZ16" s="109">
        <v>0</v>
      </c>
      <c r="KA16" s="110">
        <v>572891</v>
      </c>
      <c r="KB16" s="298">
        <v>572891</v>
      </c>
      <c r="KC16" s="221">
        <v>40399</v>
      </c>
      <c r="KD16" s="217">
        <v>70030</v>
      </c>
      <c r="KE16" s="110">
        <v>110429</v>
      </c>
      <c r="KF16" s="108">
        <v>0</v>
      </c>
      <c r="KG16" s="109">
        <v>418905</v>
      </c>
      <c r="KH16" s="109">
        <v>156201</v>
      </c>
      <c r="KI16" s="109">
        <v>1219122</v>
      </c>
      <c r="KJ16" s="109">
        <v>214308</v>
      </c>
      <c r="KK16" s="109">
        <v>235612</v>
      </c>
      <c r="KL16" s="110">
        <v>2244148</v>
      </c>
      <c r="KM16" s="130">
        <v>2354577</v>
      </c>
      <c r="KN16" s="219">
        <v>0</v>
      </c>
      <c r="KO16" s="223">
        <v>0</v>
      </c>
      <c r="KP16" s="224">
        <v>0</v>
      </c>
      <c r="KQ16" s="127"/>
      <c r="KR16" s="109">
        <v>254156</v>
      </c>
      <c r="KS16" s="109">
        <v>1546614</v>
      </c>
      <c r="KT16" s="109">
        <v>1297211</v>
      </c>
      <c r="KU16" s="109">
        <v>1665258</v>
      </c>
      <c r="KV16" s="109">
        <v>1863412</v>
      </c>
      <c r="KW16" s="110">
        <v>6626651</v>
      </c>
      <c r="KX16" s="298">
        <v>6626651</v>
      </c>
      <c r="KY16" s="129">
        <v>0</v>
      </c>
      <c r="KZ16" s="109">
        <v>0</v>
      </c>
      <c r="LA16" s="110">
        <v>0</v>
      </c>
      <c r="LB16" s="132"/>
      <c r="LC16" s="109">
        <v>245613</v>
      </c>
      <c r="LD16" s="109">
        <v>312597</v>
      </c>
      <c r="LE16" s="109">
        <v>796775</v>
      </c>
      <c r="LF16" s="109">
        <v>0</v>
      </c>
      <c r="LG16" s="109">
        <v>837370</v>
      </c>
      <c r="LH16" s="110">
        <v>2192355</v>
      </c>
      <c r="LI16" s="111">
        <v>2192355</v>
      </c>
      <c r="LJ16" s="129">
        <v>0</v>
      </c>
      <c r="LK16" s="109">
        <v>0</v>
      </c>
      <c r="LL16" s="110">
        <v>0</v>
      </c>
      <c r="LM16" s="132"/>
      <c r="LN16" s="109">
        <v>0</v>
      </c>
      <c r="LO16" s="109">
        <v>0</v>
      </c>
      <c r="LP16" s="109">
        <v>0</v>
      </c>
      <c r="LQ16" s="109">
        <v>249855</v>
      </c>
      <c r="LR16" s="109">
        <v>0</v>
      </c>
      <c r="LS16" s="110">
        <v>249855</v>
      </c>
      <c r="LT16" s="298">
        <v>249855</v>
      </c>
      <c r="LU16" s="129">
        <v>0</v>
      </c>
      <c r="LV16" s="109">
        <v>0</v>
      </c>
      <c r="LW16" s="110">
        <v>0</v>
      </c>
      <c r="LX16" s="132"/>
      <c r="LY16" s="109">
        <v>0</v>
      </c>
      <c r="LZ16" s="109">
        <v>177513</v>
      </c>
      <c r="MA16" s="109">
        <v>246917</v>
      </c>
      <c r="MB16" s="109">
        <v>253782</v>
      </c>
      <c r="MC16" s="109">
        <v>304404</v>
      </c>
      <c r="MD16" s="110">
        <v>982616</v>
      </c>
      <c r="ME16" s="111">
        <v>982616</v>
      </c>
      <c r="MF16" s="129">
        <v>0</v>
      </c>
      <c r="MG16" s="109">
        <v>0</v>
      </c>
      <c r="MH16" s="110">
        <v>0</v>
      </c>
      <c r="MI16" s="132"/>
      <c r="MJ16" s="109">
        <v>214321</v>
      </c>
      <c r="MK16" s="109">
        <v>859546</v>
      </c>
      <c r="ML16" s="109">
        <v>4444526</v>
      </c>
      <c r="MM16" s="109">
        <v>5117209</v>
      </c>
      <c r="MN16" s="109">
        <v>6800162</v>
      </c>
      <c r="MO16" s="110">
        <v>17435764</v>
      </c>
      <c r="MP16" s="130">
        <v>17435764</v>
      </c>
      <c r="MQ16" s="129">
        <v>0</v>
      </c>
      <c r="MR16" s="109">
        <v>0</v>
      </c>
      <c r="MS16" s="110">
        <v>0</v>
      </c>
      <c r="MT16" s="132"/>
      <c r="MU16" s="109">
        <v>0</v>
      </c>
      <c r="MV16" s="109">
        <v>392035</v>
      </c>
      <c r="MW16" s="109">
        <v>3214788</v>
      </c>
      <c r="MX16" s="109">
        <v>3508825</v>
      </c>
      <c r="MY16" s="109">
        <v>4435436</v>
      </c>
      <c r="MZ16" s="110">
        <v>11551084</v>
      </c>
      <c r="NA16" s="130">
        <v>11551084</v>
      </c>
      <c r="NB16" s="129">
        <v>0</v>
      </c>
      <c r="NC16" s="109">
        <v>0</v>
      </c>
      <c r="ND16" s="110">
        <v>0</v>
      </c>
      <c r="NE16" s="132"/>
      <c r="NF16" s="109">
        <v>214321</v>
      </c>
      <c r="NG16" s="109">
        <v>467511</v>
      </c>
      <c r="NH16" s="109">
        <v>1229738</v>
      </c>
      <c r="NI16" s="109">
        <v>1608384</v>
      </c>
      <c r="NJ16" s="109">
        <v>1724680</v>
      </c>
      <c r="NK16" s="110">
        <v>5244634</v>
      </c>
      <c r="NL16" s="298">
        <v>5244634</v>
      </c>
      <c r="NM16" s="129">
        <v>0</v>
      </c>
      <c r="NN16" s="109">
        <v>0</v>
      </c>
      <c r="NO16" s="110">
        <v>0</v>
      </c>
      <c r="NP16" s="132">
        <v>0</v>
      </c>
      <c r="NQ16" s="109">
        <v>0</v>
      </c>
      <c r="NR16" s="109">
        <v>0</v>
      </c>
      <c r="NS16" s="109">
        <v>0</v>
      </c>
      <c r="NT16" s="109">
        <v>0</v>
      </c>
      <c r="NU16" s="109">
        <v>0</v>
      </c>
      <c r="NV16" s="110">
        <v>0</v>
      </c>
      <c r="NW16" s="111">
        <v>0</v>
      </c>
      <c r="NX16" s="129">
        <v>0</v>
      </c>
      <c r="NY16" s="109">
        <v>0</v>
      </c>
      <c r="NZ16" s="110">
        <v>0</v>
      </c>
      <c r="OA16" s="132"/>
      <c r="OB16" s="109">
        <v>0</v>
      </c>
      <c r="OC16" s="109">
        <v>0</v>
      </c>
      <c r="OD16" s="109">
        <v>0</v>
      </c>
      <c r="OE16" s="109">
        <v>0</v>
      </c>
      <c r="OF16" s="109">
        <v>640046</v>
      </c>
      <c r="OG16" s="110">
        <v>640046</v>
      </c>
      <c r="OH16" s="111">
        <v>640046</v>
      </c>
      <c r="OI16" s="129">
        <v>1591102</v>
      </c>
      <c r="OJ16" s="109">
        <v>2392889</v>
      </c>
      <c r="OK16" s="128">
        <v>3983991</v>
      </c>
      <c r="OL16" s="108">
        <v>0</v>
      </c>
      <c r="OM16" s="109">
        <v>21229360</v>
      </c>
      <c r="ON16" s="109">
        <v>20129551</v>
      </c>
      <c r="OO16" s="109">
        <v>24241568</v>
      </c>
      <c r="OP16" s="109">
        <v>22227620</v>
      </c>
      <c r="OQ16" s="109">
        <v>22891845</v>
      </c>
      <c r="OR16" s="110">
        <v>110719944</v>
      </c>
      <c r="OS16" s="130">
        <v>114703935</v>
      </c>
    </row>
    <row r="17" spans="2:409" ht="21" customHeight="1" x14ac:dyDescent="0.2">
      <c r="B17" s="472" t="s">
        <v>11</v>
      </c>
      <c r="C17" s="100">
        <v>160741</v>
      </c>
      <c r="D17" s="104">
        <v>613632</v>
      </c>
      <c r="E17" s="158">
        <v>774373</v>
      </c>
      <c r="F17" s="101">
        <v>0</v>
      </c>
      <c r="G17" s="104">
        <v>5117078</v>
      </c>
      <c r="H17" s="104">
        <v>3795144</v>
      </c>
      <c r="I17" s="104">
        <v>5504425</v>
      </c>
      <c r="J17" s="104">
        <v>6133926</v>
      </c>
      <c r="K17" s="104">
        <v>2901445</v>
      </c>
      <c r="L17" s="99">
        <v>23452018</v>
      </c>
      <c r="M17" s="106">
        <v>24226391</v>
      </c>
      <c r="N17" s="100">
        <v>73117</v>
      </c>
      <c r="O17" s="104">
        <v>42735</v>
      </c>
      <c r="P17" s="103">
        <v>115852</v>
      </c>
      <c r="Q17" s="100">
        <v>0</v>
      </c>
      <c r="R17" s="104">
        <v>1325098</v>
      </c>
      <c r="S17" s="104">
        <v>976545</v>
      </c>
      <c r="T17" s="104">
        <v>848199</v>
      </c>
      <c r="U17" s="104">
        <v>2137235</v>
      </c>
      <c r="V17" s="104">
        <v>771339</v>
      </c>
      <c r="W17" s="103">
        <v>6058416</v>
      </c>
      <c r="X17" s="106">
        <v>6174268</v>
      </c>
      <c r="Y17" s="100">
        <v>0</v>
      </c>
      <c r="Z17" s="104">
        <v>0</v>
      </c>
      <c r="AA17" s="103">
        <v>0</v>
      </c>
      <c r="AB17" s="100">
        <v>0</v>
      </c>
      <c r="AC17" s="104">
        <v>359292</v>
      </c>
      <c r="AD17" s="104">
        <v>268185</v>
      </c>
      <c r="AE17" s="104">
        <v>256155</v>
      </c>
      <c r="AF17" s="104">
        <v>876333</v>
      </c>
      <c r="AG17" s="104">
        <v>169863</v>
      </c>
      <c r="AH17" s="103">
        <v>1929828</v>
      </c>
      <c r="AI17" s="106">
        <v>1929828</v>
      </c>
      <c r="AJ17" s="100">
        <v>0</v>
      </c>
      <c r="AK17" s="104">
        <v>0</v>
      </c>
      <c r="AL17" s="103">
        <v>0</v>
      </c>
      <c r="AM17" s="100">
        <v>0</v>
      </c>
      <c r="AN17" s="104">
        <v>0</v>
      </c>
      <c r="AO17" s="104">
        <v>0</v>
      </c>
      <c r="AP17" s="104">
        <v>0</v>
      </c>
      <c r="AQ17" s="104">
        <v>227614</v>
      </c>
      <c r="AR17" s="104">
        <v>177431</v>
      </c>
      <c r="AS17" s="103">
        <v>405045</v>
      </c>
      <c r="AT17" s="106">
        <v>405045</v>
      </c>
      <c r="AU17" s="100">
        <v>61707</v>
      </c>
      <c r="AV17" s="104">
        <v>21196</v>
      </c>
      <c r="AW17" s="103">
        <v>82903</v>
      </c>
      <c r="AX17" s="100">
        <v>0</v>
      </c>
      <c r="AY17" s="104">
        <v>751954</v>
      </c>
      <c r="AZ17" s="104">
        <v>462483</v>
      </c>
      <c r="BA17" s="104">
        <v>278902</v>
      </c>
      <c r="BB17" s="104">
        <v>736586</v>
      </c>
      <c r="BC17" s="104">
        <v>246784</v>
      </c>
      <c r="BD17" s="103">
        <v>2476709</v>
      </c>
      <c r="BE17" s="106">
        <v>2559612</v>
      </c>
      <c r="BF17" s="100">
        <v>0</v>
      </c>
      <c r="BG17" s="104">
        <v>0</v>
      </c>
      <c r="BH17" s="102">
        <v>0</v>
      </c>
      <c r="BI17" s="101">
        <v>0</v>
      </c>
      <c r="BJ17" s="104">
        <v>67272</v>
      </c>
      <c r="BK17" s="104">
        <v>28933</v>
      </c>
      <c r="BL17" s="104">
        <v>34339</v>
      </c>
      <c r="BM17" s="104">
        <v>26768</v>
      </c>
      <c r="BN17" s="104">
        <v>53060</v>
      </c>
      <c r="BO17" s="103">
        <v>210372</v>
      </c>
      <c r="BP17" s="106">
        <v>210372</v>
      </c>
      <c r="BQ17" s="100">
        <v>11410</v>
      </c>
      <c r="BR17" s="104">
        <v>21539</v>
      </c>
      <c r="BS17" s="103">
        <v>32949</v>
      </c>
      <c r="BT17" s="100">
        <v>0</v>
      </c>
      <c r="BU17" s="104">
        <v>146580</v>
      </c>
      <c r="BV17" s="104">
        <v>216944</v>
      </c>
      <c r="BW17" s="104">
        <v>278803</v>
      </c>
      <c r="BX17" s="104">
        <v>269934</v>
      </c>
      <c r="BY17" s="104">
        <v>124201</v>
      </c>
      <c r="BZ17" s="103">
        <v>1036462</v>
      </c>
      <c r="CA17" s="106">
        <v>1069411</v>
      </c>
      <c r="CB17" s="100">
        <v>38106</v>
      </c>
      <c r="CC17" s="104">
        <v>168891</v>
      </c>
      <c r="CD17" s="103">
        <v>206997</v>
      </c>
      <c r="CE17" s="100">
        <v>0</v>
      </c>
      <c r="CF17" s="104">
        <v>1391534</v>
      </c>
      <c r="CG17" s="104">
        <v>960136</v>
      </c>
      <c r="CH17" s="104">
        <v>1423992</v>
      </c>
      <c r="CI17" s="104">
        <v>977373</v>
      </c>
      <c r="CJ17" s="104">
        <v>294762</v>
      </c>
      <c r="CK17" s="103">
        <v>5047797</v>
      </c>
      <c r="CL17" s="106">
        <v>5254794</v>
      </c>
      <c r="CM17" s="100">
        <v>0</v>
      </c>
      <c r="CN17" s="104">
        <v>0</v>
      </c>
      <c r="CO17" s="103">
        <v>0</v>
      </c>
      <c r="CP17" s="101">
        <v>0</v>
      </c>
      <c r="CQ17" s="104">
        <v>921973</v>
      </c>
      <c r="CR17" s="104">
        <v>527593</v>
      </c>
      <c r="CS17" s="104">
        <v>768481</v>
      </c>
      <c r="CT17" s="104">
        <v>788704</v>
      </c>
      <c r="CU17" s="104">
        <v>277645</v>
      </c>
      <c r="CV17" s="103">
        <v>3284396</v>
      </c>
      <c r="CW17" s="106">
        <v>3284396</v>
      </c>
      <c r="CX17" s="100">
        <v>38106</v>
      </c>
      <c r="CY17" s="104">
        <v>168891</v>
      </c>
      <c r="CZ17" s="103">
        <v>206997</v>
      </c>
      <c r="DA17" s="100">
        <v>0</v>
      </c>
      <c r="DB17" s="104">
        <v>469561</v>
      </c>
      <c r="DC17" s="104">
        <v>432543</v>
      </c>
      <c r="DD17" s="104">
        <v>655511</v>
      </c>
      <c r="DE17" s="104">
        <v>188669</v>
      </c>
      <c r="DF17" s="104">
        <v>17117</v>
      </c>
      <c r="DG17" s="103">
        <v>1763401</v>
      </c>
      <c r="DH17" s="106">
        <v>1970398</v>
      </c>
      <c r="DI17" s="100">
        <v>0</v>
      </c>
      <c r="DJ17" s="104">
        <v>162528</v>
      </c>
      <c r="DK17" s="102">
        <v>162528</v>
      </c>
      <c r="DL17" s="101">
        <v>0</v>
      </c>
      <c r="DM17" s="104">
        <v>164593</v>
      </c>
      <c r="DN17" s="104">
        <v>182990</v>
      </c>
      <c r="DO17" s="104">
        <v>385428</v>
      </c>
      <c r="DP17" s="104">
        <v>175760</v>
      </c>
      <c r="DQ17" s="104">
        <v>626684</v>
      </c>
      <c r="DR17" s="103">
        <v>1535455</v>
      </c>
      <c r="DS17" s="106">
        <v>1697983</v>
      </c>
      <c r="DT17" s="100">
        <v>0</v>
      </c>
      <c r="DU17" s="104">
        <v>162528</v>
      </c>
      <c r="DV17" s="103">
        <v>162528</v>
      </c>
      <c r="DW17" s="100">
        <v>0</v>
      </c>
      <c r="DX17" s="104">
        <v>164593</v>
      </c>
      <c r="DY17" s="104">
        <v>182990</v>
      </c>
      <c r="DZ17" s="104">
        <v>266085</v>
      </c>
      <c r="EA17" s="104">
        <v>126158</v>
      </c>
      <c r="EB17" s="104">
        <v>465222</v>
      </c>
      <c r="EC17" s="103">
        <v>1205048</v>
      </c>
      <c r="ED17" s="106">
        <v>1367576</v>
      </c>
      <c r="EE17" s="100">
        <v>0</v>
      </c>
      <c r="EF17" s="102">
        <v>0</v>
      </c>
      <c r="EG17" s="103">
        <v>0</v>
      </c>
      <c r="EH17" s="100">
        <v>0</v>
      </c>
      <c r="EI17" s="104">
        <v>0</v>
      </c>
      <c r="EJ17" s="104">
        <v>0</v>
      </c>
      <c r="EK17" s="104">
        <v>119343</v>
      </c>
      <c r="EL17" s="104">
        <v>49602</v>
      </c>
      <c r="EM17" s="104">
        <v>161462</v>
      </c>
      <c r="EN17" s="102">
        <v>330407</v>
      </c>
      <c r="EO17" s="106">
        <v>330407</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49518</v>
      </c>
      <c r="FM17" s="104">
        <v>122836</v>
      </c>
      <c r="FN17" s="103">
        <v>172354</v>
      </c>
      <c r="FO17" s="100">
        <v>0</v>
      </c>
      <c r="FP17" s="104">
        <v>396207</v>
      </c>
      <c r="FQ17" s="104">
        <v>264061</v>
      </c>
      <c r="FR17" s="104">
        <v>554483</v>
      </c>
      <c r="FS17" s="104">
        <v>544334</v>
      </c>
      <c r="FT17" s="104">
        <v>155519</v>
      </c>
      <c r="FU17" s="103">
        <v>1914604</v>
      </c>
      <c r="FV17" s="106">
        <v>2086958</v>
      </c>
      <c r="FW17" s="105">
        <v>49518</v>
      </c>
      <c r="FX17" s="104">
        <v>87136</v>
      </c>
      <c r="FY17" s="102">
        <v>136654</v>
      </c>
      <c r="FZ17" s="101">
        <v>0</v>
      </c>
      <c r="GA17" s="104">
        <v>242207</v>
      </c>
      <c r="GB17" s="104">
        <v>264061</v>
      </c>
      <c r="GC17" s="104">
        <v>385153</v>
      </c>
      <c r="GD17" s="104">
        <v>523334</v>
      </c>
      <c r="GE17" s="104">
        <v>155519</v>
      </c>
      <c r="GF17" s="103">
        <v>1570274</v>
      </c>
      <c r="GG17" s="296">
        <v>1706928</v>
      </c>
      <c r="GH17" s="105">
        <v>0</v>
      </c>
      <c r="GI17" s="104">
        <v>0</v>
      </c>
      <c r="GJ17" s="102">
        <v>0</v>
      </c>
      <c r="GK17" s="101">
        <v>0</v>
      </c>
      <c r="GL17" s="104">
        <v>0</v>
      </c>
      <c r="GM17" s="104">
        <v>0</v>
      </c>
      <c r="GN17" s="104">
        <v>18480</v>
      </c>
      <c r="GO17" s="104">
        <v>0</v>
      </c>
      <c r="GP17" s="104">
        <v>0</v>
      </c>
      <c r="GQ17" s="103">
        <v>18480</v>
      </c>
      <c r="GR17" s="106">
        <v>18480</v>
      </c>
      <c r="GS17" s="100">
        <v>0</v>
      </c>
      <c r="GT17" s="104">
        <v>35700</v>
      </c>
      <c r="GU17" s="103">
        <v>35700</v>
      </c>
      <c r="GV17" s="100">
        <v>0</v>
      </c>
      <c r="GW17" s="104">
        <v>154000</v>
      </c>
      <c r="GX17" s="104">
        <v>0</v>
      </c>
      <c r="GY17" s="104">
        <v>150850</v>
      </c>
      <c r="GZ17" s="104">
        <v>21000</v>
      </c>
      <c r="HA17" s="104">
        <v>0</v>
      </c>
      <c r="HB17" s="102">
        <v>325850</v>
      </c>
      <c r="HC17" s="106">
        <v>361550</v>
      </c>
      <c r="HD17" s="100">
        <v>0</v>
      </c>
      <c r="HE17" s="104">
        <v>116642</v>
      </c>
      <c r="HF17" s="102">
        <v>116642</v>
      </c>
      <c r="HG17" s="101">
        <v>0</v>
      </c>
      <c r="HH17" s="104">
        <v>1839646</v>
      </c>
      <c r="HI17" s="104">
        <v>1411412</v>
      </c>
      <c r="HJ17" s="104">
        <v>2292323</v>
      </c>
      <c r="HK17" s="104">
        <v>2299224</v>
      </c>
      <c r="HL17" s="104">
        <v>1053141</v>
      </c>
      <c r="HM17" s="103">
        <v>8895746</v>
      </c>
      <c r="HN17" s="99">
        <v>9012388</v>
      </c>
      <c r="HO17" s="306"/>
      <c r="HP17" s="307"/>
      <c r="HQ17" s="308"/>
      <c r="HR17" s="309"/>
      <c r="HS17" s="307"/>
      <c r="HT17" s="307"/>
      <c r="HU17" s="307"/>
      <c r="HV17" s="307"/>
      <c r="HW17" s="307"/>
      <c r="HX17" s="310"/>
      <c r="HY17" s="311"/>
      <c r="HZ17" s="118">
        <v>0</v>
      </c>
      <c r="IA17" s="119">
        <v>36008</v>
      </c>
      <c r="IB17" s="120">
        <v>36008</v>
      </c>
      <c r="IC17" s="133">
        <v>0</v>
      </c>
      <c r="ID17" s="119">
        <v>1629100</v>
      </c>
      <c r="IE17" s="134">
        <v>984547</v>
      </c>
      <c r="IF17" s="120">
        <v>587557</v>
      </c>
      <c r="IG17" s="119">
        <v>936365</v>
      </c>
      <c r="IH17" s="120">
        <v>146219</v>
      </c>
      <c r="II17" s="135">
        <v>4283788</v>
      </c>
      <c r="IJ17" s="126">
        <v>4319796</v>
      </c>
      <c r="IK17" s="219">
        <v>0</v>
      </c>
      <c r="IL17" s="223">
        <v>0</v>
      </c>
      <c r="IM17" s="224">
        <v>0</v>
      </c>
      <c r="IN17" s="127"/>
      <c r="IO17" s="109">
        <v>68271</v>
      </c>
      <c r="IP17" s="109">
        <v>110554</v>
      </c>
      <c r="IQ17" s="109">
        <v>0</v>
      </c>
      <c r="IR17" s="109">
        <v>0</v>
      </c>
      <c r="IS17" s="109">
        <v>0</v>
      </c>
      <c r="IT17" s="128">
        <v>178825</v>
      </c>
      <c r="IU17" s="298">
        <v>178825</v>
      </c>
      <c r="IV17" s="129">
        <v>0</v>
      </c>
      <c r="IW17" s="109">
        <v>0</v>
      </c>
      <c r="IX17" s="110">
        <v>0</v>
      </c>
      <c r="IY17" s="131"/>
      <c r="IZ17" s="109">
        <v>14732</v>
      </c>
      <c r="JA17" s="109">
        <v>0</v>
      </c>
      <c r="JB17" s="109">
        <v>0</v>
      </c>
      <c r="JC17" s="109">
        <v>0</v>
      </c>
      <c r="JD17" s="109">
        <v>0</v>
      </c>
      <c r="JE17" s="110">
        <v>14732</v>
      </c>
      <c r="JF17" s="111">
        <v>14732</v>
      </c>
      <c r="JG17" s="129">
        <v>0</v>
      </c>
      <c r="JH17" s="109">
        <v>0</v>
      </c>
      <c r="JI17" s="128">
        <v>0</v>
      </c>
      <c r="JJ17" s="108">
        <v>0</v>
      </c>
      <c r="JK17" s="109">
        <v>1040383</v>
      </c>
      <c r="JL17" s="109">
        <v>153634</v>
      </c>
      <c r="JM17" s="109">
        <v>259951</v>
      </c>
      <c r="JN17" s="109">
        <v>395394</v>
      </c>
      <c r="JO17" s="109">
        <v>146219</v>
      </c>
      <c r="JP17" s="110">
        <v>1995581</v>
      </c>
      <c r="JQ17" s="298">
        <v>1995581</v>
      </c>
      <c r="JR17" s="129">
        <v>0</v>
      </c>
      <c r="JS17" s="109">
        <v>0</v>
      </c>
      <c r="JT17" s="128">
        <v>0</v>
      </c>
      <c r="JU17" s="108">
        <v>0</v>
      </c>
      <c r="JV17" s="109">
        <v>86338</v>
      </c>
      <c r="JW17" s="109">
        <v>0</v>
      </c>
      <c r="JX17" s="109">
        <v>0</v>
      </c>
      <c r="JY17" s="109">
        <v>0</v>
      </c>
      <c r="JZ17" s="109">
        <v>0</v>
      </c>
      <c r="KA17" s="110">
        <v>86338</v>
      </c>
      <c r="KB17" s="298">
        <v>86338</v>
      </c>
      <c r="KC17" s="221">
        <v>0</v>
      </c>
      <c r="KD17" s="217">
        <v>36008</v>
      </c>
      <c r="KE17" s="110">
        <v>36008</v>
      </c>
      <c r="KF17" s="108">
        <v>0</v>
      </c>
      <c r="KG17" s="109">
        <v>209304</v>
      </c>
      <c r="KH17" s="109">
        <v>143910</v>
      </c>
      <c r="KI17" s="109">
        <v>102473</v>
      </c>
      <c r="KJ17" s="109">
        <v>306380</v>
      </c>
      <c r="KK17" s="109">
        <v>0</v>
      </c>
      <c r="KL17" s="110">
        <v>762067</v>
      </c>
      <c r="KM17" s="130">
        <v>798075</v>
      </c>
      <c r="KN17" s="219">
        <v>0</v>
      </c>
      <c r="KO17" s="223">
        <v>0</v>
      </c>
      <c r="KP17" s="224">
        <v>0</v>
      </c>
      <c r="KQ17" s="127"/>
      <c r="KR17" s="109">
        <v>210072</v>
      </c>
      <c r="KS17" s="109">
        <v>576449</v>
      </c>
      <c r="KT17" s="109">
        <v>225133</v>
      </c>
      <c r="KU17" s="109">
        <v>234591</v>
      </c>
      <c r="KV17" s="109">
        <v>0</v>
      </c>
      <c r="KW17" s="110">
        <v>1246245</v>
      </c>
      <c r="KX17" s="298">
        <v>1246245</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8">
        <v>0</v>
      </c>
      <c r="LU17" s="129">
        <v>0</v>
      </c>
      <c r="LV17" s="109">
        <v>0</v>
      </c>
      <c r="LW17" s="110">
        <v>0</v>
      </c>
      <c r="LX17" s="132"/>
      <c r="LY17" s="109">
        <v>0</v>
      </c>
      <c r="LZ17" s="109">
        <v>0</v>
      </c>
      <c r="MA17" s="109">
        <v>0</v>
      </c>
      <c r="MB17" s="109">
        <v>0</v>
      </c>
      <c r="MC17" s="109">
        <v>0</v>
      </c>
      <c r="MD17" s="110">
        <v>0</v>
      </c>
      <c r="ME17" s="111">
        <v>0</v>
      </c>
      <c r="MF17" s="129">
        <v>0</v>
      </c>
      <c r="MG17" s="109">
        <v>0</v>
      </c>
      <c r="MH17" s="110">
        <v>0</v>
      </c>
      <c r="MI17" s="132"/>
      <c r="MJ17" s="109">
        <v>201740</v>
      </c>
      <c r="MK17" s="109">
        <v>1091571</v>
      </c>
      <c r="ML17" s="109">
        <v>3183019</v>
      </c>
      <c r="MM17" s="109">
        <v>2782521</v>
      </c>
      <c r="MN17" s="109">
        <v>1527272</v>
      </c>
      <c r="MO17" s="110">
        <v>8786123</v>
      </c>
      <c r="MP17" s="130">
        <v>8786123</v>
      </c>
      <c r="MQ17" s="129">
        <v>0</v>
      </c>
      <c r="MR17" s="109">
        <v>0</v>
      </c>
      <c r="MS17" s="110">
        <v>0</v>
      </c>
      <c r="MT17" s="132"/>
      <c r="MU17" s="109">
        <v>0</v>
      </c>
      <c r="MV17" s="109">
        <v>0</v>
      </c>
      <c r="MW17" s="109">
        <v>1268891</v>
      </c>
      <c r="MX17" s="109">
        <v>2059323</v>
      </c>
      <c r="MY17" s="109">
        <v>1527272</v>
      </c>
      <c r="MZ17" s="110">
        <v>4855486</v>
      </c>
      <c r="NA17" s="130">
        <v>4855486</v>
      </c>
      <c r="NB17" s="129">
        <v>0</v>
      </c>
      <c r="NC17" s="109">
        <v>0</v>
      </c>
      <c r="ND17" s="110">
        <v>0</v>
      </c>
      <c r="NE17" s="132"/>
      <c r="NF17" s="109">
        <v>201740</v>
      </c>
      <c r="NG17" s="109">
        <v>1091571</v>
      </c>
      <c r="NH17" s="109">
        <v>1914128</v>
      </c>
      <c r="NI17" s="109">
        <v>723198</v>
      </c>
      <c r="NJ17" s="109">
        <v>0</v>
      </c>
      <c r="NK17" s="110">
        <v>3930637</v>
      </c>
      <c r="NL17" s="298">
        <v>3930637</v>
      </c>
      <c r="NM17" s="129">
        <v>0</v>
      </c>
      <c r="NN17" s="109">
        <v>0</v>
      </c>
      <c r="NO17" s="110">
        <v>0</v>
      </c>
      <c r="NP17" s="132">
        <v>0</v>
      </c>
      <c r="NQ17" s="109">
        <v>0</v>
      </c>
      <c r="NR17" s="109">
        <v>0</v>
      </c>
      <c r="NS17" s="109">
        <v>0</v>
      </c>
      <c r="NT17" s="109">
        <v>0</v>
      </c>
      <c r="NU17" s="109">
        <v>0</v>
      </c>
      <c r="NV17" s="110">
        <v>0</v>
      </c>
      <c r="NW17" s="111">
        <v>0</v>
      </c>
      <c r="NX17" s="129">
        <v>0</v>
      </c>
      <c r="NY17" s="109">
        <v>0</v>
      </c>
      <c r="NZ17" s="110">
        <v>0</v>
      </c>
      <c r="OA17" s="132"/>
      <c r="OB17" s="109">
        <v>0</v>
      </c>
      <c r="OC17" s="109">
        <v>0</v>
      </c>
      <c r="OD17" s="109">
        <v>0</v>
      </c>
      <c r="OE17" s="109">
        <v>0</v>
      </c>
      <c r="OF17" s="109">
        <v>0</v>
      </c>
      <c r="OG17" s="110">
        <v>0</v>
      </c>
      <c r="OH17" s="111">
        <v>0</v>
      </c>
      <c r="OI17" s="129">
        <v>160741</v>
      </c>
      <c r="OJ17" s="109">
        <v>649640</v>
      </c>
      <c r="OK17" s="128">
        <v>810381</v>
      </c>
      <c r="OL17" s="108">
        <v>0</v>
      </c>
      <c r="OM17" s="109">
        <v>6947918</v>
      </c>
      <c r="ON17" s="109">
        <v>5871262</v>
      </c>
      <c r="OO17" s="109">
        <v>9275001</v>
      </c>
      <c r="OP17" s="109">
        <v>9852812</v>
      </c>
      <c r="OQ17" s="109">
        <v>4574936</v>
      </c>
      <c r="OR17" s="110">
        <v>36521929</v>
      </c>
      <c r="OS17" s="130">
        <v>37332310</v>
      </c>
    </row>
    <row r="18" spans="2:409" ht="21" customHeight="1" x14ac:dyDescent="0.2">
      <c r="B18" s="472" t="s">
        <v>12</v>
      </c>
      <c r="C18" s="100">
        <v>713712</v>
      </c>
      <c r="D18" s="104">
        <v>1751293</v>
      </c>
      <c r="E18" s="103">
        <v>2465005</v>
      </c>
      <c r="F18" s="99">
        <v>0</v>
      </c>
      <c r="G18" s="104">
        <v>5968991</v>
      </c>
      <c r="H18" s="157">
        <v>8339943</v>
      </c>
      <c r="I18" s="157">
        <v>7610412</v>
      </c>
      <c r="J18" s="157">
        <v>6895277</v>
      </c>
      <c r="K18" s="157">
        <v>4661634</v>
      </c>
      <c r="L18" s="102">
        <v>33476257</v>
      </c>
      <c r="M18" s="106">
        <v>35941262</v>
      </c>
      <c r="N18" s="100">
        <v>197218</v>
      </c>
      <c r="O18" s="104">
        <v>572031</v>
      </c>
      <c r="P18" s="103">
        <v>769249</v>
      </c>
      <c r="Q18" s="100">
        <v>0</v>
      </c>
      <c r="R18" s="104">
        <v>1860492</v>
      </c>
      <c r="S18" s="104">
        <v>3202051</v>
      </c>
      <c r="T18" s="104">
        <v>2685507</v>
      </c>
      <c r="U18" s="104">
        <v>2855836</v>
      </c>
      <c r="V18" s="104">
        <v>2494427</v>
      </c>
      <c r="W18" s="103">
        <v>13098313</v>
      </c>
      <c r="X18" s="106">
        <v>13867562</v>
      </c>
      <c r="Y18" s="100">
        <v>0</v>
      </c>
      <c r="Z18" s="104">
        <v>0</v>
      </c>
      <c r="AA18" s="103">
        <v>0</v>
      </c>
      <c r="AB18" s="100">
        <v>0</v>
      </c>
      <c r="AC18" s="104">
        <v>1107284</v>
      </c>
      <c r="AD18" s="104">
        <v>1471505</v>
      </c>
      <c r="AE18" s="104">
        <v>1757267</v>
      </c>
      <c r="AF18" s="104">
        <v>1589820</v>
      </c>
      <c r="AG18" s="104">
        <v>1627856</v>
      </c>
      <c r="AH18" s="103">
        <v>7553732</v>
      </c>
      <c r="AI18" s="106">
        <v>7553732</v>
      </c>
      <c r="AJ18" s="100">
        <v>0</v>
      </c>
      <c r="AK18" s="104">
        <v>0</v>
      </c>
      <c r="AL18" s="103">
        <v>0</v>
      </c>
      <c r="AM18" s="100">
        <v>0</v>
      </c>
      <c r="AN18" s="104">
        <v>0</v>
      </c>
      <c r="AO18" s="104">
        <v>104619</v>
      </c>
      <c r="AP18" s="104">
        <v>92074</v>
      </c>
      <c r="AQ18" s="104">
        <v>125673</v>
      </c>
      <c r="AR18" s="104">
        <v>238612</v>
      </c>
      <c r="AS18" s="103">
        <v>560978</v>
      </c>
      <c r="AT18" s="106">
        <v>560978</v>
      </c>
      <c r="AU18" s="100">
        <v>121360</v>
      </c>
      <c r="AV18" s="104">
        <v>494737</v>
      </c>
      <c r="AW18" s="103">
        <v>616097</v>
      </c>
      <c r="AX18" s="100">
        <v>0</v>
      </c>
      <c r="AY18" s="104">
        <v>588033</v>
      </c>
      <c r="AZ18" s="104">
        <v>1217790</v>
      </c>
      <c r="BA18" s="104">
        <v>504904</v>
      </c>
      <c r="BB18" s="104">
        <v>792038</v>
      </c>
      <c r="BC18" s="104">
        <v>497801</v>
      </c>
      <c r="BD18" s="103">
        <v>3600566</v>
      </c>
      <c r="BE18" s="106">
        <v>4216663</v>
      </c>
      <c r="BF18" s="100">
        <v>20803</v>
      </c>
      <c r="BG18" s="104">
        <v>18137</v>
      </c>
      <c r="BH18" s="102">
        <v>38940</v>
      </c>
      <c r="BI18" s="101">
        <v>0</v>
      </c>
      <c r="BJ18" s="104">
        <v>57786</v>
      </c>
      <c r="BK18" s="104">
        <v>96490</v>
      </c>
      <c r="BL18" s="104">
        <v>13868</v>
      </c>
      <c r="BM18" s="104">
        <v>126251</v>
      </c>
      <c r="BN18" s="104">
        <v>0</v>
      </c>
      <c r="BO18" s="103">
        <v>294395</v>
      </c>
      <c r="BP18" s="106">
        <v>333335</v>
      </c>
      <c r="BQ18" s="100">
        <v>55055</v>
      </c>
      <c r="BR18" s="104">
        <v>59157</v>
      </c>
      <c r="BS18" s="103">
        <v>114212</v>
      </c>
      <c r="BT18" s="100">
        <v>0</v>
      </c>
      <c r="BU18" s="104">
        <v>107389</v>
      </c>
      <c r="BV18" s="104">
        <v>311647</v>
      </c>
      <c r="BW18" s="104">
        <v>317394</v>
      </c>
      <c r="BX18" s="104">
        <v>222054</v>
      </c>
      <c r="BY18" s="104">
        <v>130158</v>
      </c>
      <c r="BZ18" s="103">
        <v>1088642</v>
      </c>
      <c r="CA18" s="106">
        <v>1202854</v>
      </c>
      <c r="CB18" s="100">
        <v>241351</v>
      </c>
      <c r="CC18" s="104">
        <v>334658</v>
      </c>
      <c r="CD18" s="103">
        <v>576009</v>
      </c>
      <c r="CE18" s="100">
        <v>0</v>
      </c>
      <c r="CF18" s="104">
        <v>2047327</v>
      </c>
      <c r="CG18" s="104">
        <v>1994506</v>
      </c>
      <c r="CH18" s="104">
        <v>1341416</v>
      </c>
      <c r="CI18" s="104">
        <v>1025913</v>
      </c>
      <c r="CJ18" s="104">
        <v>523590</v>
      </c>
      <c r="CK18" s="103">
        <v>6932752</v>
      </c>
      <c r="CL18" s="106">
        <v>7508761</v>
      </c>
      <c r="CM18" s="100">
        <v>0</v>
      </c>
      <c r="CN18" s="104">
        <v>0</v>
      </c>
      <c r="CO18" s="103">
        <v>0</v>
      </c>
      <c r="CP18" s="101">
        <v>0</v>
      </c>
      <c r="CQ18" s="104">
        <v>1434502</v>
      </c>
      <c r="CR18" s="104">
        <v>1562350</v>
      </c>
      <c r="CS18" s="104">
        <v>806963</v>
      </c>
      <c r="CT18" s="104">
        <v>847169</v>
      </c>
      <c r="CU18" s="104">
        <v>523590</v>
      </c>
      <c r="CV18" s="103">
        <v>5174574</v>
      </c>
      <c r="CW18" s="106">
        <v>5174574</v>
      </c>
      <c r="CX18" s="100">
        <v>241351</v>
      </c>
      <c r="CY18" s="104">
        <v>334658</v>
      </c>
      <c r="CZ18" s="103">
        <v>576009</v>
      </c>
      <c r="DA18" s="100">
        <v>0</v>
      </c>
      <c r="DB18" s="104">
        <v>612825</v>
      </c>
      <c r="DC18" s="104">
        <v>432156</v>
      </c>
      <c r="DD18" s="104">
        <v>534453</v>
      </c>
      <c r="DE18" s="104">
        <v>178744</v>
      </c>
      <c r="DF18" s="104">
        <v>0</v>
      </c>
      <c r="DG18" s="103">
        <v>1758178</v>
      </c>
      <c r="DH18" s="106">
        <v>2334187</v>
      </c>
      <c r="DI18" s="100">
        <v>0</v>
      </c>
      <c r="DJ18" s="104">
        <v>43467</v>
      </c>
      <c r="DK18" s="102">
        <v>43467</v>
      </c>
      <c r="DL18" s="101">
        <v>0</v>
      </c>
      <c r="DM18" s="104">
        <v>597661</v>
      </c>
      <c r="DN18" s="104">
        <v>557338</v>
      </c>
      <c r="DO18" s="104">
        <v>688156</v>
      </c>
      <c r="DP18" s="104">
        <v>354556</v>
      </c>
      <c r="DQ18" s="104">
        <v>57698</v>
      </c>
      <c r="DR18" s="103">
        <v>2255409</v>
      </c>
      <c r="DS18" s="106">
        <v>2298876</v>
      </c>
      <c r="DT18" s="100">
        <v>0</v>
      </c>
      <c r="DU18" s="104">
        <v>43467</v>
      </c>
      <c r="DV18" s="103">
        <v>43467</v>
      </c>
      <c r="DW18" s="100">
        <v>0</v>
      </c>
      <c r="DX18" s="104">
        <v>515592</v>
      </c>
      <c r="DY18" s="104">
        <v>495925</v>
      </c>
      <c r="DZ18" s="104">
        <v>688156</v>
      </c>
      <c r="EA18" s="104">
        <v>354556</v>
      </c>
      <c r="EB18" s="104">
        <v>57698</v>
      </c>
      <c r="EC18" s="103">
        <v>2111927</v>
      </c>
      <c r="ED18" s="106">
        <v>2155394</v>
      </c>
      <c r="EE18" s="100">
        <v>0</v>
      </c>
      <c r="EF18" s="102">
        <v>0</v>
      </c>
      <c r="EG18" s="103">
        <v>0</v>
      </c>
      <c r="EH18" s="100">
        <v>0</v>
      </c>
      <c r="EI18" s="104">
        <v>82069</v>
      </c>
      <c r="EJ18" s="104">
        <v>61413</v>
      </c>
      <c r="EK18" s="104">
        <v>0</v>
      </c>
      <c r="EL18" s="104">
        <v>0</v>
      </c>
      <c r="EM18" s="104">
        <v>0</v>
      </c>
      <c r="EN18" s="102">
        <v>143482</v>
      </c>
      <c r="EO18" s="106">
        <v>143482</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98336</v>
      </c>
      <c r="FM18" s="104">
        <v>410256</v>
      </c>
      <c r="FN18" s="103">
        <v>508592</v>
      </c>
      <c r="FO18" s="100">
        <v>0</v>
      </c>
      <c r="FP18" s="104">
        <v>384209</v>
      </c>
      <c r="FQ18" s="104">
        <v>683886</v>
      </c>
      <c r="FR18" s="104">
        <v>458108</v>
      </c>
      <c r="FS18" s="104">
        <v>617211</v>
      </c>
      <c r="FT18" s="104">
        <v>353640</v>
      </c>
      <c r="FU18" s="103">
        <v>2497054</v>
      </c>
      <c r="FV18" s="106">
        <v>3005646</v>
      </c>
      <c r="FW18" s="105">
        <v>82166</v>
      </c>
      <c r="FX18" s="104">
        <v>256256</v>
      </c>
      <c r="FY18" s="102">
        <v>338422</v>
      </c>
      <c r="FZ18" s="101">
        <v>0</v>
      </c>
      <c r="GA18" s="104">
        <v>228669</v>
      </c>
      <c r="GB18" s="104">
        <v>605031</v>
      </c>
      <c r="GC18" s="104">
        <v>458108</v>
      </c>
      <c r="GD18" s="104">
        <v>588511</v>
      </c>
      <c r="GE18" s="104">
        <v>332850</v>
      </c>
      <c r="GF18" s="103">
        <v>2213169</v>
      </c>
      <c r="GG18" s="296">
        <v>2551591</v>
      </c>
      <c r="GH18" s="105">
        <v>0</v>
      </c>
      <c r="GI18" s="104">
        <v>0</v>
      </c>
      <c r="GJ18" s="102">
        <v>0</v>
      </c>
      <c r="GK18" s="101">
        <v>0</v>
      </c>
      <c r="GL18" s="104">
        <v>23100</v>
      </c>
      <c r="GM18" s="104">
        <v>78855</v>
      </c>
      <c r="GN18" s="104">
        <v>0</v>
      </c>
      <c r="GO18" s="104">
        <v>0</v>
      </c>
      <c r="GP18" s="104">
        <v>20790</v>
      </c>
      <c r="GQ18" s="103">
        <v>122745</v>
      </c>
      <c r="GR18" s="106">
        <v>122745</v>
      </c>
      <c r="GS18" s="100">
        <v>16170</v>
      </c>
      <c r="GT18" s="104">
        <v>154000</v>
      </c>
      <c r="GU18" s="103">
        <v>170170</v>
      </c>
      <c r="GV18" s="100">
        <v>0</v>
      </c>
      <c r="GW18" s="104">
        <v>132440</v>
      </c>
      <c r="GX18" s="104">
        <v>0</v>
      </c>
      <c r="GY18" s="104">
        <v>0</v>
      </c>
      <c r="GZ18" s="104">
        <v>28700</v>
      </c>
      <c r="HA18" s="104">
        <v>0</v>
      </c>
      <c r="HB18" s="102">
        <v>161140</v>
      </c>
      <c r="HC18" s="106">
        <v>331310</v>
      </c>
      <c r="HD18" s="100">
        <v>176807</v>
      </c>
      <c r="HE18" s="104">
        <v>390881</v>
      </c>
      <c r="HF18" s="102">
        <v>567688</v>
      </c>
      <c r="HG18" s="101">
        <v>0</v>
      </c>
      <c r="HH18" s="104">
        <v>1079302</v>
      </c>
      <c r="HI18" s="104">
        <v>1902162</v>
      </c>
      <c r="HJ18" s="104">
        <v>2437225</v>
      </c>
      <c r="HK18" s="104">
        <v>2041761</v>
      </c>
      <c r="HL18" s="104">
        <v>1232279</v>
      </c>
      <c r="HM18" s="103">
        <v>8692729</v>
      </c>
      <c r="HN18" s="99">
        <v>9260417</v>
      </c>
      <c r="HO18" s="306"/>
      <c r="HP18" s="307"/>
      <c r="HQ18" s="308"/>
      <c r="HR18" s="309"/>
      <c r="HS18" s="307"/>
      <c r="HT18" s="307"/>
      <c r="HU18" s="307"/>
      <c r="HV18" s="307"/>
      <c r="HW18" s="307"/>
      <c r="HX18" s="310"/>
      <c r="HY18" s="311"/>
      <c r="HZ18" s="137">
        <v>0</v>
      </c>
      <c r="IA18" s="122">
        <v>0</v>
      </c>
      <c r="IB18" s="137">
        <v>0</v>
      </c>
      <c r="IC18" s="121">
        <v>0</v>
      </c>
      <c r="ID18" s="122">
        <v>1311589</v>
      </c>
      <c r="IE18" s="123">
        <v>1713121</v>
      </c>
      <c r="IF18" s="124">
        <v>1206417</v>
      </c>
      <c r="IG18" s="122">
        <v>1918354</v>
      </c>
      <c r="IH18" s="124">
        <v>535140</v>
      </c>
      <c r="II18" s="125">
        <v>6684621</v>
      </c>
      <c r="IJ18" s="137">
        <v>6684621</v>
      </c>
      <c r="IK18" s="219">
        <v>0</v>
      </c>
      <c r="IL18" s="223">
        <v>0</v>
      </c>
      <c r="IM18" s="224">
        <v>0</v>
      </c>
      <c r="IN18" s="127"/>
      <c r="IO18" s="109">
        <v>0</v>
      </c>
      <c r="IP18" s="109">
        <v>0</v>
      </c>
      <c r="IQ18" s="109">
        <v>0</v>
      </c>
      <c r="IR18" s="109">
        <v>0</v>
      </c>
      <c r="IS18" s="109">
        <v>0</v>
      </c>
      <c r="IT18" s="128">
        <v>0</v>
      </c>
      <c r="IU18" s="298">
        <v>0</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777878</v>
      </c>
      <c r="JL18" s="109">
        <v>559858</v>
      </c>
      <c r="JM18" s="109">
        <v>449266</v>
      </c>
      <c r="JN18" s="109">
        <v>353868</v>
      </c>
      <c r="JO18" s="109">
        <v>241795</v>
      </c>
      <c r="JP18" s="110">
        <v>2382665</v>
      </c>
      <c r="JQ18" s="298">
        <v>2382665</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108448</v>
      </c>
      <c r="KH18" s="109">
        <v>318713</v>
      </c>
      <c r="KI18" s="109">
        <v>423188</v>
      </c>
      <c r="KJ18" s="109">
        <v>638446</v>
      </c>
      <c r="KK18" s="109">
        <v>0</v>
      </c>
      <c r="KL18" s="110">
        <v>1488795</v>
      </c>
      <c r="KM18" s="130">
        <v>1488795</v>
      </c>
      <c r="KN18" s="219">
        <v>0</v>
      </c>
      <c r="KO18" s="223">
        <v>0</v>
      </c>
      <c r="KP18" s="224">
        <v>0</v>
      </c>
      <c r="KQ18" s="127"/>
      <c r="KR18" s="109">
        <v>425263</v>
      </c>
      <c r="KS18" s="109">
        <v>220824</v>
      </c>
      <c r="KT18" s="109">
        <v>0</v>
      </c>
      <c r="KU18" s="109">
        <v>227203</v>
      </c>
      <c r="KV18" s="109">
        <v>233582</v>
      </c>
      <c r="KW18" s="110">
        <v>1106872</v>
      </c>
      <c r="KX18" s="298">
        <v>1106872</v>
      </c>
      <c r="KY18" s="129">
        <v>0</v>
      </c>
      <c r="KZ18" s="109">
        <v>0</v>
      </c>
      <c r="LA18" s="110">
        <v>0</v>
      </c>
      <c r="LB18" s="132"/>
      <c r="LC18" s="109">
        <v>0</v>
      </c>
      <c r="LD18" s="109">
        <v>162217</v>
      </c>
      <c r="LE18" s="109">
        <v>0</v>
      </c>
      <c r="LF18" s="109">
        <v>196348</v>
      </c>
      <c r="LG18" s="109">
        <v>0</v>
      </c>
      <c r="LH18" s="110">
        <v>358565</v>
      </c>
      <c r="LI18" s="111">
        <v>358565</v>
      </c>
      <c r="LJ18" s="129">
        <v>0</v>
      </c>
      <c r="LK18" s="109">
        <v>0</v>
      </c>
      <c r="LL18" s="110">
        <v>0</v>
      </c>
      <c r="LM18" s="132"/>
      <c r="LN18" s="109">
        <v>0</v>
      </c>
      <c r="LO18" s="109">
        <v>0</v>
      </c>
      <c r="LP18" s="109">
        <v>0</v>
      </c>
      <c r="LQ18" s="109">
        <v>0</v>
      </c>
      <c r="LR18" s="109">
        <v>59763</v>
      </c>
      <c r="LS18" s="110">
        <v>59763</v>
      </c>
      <c r="LT18" s="298">
        <v>59763</v>
      </c>
      <c r="LU18" s="129">
        <v>0</v>
      </c>
      <c r="LV18" s="109">
        <v>0</v>
      </c>
      <c r="LW18" s="110">
        <v>0</v>
      </c>
      <c r="LX18" s="132"/>
      <c r="LY18" s="109">
        <v>0</v>
      </c>
      <c r="LZ18" s="109">
        <v>451509</v>
      </c>
      <c r="MA18" s="109">
        <v>333963</v>
      </c>
      <c r="MB18" s="109">
        <v>502489</v>
      </c>
      <c r="MC18" s="109">
        <v>0</v>
      </c>
      <c r="MD18" s="110">
        <v>1287961</v>
      </c>
      <c r="ME18" s="111">
        <v>1287961</v>
      </c>
      <c r="MF18" s="129">
        <v>0</v>
      </c>
      <c r="MG18" s="109">
        <v>0</v>
      </c>
      <c r="MH18" s="110">
        <v>0</v>
      </c>
      <c r="MI18" s="132"/>
      <c r="MJ18" s="109">
        <v>0</v>
      </c>
      <c r="MK18" s="109">
        <v>1005471</v>
      </c>
      <c r="ML18" s="109">
        <v>1117701</v>
      </c>
      <c r="MM18" s="109">
        <v>4809412</v>
      </c>
      <c r="MN18" s="109">
        <v>1813890</v>
      </c>
      <c r="MO18" s="110">
        <v>8746474</v>
      </c>
      <c r="MP18" s="130">
        <v>8746474</v>
      </c>
      <c r="MQ18" s="129">
        <v>0</v>
      </c>
      <c r="MR18" s="109">
        <v>0</v>
      </c>
      <c r="MS18" s="110">
        <v>0</v>
      </c>
      <c r="MT18" s="132"/>
      <c r="MU18" s="109">
        <v>0</v>
      </c>
      <c r="MV18" s="109">
        <v>0</v>
      </c>
      <c r="MW18" s="109">
        <v>230612</v>
      </c>
      <c r="MX18" s="109">
        <v>2780934</v>
      </c>
      <c r="MY18" s="109">
        <v>1023496</v>
      </c>
      <c r="MZ18" s="110">
        <v>4035042</v>
      </c>
      <c r="NA18" s="130">
        <v>4035042</v>
      </c>
      <c r="NB18" s="129">
        <v>0</v>
      </c>
      <c r="NC18" s="109">
        <v>0</v>
      </c>
      <c r="ND18" s="110">
        <v>0</v>
      </c>
      <c r="NE18" s="132"/>
      <c r="NF18" s="109">
        <v>0</v>
      </c>
      <c r="NG18" s="109">
        <v>1005471</v>
      </c>
      <c r="NH18" s="109">
        <v>887089</v>
      </c>
      <c r="NI18" s="109">
        <v>1721120</v>
      </c>
      <c r="NJ18" s="109">
        <v>790394</v>
      </c>
      <c r="NK18" s="110">
        <v>4404074</v>
      </c>
      <c r="NL18" s="298">
        <v>4404074</v>
      </c>
      <c r="NM18" s="129">
        <v>0</v>
      </c>
      <c r="NN18" s="109">
        <v>0</v>
      </c>
      <c r="NO18" s="110">
        <v>0</v>
      </c>
      <c r="NP18" s="132">
        <v>0</v>
      </c>
      <c r="NQ18" s="109">
        <v>0</v>
      </c>
      <c r="NR18" s="109">
        <v>0</v>
      </c>
      <c r="NS18" s="109">
        <v>0</v>
      </c>
      <c r="NT18" s="109">
        <v>0</v>
      </c>
      <c r="NU18" s="109">
        <v>0</v>
      </c>
      <c r="NV18" s="110">
        <v>0</v>
      </c>
      <c r="NW18" s="111">
        <v>0</v>
      </c>
      <c r="NX18" s="129">
        <v>0</v>
      </c>
      <c r="NY18" s="109">
        <v>0</v>
      </c>
      <c r="NZ18" s="110">
        <v>0</v>
      </c>
      <c r="OA18" s="132"/>
      <c r="OB18" s="109">
        <v>0</v>
      </c>
      <c r="OC18" s="109">
        <v>0</v>
      </c>
      <c r="OD18" s="109">
        <v>0</v>
      </c>
      <c r="OE18" s="109">
        <v>307358</v>
      </c>
      <c r="OF18" s="109">
        <v>0</v>
      </c>
      <c r="OG18" s="110">
        <v>307358</v>
      </c>
      <c r="OH18" s="111">
        <v>307358</v>
      </c>
      <c r="OI18" s="129">
        <v>713712</v>
      </c>
      <c r="OJ18" s="109">
        <v>1751293</v>
      </c>
      <c r="OK18" s="128">
        <v>2465005</v>
      </c>
      <c r="OL18" s="108">
        <v>0</v>
      </c>
      <c r="OM18" s="109">
        <v>7280580</v>
      </c>
      <c r="ON18" s="109">
        <v>11058535</v>
      </c>
      <c r="OO18" s="109">
        <v>9934530</v>
      </c>
      <c r="OP18" s="109">
        <v>13623043</v>
      </c>
      <c r="OQ18" s="109">
        <v>7010664</v>
      </c>
      <c r="OR18" s="110">
        <v>48907352</v>
      </c>
      <c r="OS18" s="130">
        <v>51372357</v>
      </c>
    </row>
    <row r="19" spans="2:409" ht="21" customHeight="1" x14ac:dyDescent="0.2">
      <c r="B19" s="472" t="s">
        <v>13</v>
      </c>
      <c r="C19" s="100">
        <v>314023</v>
      </c>
      <c r="D19" s="104">
        <v>638060</v>
      </c>
      <c r="E19" s="103">
        <v>952083</v>
      </c>
      <c r="F19" s="100">
        <v>0</v>
      </c>
      <c r="G19" s="157">
        <v>3575907</v>
      </c>
      <c r="H19" s="104">
        <v>4219719</v>
      </c>
      <c r="I19" s="104">
        <v>3864373</v>
      </c>
      <c r="J19" s="104">
        <v>4506700</v>
      </c>
      <c r="K19" s="104">
        <v>4548690</v>
      </c>
      <c r="L19" s="102">
        <v>20715389</v>
      </c>
      <c r="M19" s="106">
        <v>21667472</v>
      </c>
      <c r="N19" s="100">
        <v>105204</v>
      </c>
      <c r="O19" s="104">
        <v>243259</v>
      </c>
      <c r="P19" s="103">
        <v>348463</v>
      </c>
      <c r="Q19" s="100">
        <v>0</v>
      </c>
      <c r="R19" s="104">
        <v>1252829</v>
      </c>
      <c r="S19" s="104">
        <v>1796403</v>
      </c>
      <c r="T19" s="104">
        <v>1368355</v>
      </c>
      <c r="U19" s="104">
        <v>1617107</v>
      </c>
      <c r="V19" s="104">
        <v>2699233</v>
      </c>
      <c r="W19" s="103">
        <v>8733927</v>
      </c>
      <c r="X19" s="106">
        <v>9082390</v>
      </c>
      <c r="Y19" s="100">
        <v>0</v>
      </c>
      <c r="Z19" s="104">
        <v>0</v>
      </c>
      <c r="AA19" s="103">
        <v>0</v>
      </c>
      <c r="AB19" s="100">
        <v>0</v>
      </c>
      <c r="AC19" s="104">
        <v>569842</v>
      </c>
      <c r="AD19" s="104">
        <v>981628</v>
      </c>
      <c r="AE19" s="104">
        <v>820320</v>
      </c>
      <c r="AF19" s="104">
        <v>965113</v>
      </c>
      <c r="AG19" s="104">
        <v>1884796</v>
      </c>
      <c r="AH19" s="103">
        <v>5221699</v>
      </c>
      <c r="AI19" s="106">
        <v>5221699</v>
      </c>
      <c r="AJ19" s="100">
        <v>0</v>
      </c>
      <c r="AK19" s="104">
        <v>0</v>
      </c>
      <c r="AL19" s="103">
        <v>0</v>
      </c>
      <c r="AM19" s="100">
        <v>0</v>
      </c>
      <c r="AN19" s="104">
        <v>0</v>
      </c>
      <c r="AO19" s="104">
        <v>0</v>
      </c>
      <c r="AP19" s="104">
        <v>0</v>
      </c>
      <c r="AQ19" s="104">
        <v>102554</v>
      </c>
      <c r="AR19" s="104">
        <v>51097</v>
      </c>
      <c r="AS19" s="103">
        <v>153651</v>
      </c>
      <c r="AT19" s="106">
        <v>153651</v>
      </c>
      <c r="AU19" s="100">
        <v>33909</v>
      </c>
      <c r="AV19" s="104">
        <v>192502</v>
      </c>
      <c r="AW19" s="103">
        <v>226411</v>
      </c>
      <c r="AX19" s="100">
        <v>0</v>
      </c>
      <c r="AY19" s="104">
        <v>452207</v>
      </c>
      <c r="AZ19" s="104">
        <v>439823</v>
      </c>
      <c r="BA19" s="104">
        <v>362311</v>
      </c>
      <c r="BB19" s="104">
        <v>264380</v>
      </c>
      <c r="BC19" s="104">
        <v>425617</v>
      </c>
      <c r="BD19" s="103">
        <v>1944338</v>
      </c>
      <c r="BE19" s="106">
        <v>2170749</v>
      </c>
      <c r="BF19" s="100">
        <v>0</v>
      </c>
      <c r="BG19" s="104">
        <v>0</v>
      </c>
      <c r="BH19" s="102">
        <v>0</v>
      </c>
      <c r="BI19" s="101">
        <v>0</v>
      </c>
      <c r="BJ19" s="104">
        <v>19191</v>
      </c>
      <c r="BK19" s="104">
        <v>74288</v>
      </c>
      <c r="BL19" s="104">
        <v>0</v>
      </c>
      <c r="BM19" s="104">
        <v>52828</v>
      </c>
      <c r="BN19" s="104">
        <v>61083</v>
      </c>
      <c r="BO19" s="103">
        <v>207390</v>
      </c>
      <c r="BP19" s="106">
        <v>207390</v>
      </c>
      <c r="BQ19" s="100">
        <v>71295</v>
      </c>
      <c r="BR19" s="104">
        <v>50757</v>
      </c>
      <c r="BS19" s="103">
        <v>122052</v>
      </c>
      <c r="BT19" s="100">
        <v>0</v>
      </c>
      <c r="BU19" s="104">
        <v>211589</v>
      </c>
      <c r="BV19" s="104">
        <v>300664</v>
      </c>
      <c r="BW19" s="104">
        <v>185724</v>
      </c>
      <c r="BX19" s="104">
        <v>232232</v>
      </c>
      <c r="BY19" s="104">
        <v>276640</v>
      </c>
      <c r="BZ19" s="103">
        <v>1206849</v>
      </c>
      <c r="CA19" s="106">
        <v>1328901</v>
      </c>
      <c r="CB19" s="100">
        <v>0</v>
      </c>
      <c r="CC19" s="104">
        <v>0</v>
      </c>
      <c r="CD19" s="103">
        <v>0</v>
      </c>
      <c r="CE19" s="100">
        <v>0</v>
      </c>
      <c r="CF19" s="104">
        <v>640180</v>
      </c>
      <c r="CG19" s="104">
        <v>923400</v>
      </c>
      <c r="CH19" s="104">
        <v>630018</v>
      </c>
      <c r="CI19" s="104">
        <v>320664</v>
      </c>
      <c r="CJ19" s="104">
        <v>178260</v>
      </c>
      <c r="CK19" s="103">
        <v>2692522</v>
      </c>
      <c r="CL19" s="106">
        <v>2692522</v>
      </c>
      <c r="CM19" s="100">
        <v>0</v>
      </c>
      <c r="CN19" s="104">
        <v>0</v>
      </c>
      <c r="CO19" s="103">
        <v>0</v>
      </c>
      <c r="CP19" s="101">
        <v>0</v>
      </c>
      <c r="CQ19" s="104">
        <v>601887</v>
      </c>
      <c r="CR19" s="104">
        <v>879383</v>
      </c>
      <c r="CS19" s="104">
        <v>490714</v>
      </c>
      <c r="CT19" s="104">
        <v>67180</v>
      </c>
      <c r="CU19" s="104">
        <v>0</v>
      </c>
      <c r="CV19" s="103">
        <v>2039164</v>
      </c>
      <c r="CW19" s="106">
        <v>2039164</v>
      </c>
      <c r="CX19" s="100">
        <v>0</v>
      </c>
      <c r="CY19" s="104">
        <v>0</v>
      </c>
      <c r="CZ19" s="103">
        <v>0</v>
      </c>
      <c r="DA19" s="100">
        <v>0</v>
      </c>
      <c r="DB19" s="104">
        <v>38293</v>
      </c>
      <c r="DC19" s="104">
        <v>44017</v>
      </c>
      <c r="DD19" s="104">
        <v>139304</v>
      </c>
      <c r="DE19" s="104">
        <v>253484</v>
      </c>
      <c r="DF19" s="104">
        <v>178260</v>
      </c>
      <c r="DG19" s="103">
        <v>653358</v>
      </c>
      <c r="DH19" s="106">
        <v>653358</v>
      </c>
      <c r="DI19" s="100">
        <v>0</v>
      </c>
      <c r="DJ19" s="104">
        <v>0</v>
      </c>
      <c r="DK19" s="102">
        <v>0</v>
      </c>
      <c r="DL19" s="101">
        <v>0</v>
      </c>
      <c r="DM19" s="104">
        <v>14592</v>
      </c>
      <c r="DN19" s="104">
        <v>139939</v>
      </c>
      <c r="DO19" s="104">
        <v>206809</v>
      </c>
      <c r="DP19" s="104">
        <v>120134</v>
      </c>
      <c r="DQ19" s="104">
        <v>0</v>
      </c>
      <c r="DR19" s="103">
        <v>481474</v>
      </c>
      <c r="DS19" s="106">
        <v>481474</v>
      </c>
      <c r="DT19" s="100">
        <v>0</v>
      </c>
      <c r="DU19" s="104">
        <v>0</v>
      </c>
      <c r="DV19" s="103">
        <v>0</v>
      </c>
      <c r="DW19" s="100">
        <v>0</v>
      </c>
      <c r="DX19" s="104">
        <v>14592</v>
      </c>
      <c r="DY19" s="104">
        <v>94038</v>
      </c>
      <c r="DZ19" s="104">
        <v>206809</v>
      </c>
      <c r="EA19" s="104">
        <v>120134</v>
      </c>
      <c r="EB19" s="104">
        <v>0</v>
      </c>
      <c r="EC19" s="103">
        <v>435573</v>
      </c>
      <c r="ED19" s="106">
        <v>435573</v>
      </c>
      <c r="EE19" s="100">
        <v>0</v>
      </c>
      <c r="EF19" s="102">
        <v>0</v>
      </c>
      <c r="EG19" s="103">
        <v>0</v>
      </c>
      <c r="EH19" s="100">
        <v>0</v>
      </c>
      <c r="EI19" s="104">
        <v>0</v>
      </c>
      <c r="EJ19" s="104">
        <v>45901</v>
      </c>
      <c r="EK19" s="104">
        <v>0</v>
      </c>
      <c r="EL19" s="104">
        <v>0</v>
      </c>
      <c r="EM19" s="104">
        <v>0</v>
      </c>
      <c r="EN19" s="102">
        <v>45901</v>
      </c>
      <c r="EO19" s="106">
        <v>45901</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17514</v>
      </c>
      <c r="FM19" s="104">
        <v>138390</v>
      </c>
      <c r="FN19" s="103">
        <v>155904</v>
      </c>
      <c r="FO19" s="100">
        <v>0</v>
      </c>
      <c r="FP19" s="104">
        <v>99092</v>
      </c>
      <c r="FQ19" s="104">
        <v>352611</v>
      </c>
      <c r="FR19" s="104">
        <v>276668</v>
      </c>
      <c r="FS19" s="104">
        <v>281113</v>
      </c>
      <c r="FT19" s="104">
        <v>216426</v>
      </c>
      <c r="FU19" s="103">
        <v>1225910</v>
      </c>
      <c r="FV19" s="106">
        <v>1381814</v>
      </c>
      <c r="FW19" s="105">
        <v>17514</v>
      </c>
      <c r="FX19" s="104">
        <v>82390</v>
      </c>
      <c r="FY19" s="102">
        <v>99904</v>
      </c>
      <c r="FZ19" s="101">
        <v>0</v>
      </c>
      <c r="GA19" s="104">
        <v>78092</v>
      </c>
      <c r="GB19" s="104">
        <v>333130</v>
      </c>
      <c r="GC19" s="104">
        <v>263368</v>
      </c>
      <c r="GD19" s="104">
        <v>281113</v>
      </c>
      <c r="GE19" s="104">
        <v>216426</v>
      </c>
      <c r="GF19" s="103">
        <v>1172129</v>
      </c>
      <c r="GG19" s="296">
        <v>1272033</v>
      </c>
      <c r="GH19" s="105">
        <v>0</v>
      </c>
      <c r="GI19" s="104">
        <v>0</v>
      </c>
      <c r="GJ19" s="102">
        <v>0</v>
      </c>
      <c r="GK19" s="101">
        <v>0</v>
      </c>
      <c r="GL19" s="104">
        <v>0</v>
      </c>
      <c r="GM19" s="104">
        <v>0</v>
      </c>
      <c r="GN19" s="104">
        <v>13300</v>
      </c>
      <c r="GO19" s="104">
        <v>0</v>
      </c>
      <c r="GP19" s="104">
        <v>0</v>
      </c>
      <c r="GQ19" s="103">
        <v>13300</v>
      </c>
      <c r="GR19" s="106">
        <v>13300</v>
      </c>
      <c r="GS19" s="100">
        <v>0</v>
      </c>
      <c r="GT19" s="104">
        <v>56000</v>
      </c>
      <c r="GU19" s="103">
        <v>56000</v>
      </c>
      <c r="GV19" s="100">
        <v>0</v>
      </c>
      <c r="GW19" s="104">
        <v>21000</v>
      </c>
      <c r="GX19" s="104">
        <v>19481</v>
      </c>
      <c r="GY19" s="104">
        <v>0</v>
      </c>
      <c r="GZ19" s="104">
        <v>0</v>
      </c>
      <c r="HA19" s="104">
        <v>0</v>
      </c>
      <c r="HB19" s="102">
        <v>40481</v>
      </c>
      <c r="HC19" s="106">
        <v>96481</v>
      </c>
      <c r="HD19" s="100">
        <v>191305</v>
      </c>
      <c r="HE19" s="104">
        <v>256411</v>
      </c>
      <c r="HF19" s="102">
        <v>447716</v>
      </c>
      <c r="HG19" s="101">
        <v>0</v>
      </c>
      <c r="HH19" s="104">
        <v>1569214</v>
      </c>
      <c r="HI19" s="104">
        <v>1007366</v>
      </c>
      <c r="HJ19" s="104">
        <v>1382523</v>
      </c>
      <c r="HK19" s="104">
        <v>2167682</v>
      </c>
      <c r="HL19" s="104">
        <v>1454771</v>
      </c>
      <c r="HM19" s="103">
        <v>7581556</v>
      </c>
      <c r="HN19" s="99">
        <v>8029272</v>
      </c>
      <c r="HO19" s="306"/>
      <c r="HP19" s="307"/>
      <c r="HQ19" s="308"/>
      <c r="HR19" s="309"/>
      <c r="HS19" s="307"/>
      <c r="HT19" s="307"/>
      <c r="HU19" s="307"/>
      <c r="HV19" s="307"/>
      <c r="HW19" s="307"/>
      <c r="HX19" s="310"/>
      <c r="HY19" s="311"/>
      <c r="HZ19" s="118">
        <v>0</v>
      </c>
      <c r="IA19" s="119">
        <v>0</v>
      </c>
      <c r="IB19" s="120">
        <v>0</v>
      </c>
      <c r="IC19" s="133">
        <v>0</v>
      </c>
      <c r="ID19" s="119">
        <v>312525</v>
      </c>
      <c r="IE19" s="134">
        <v>653172</v>
      </c>
      <c r="IF19" s="120">
        <v>681336</v>
      </c>
      <c r="IG19" s="119">
        <v>186094</v>
      </c>
      <c r="IH19" s="120">
        <v>283069</v>
      </c>
      <c r="II19" s="135">
        <v>2116196</v>
      </c>
      <c r="IJ19" s="126">
        <v>2116196</v>
      </c>
      <c r="IK19" s="219">
        <v>0</v>
      </c>
      <c r="IL19" s="223">
        <v>0</v>
      </c>
      <c r="IM19" s="224">
        <v>0</v>
      </c>
      <c r="IN19" s="127"/>
      <c r="IO19" s="109">
        <v>0</v>
      </c>
      <c r="IP19" s="109">
        <v>0</v>
      </c>
      <c r="IQ19" s="109">
        <v>0</v>
      </c>
      <c r="IR19" s="109">
        <v>0</v>
      </c>
      <c r="IS19" s="109">
        <v>0</v>
      </c>
      <c r="IT19" s="128">
        <v>0</v>
      </c>
      <c r="IU19" s="298">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267157</v>
      </c>
      <c r="JL19" s="109">
        <v>653172</v>
      </c>
      <c r="JM19" s="109">
        <v>472200</v>
      </c>
      <c r="JN19" s="109">
        <v>186094</v>
      </c>
      <c r="JO19" s="109">
        <v>155084</v>
      </c>
      <c r="JP19" s="110">
        <v>1733707</v>
      </c>
      <c r="JQ19" s="298">
        <v>1733707</v>
      </c>
      <c r="JR19" s="129">
        <v>0</v>
      </c>
      <c r="JS19" s="109">
        <v>0</v>
      </c>
      <c r="JT19" s="128">
        <v>0</v>
      </c>
      <c r="JU19" s="108">
        <v>0</v>
      </c>
      <c r="JV19" s="109">
        <v>45368</v>
      </c>
      <c r="JW19" s="109">
        <v>0</v>
      </c>
      <c r="JX19" s="109">
        <v>0</v>
      </c>
      <c r="JY19" s="109">
        <v>0</v>
      </c>
      <c r="JZ19" s="109">
        <v>0</v>
      </c>
      <c r="KA19" s="110">
        <v>45368</v>
      </c>
      <c r="KB19" s="298">
        <v>45368</v>
      </c>
      <c r="KC19" s="221">
        <v>0</v>
      </c>
      <c r="KD19" s="217">
        <v>0</v>
      </c>
      <c r="KE19" s="110">
        <v>0</v>
      </c>
      <c r="KF19" s="108">
        <v>0</v>
      </c>
      <c r="KG19" s="109">
        <v>0</v>
      </c>
      <c r="KH19" s="109">
        <v>0</v>
      </c>
      <c r="KI19" s="109">
        <v>209136</v>
      </c>
      <c r="KJ19" s="109">
        <v>0</v>
      </c>
      <c r="KK19" s="109">
        <v>0</v>
      </c>
      <c r="KL19" s="110">
        <v>209136</v>
      </c>
      <c r="KM19" s="130">
        <v>209136</v>
      </c>
      <c r="KN19" s="219">
        <v>0</v>
      </c>
      <c r="KO19" s="223">
        <v>0</v>
      </c>
      <c r="KP19" s="224">
        <v>0</v>
      </c>
      <c r="KQ19" s="127"/>
      <c r="KR19" s="109">
        <v>0</v>
      </c>
      <c r="KS19" s="109">
        <v>0</v>
      </c>
      <c r="KT19" s="109">
        <v>0</v>
      </c>
      <c r="KU19" s="109">
        <v>0</v>
      </c>
      <c r="KV19" s="109">
        <v>0</v>
      </c>
      <c r="KW19" s="110">
        <v>0</v>
      </c>
      <c r="KX19" s="298">
        <v>0</v>
      </c>
      <c r="KY19" s="129">
        <v>0</v>
      </c>
      <c r="KZ19" s="109">
        <v>0</v>
      </c>
      <c r="LA19" s="110">
        <v>0</v>
      </c>
      <c r="LB19" s="132"/>
      <c r="LC19" s="109">
        <v>0</v>
      </c>
      <c r="LD19" s="109">
        <v>0</v>
      </c>
      <c r="LE19" s="109">
        <v>0</v>
      </c>
      <c r="LF19" s="109">
        <v>0</v>
      </c>
      <c r="LG19" s="109">
        <v>127985</v>
      </c>
      <c r="LH19" s="110">
        <v>127985</v>
      </c>
      <c r="LI19" s="111">
        <v>127985</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0</v>
      </c>
      <c r="MK19" s="109">
        <v>503472</v>
      </c>
      <c r="ML19" s="109">
        <v>259424</v>
      </c>
      <c r="MM19" s="109">
        <v>1070507</v>
      </c>
      <c r="MN19" s="109">
        <v>2136922</v>
      </c>
      <c r="MO19" s="110">
        <v>3970325</v>
      </c>
      <c r="MP19" s="130">
        <v>3970325</v>
      </c>
      <c r="MQ19" s="129">
        <v>0</v>
      </c>
      <c r="MR19" s="109">
        <v>0</v>
      </c>
      <c r="MS19" s="110">
        <v>0</v>
      </c>
      <c r="MT19" s="132"/>
      <c r="MU19" s="109">
        <v>0</v>
      </c>
      <c r="MV19" s="109">
        <v>0</v>
      </c>
      <c r="MW19" s="109">
        <v>0</v>
      </c>
      <c r="MX19" s="109">
        <v>723278</v>
      </c>
      <c r="MY19" s="109">
        <v>1549874</v>
      </c>
      <c r="MZ19" s="110">
        <v>2273152</v>
      </c>
      <c r="NA19" s="130">
        <v>2273152</v>
      </c>
      <c r="NB19" s="129">
        <v>0</v>
      </c>
      <c r="NC19" s="109">
        <v>0</v>
      </c>
      <c r="ND19" s="110">
        <v>0</v>
      </c>
      <c r="NE19" s="132"/>
      <c r="NF19" s="109">
        <v>0</v>
      </c>
      <c r="NG19" s="109">
        <v>503472</v>
      </c>
      <c r="NH19" s="109">
        <v>259424</v>
      </c>
      <c r="NI19" s="109">
        <v>347229</v>
      </c>
      <c r="NJ19" s="109">
        <v>587048</v>
      </c>
      <c r="NK19" s="110">
        <v>1697173</v>
      </c>
      <c r="NL19" s="298">
        <v>1697173</v>
      </c>
      <c r="NM19" s="129">
        <v>0</v>
      </c>
      <c r="NN19" s="109">
        <v>0</v>
      </c>
      <c r="NO19" s="110">
        <v>0</v>
      </c>
      <c r="NP19" s="132">
        <v>0</v>
      </c>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314023</v>
      </c>
      <c r="OJ19" s="109">
        <v>638060</v>
      </c>
      <c r="OK19" s="128">
        <v>952083</v>
      </c>
      <c r="OL19" s="108">
        <v>0</v>
      </c>
      <c r="OM19" s="109">
        <v>3888432</v>
      </c>
      <c r="ON19" s="109">
        <v>5376363</v>
      </c>
      <c r="OO19" s="109">
        <v>4805133</v>
      </c>
      <c r="OP19" s="109">
        <v>5763301</v>
      </c>
      <c r="OQ19" s="109">
        <v>6968681</v>
      </c>
      <c r="OR19" s="110">
        <v>26801910</v>
      </c>
      <c r="OS19" s="130">
        <v>27753993</v>
      </c>
    </row>
    <row r="20" spans="2:409" ht="21" customHeight="1" x14ac:dyDescent="0.2">
      <c r="B20" s="472" t="s">
        <v>15</v>
      </c>
      <c r="C20" s="100">
        <v>53997</v>
      </c>
      <c r="D20" s="104">
        <v>177924</v>
      </c>
      <c r="E20" s="103">
        <v>231921</v>
      </c>
      <c r="F20" s="99">
        <v>0</v>
      </c>
      <c r="G20" s="104">
        <v>823627</v>
      </c>
      <c r="H20" s="104">
        <v>1597077</v>
      </c>
      <c r="I20" s="104">
        <v>1084945</v>
      </c>
      <c r="J20" s="104">
        <v>1130186</v>
      </c>
      <c r="K20" s="104">
        <v>1065310</v>
      </c>
      <c r="L20" s="99">
        <v>5701145</v>
      </c>
      <c r="M20" s="106">
        <v>5933066</v>
      </c>
      <c r="N20" s="100">
        <v>0</v>
      </c>
      <c r="O20" s="104">
        <v>68141</v>
      </c>
      <c r="P20" s="103">
        <v>68141</v>
      </c>
      <c r="Q20" s="100">
        <v>0</v>
      </c>
      <c r="R20" s="104">
        <v>121201</v>
      </c>
      <c r="S20" s="104">
        <v>358338</v>
      </c>
      <c r="T20" s="104">
        <v>49585</v>
      </c>
      <c r="U20" s="104">
        <v>228309</v>
      </c>
      <c r="V20" s="104">
        <v>697447</v>
      </c>
      <c r="W20" s="103">
        <v>1454880</v>
      </c>
      <c r="X20" s="106">
        <v>1523021</v>
      </c>
      <c r="Y20" s="100">
        <v>0</v>
      </c>
      <c r="Z20" s="104">
        <v>0</v>
      </c>
      <c r="AA20" s="103">
        <v>0</v>
      </c>
      <c r="AB20" s="100">
        <v>0</v>
      </c>
      <c r="AC20" s="104">
        <v>59161</v>
      </c>
      <c r="AD20" s="104">
        <v>198997</v>
      </c>
      <c r="AE20" s="104">
        <v>1677</v>
      </c>
      <c r="AF20" s="104">
        <v>23871</v>
      </c>
      <c r="AG20" s="104">
        <v>187268</v>
      </c>
      <c r="AH20" s="103">
        <v>470974</v>
      </c>
      <c r="AI20" s="106">
        <v>470974</v>
      </c>
      <c r="AJ20" s="100">
        <v>0</v>
      </c>
      <c r="AK20" s="104">
        <v>0</v>
      </c>
      <c r="AL20" s="103">
        <v>0</v>
      </c>
      <c r="AM20" s="100">
        <v>0</v>
      </c>
      <c r="AN20" s="104">
        <v>0</v>
      </c>
      <c r="AO20" s="104">
        <v>0</v>
      </c>
      <c r="AP20" s="104">
        <v>0</v>
      </c>
      <c r="AQ20" s="104">
        <v>40917</v>
      </c>
      <c r="AR20" s="104">
        <v>132991</v>
      </c>
      <c r="AS20" s="103">
        <v>173908</v>
      </c>
      <c r="AT20" s="106">
        <v>173908</v>
      </c>
      <c r="AU20" s="100">
        <v>0</v>
      </c>
      <c r="AV20" s="104">
        <v>44098</v>
      </c>
      <c r="AW20" s="103">
        <v>44098</v>
      </c>
      <c r="AX20" s="100">
        <v>0</v>
      </c>
      <c r="AY20" s="104">
        <v>24471</v>
      </c>
      <c r="AZ20" s="104">
        <v>101962</v>
      </c>
      <c r="BA20" s="104">
        <v>0</v>
      </c>
      <c r="BB20" s="104">
        <v>79577</v>
      </c>
      <c r="BC20" s="104">
        <v>300392</v>
      </c>
      <c r="BD20" s="103">
        <v>506402</v>
      </c>
      <c r="BE20" s="106">
        <v>550500</v>
      </c>
      <c r="BF20" s="100">
        <v>0</v>
      </c>
      <c r="BG20" s="104">
        <v>9245</v>
      </c>
      <c r="BH20" s="102">
        <v>9245</v>
      </c>
      <c r="BI20" s="101">
        <v>0</v>
      </c>
      <c r="BJ20" s="104">
        <v>0</v>
      </c>
      <c r="BK20" s="104">
        <v>0</v>
      </c>
      <c r="BL20" s="104">
        <v>0</v>
      </c>
      <c r="BM20" s="104">
        <v>0</v>
      </c>
      <c r="BN20" s="104">
        <v>27159</v>
      </c>
      <c r="BO20" s="103">
        <v>27159</v>
      </c>
      <c r="BP20" s="106">
        <v>36404</v>
      </c>
      <c r="BQ20" s="100">
        <v>0</v>
      </c>
      <c r="BR20" s="104">
        <v>14798</v>
      </c>
      <c r="BS20" s="103">
        <v>14798</v>
      </c>
      <c r="BT20" s="100">
        <v>0</v>
      </c>
      <c r="BU20" s="104">
        <v>37569</v>
      </c>
      <c r="BV20" s="104">
        <v>57379</v>
      </c>
      <c r="BW20" s="104">
        <v>47908</v>
      </c>
      <c r="BX20" s="104">
        <v>83944</v>
      </c>
      <c r="BY20" s="104">
        <v>49637</v>
      </c>
      <c r="BZ20" s="103">
        <v>276437</v>
      </c>
      <c r="CA20" s="106">
        <v>291235</v>
      </c>
      <c r="CB20" s="100">
        <v>0</v>
      </c>
      <c r="CC20" s="104">
        <v>0</v>
      </c>
      <c r="CD20" s="103">
        <v>0</v>
      </c>
      <c r="CE20" s="100">
        <v>0</v>
      </c>
      <c r="CF20" s="104">
        <v>103657</v>
      </c>
      <c r="CG20" s="104">
        <v>329484</v>
      </c>
      <c r="CH20" s="104">
        <v>377749</v>
      </c>
      <c r="CI20" s="104">
        <v>218627</v>
      </c>
      <c r="CJ20" s="104">
        <v>100359</v>
      </c>
      <c r="CK20" s="103">
        <v>1129876</v>
      </c>
      <c r="CL20" s="106">
        <v>1129876</v>
      </c>
      <c r="CM20" s="100">
        <v>0</v>
      </c>
      <c r="CN20" s="104">
        <v>0</v>
      </c>
      <c r="CO20" s="103">
        <v>0</v>
      </c>
      <c r="CP20" s="101">
        <v>0</v>
      </c>
      <c r="CQ20" s="104">
        <v>103657</v>
      </c>
      <c r="CR20" s="104">
        <v>259756</v>
      </c>
      <c r="CS20" s="104">
        <v>174878</v>
      </c>
      <c r="CT20" s="104">
        <v>53226</v>
      </c>
      <c r="CU20" s="104">
        <v>0</v>
      </c>
      <c r="CV20" s="103">
        <v>591517</v>
      </c>
      <c r="CW20" s="106">
        <v>591517</v>
      </c>
      <c r="CX20" s="100">
        <v>0</v>
      </c>
      <c r="CY20" s="104">
        <v>0</v>
      </c>
      <c r="CZ20" s="103">
        <v>0</v>
      </c>
      <c r="DA20" s="100">
        <v>0</v>
      </c>
      <c r="DB20" s="104">
        <v>0</v>
      </c>
      <c r="DC20" s="104">
        <v>69728</v>
      </c>
      <c r="DD20" s="104">
        <v>202871</v>
      </c>
      <c r="DE20" s="104">
        <v>165401</v>
      </c>
      <c r="DF20" s="104">
        <v>100359</v>
      </c>
      <c r="DG20" s="103">
        <v>538359</v>
      </c>
      <c r="DH20" s="106">
        <v>538359</v>
      </c>
      <c r="DI20" s="100">
        <v>0</v>
      </c>
      <c r="DJ20" s="104">
        <v>0</v>
      </c>
      <c r="DK20" s="102">
        <v>0</v>
      </c>
      <c r="DL20" s="101">
        <v>0</v>
      </c>
      <c r="DM20" s="104">
        <v>0</v>
      </c>
      <c r="DN20" s="104">
        <v>188836</v>
      </c>
      <c r="DO20" s="104">
        <v>260389</v>
      </c>
      <c r="DP20" s="104">
        <v>26052</v>
      </c>
      <c r="DQ20" s="104">
        <v>59035</v>
      </c>
      <c r="DR20" s="103">
        <v>534312</v>
      </c>
      <c r="DS20" s="106">
        <v>534312</v>
      </c>
      <c r="DT20" s="100">
        <v>0</v>
      </c>
      <c r="DU20" s="104">
        <v>0</v>
      </c>
      <c r="DV20" s="103">
        <v>0</v>
      </c>
      <c r="DW20" s="100">
        <v>0</v>
      </c>
      <c r="DX20" s="104">
        <v>0</v>
      </c>
      <c r="DY20" s="104">
        <v>188836</v>
      </c>
      <c r="DZ20" s="104">
        <v>260389</v>
      </c>
      <c r="EA20" s="104">
        <v>26052</v>
      </c>
      <c r="EB20" s="104">
        <v>59035</v>
      </c>
      <c r="EC20" s="103">
        <v>534312</v>
      </c>
      <c r="ED20" s="106">
        <v>534312</v>
      </c>
      <c r="EE20" s="100">
        <v>0</v>
      </c>
      <c r="EF20" s="102">
        <v>0</v>
      </c>
      <c r="EG20" s="103">
        <v>0</v>
      </c>
      <c r="EH20" s="100">
        <v>0</v>
      </c>
      <c r="EI20" s="104">
        <v>0</v>
      </c>
      <c r="EJ20" s="104">
        <v>0</v>
      </c>
      <c r="EK20" s="104">
        <v>0</v>
      </c>
      <c r="EL20" s="104">
        <v>0</v>
      </c>
      <c r="EM20" s="104">
        <v>0</v>
      </c>
      <c r="EN20" s="102">
        <v>0</v>
      </c>
      <c r="EO20" s="106">
        <v>0</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2100</v>
      </c>
      <c r="FM20" s="104">
        <v>25830</v>
      </c>
      <c r="FN20" s="103">
        <v>27930</v>
      </c>
      <c r="FO20" s="100">
        <v>0</v>
      </c>
      <c r="FP20" s="104">
        <v>27944</v>
      </c>
      <c r="FQ20" s="104">
        <v>100401</v>
      </c>
      <c r="FR20" s="104">
        <v>75726</v>
      </c>
      <c r="FS20" s="104">
        <v>78680</v>
      </c>
      <c r="FT20" s="104">
        <v>69132</v>
      </c>
      <c r="FU20" s="103">
        <v>351883</v>
      </c>
      <c r="FV20" s="106">
        <v>379813</v>
      </c>
      <c r="FW20" s="105">
        <v>2100</v>
      </c>
      <c r="FX20" s="104">
        <v>25830</v>
      </c>
      <c r="FY20" s="102">
        <v>27930</v>
      </c>
      <c r="FZ20" s="101">
        <v>0</v>
      </c>
      <c r="GA20" s="104">
        <v>27944</v>
      </c>
      <c r="GB20" s="104">
        <v>100401</v>
      </c>
      <c r="GC20" s="104">
        <v>75726</v>
      </c>
      <c r="GD20" s="104">
        <v>78680</v>
      </c>
      <c r="GE20" s="104">
        <v>69132</v>
      </c>
      <c r="GF20" s="103">
        <v>351883</v>
      </c>
      <c r="GG20" s="296">
        <v>379813</v>
      </c>
      <c r="GH20" s="105">
        <v>0</v>
      </c>
      <c r="GI20" s="104">
        <v>0</v>
      </c>
      <c r="GJ20" s="102">
        <v>0</v>
      </c>
      <c r="GK20" s="101">
        <v>0</v>
      </c>
      <c r="GL20" s="104">
        <v>0</v>
      </c>
      <c r="GM20" s="104">
        <v>0</v>
      </c>
      <c r="GN20" s="104">
        <v>0</v>
      </c>
      <c r="GO20" s="104">
        <v>0</v>
      </c>
      <c r="GP20" s="104">
        <v>0</v>
      </c>
      <c r="GQ20" s="103">
        <v>0</v>
      </c>
      <c r="GR20" s="106">
        <v>0</v>
      </c>
      <c r="GS20" s="100">
        <v>0</v>
      </c>
      <c r="GT20" s="104">
        <v>0</v>
      </c>
      <c r="GU20" s="103">
        <v>0</v>
      </c>
      <c r="GV20" s="100">
        <v>0</v>
      </c>
      <c r="GW20" s="104">
        <v>0</v>
      </c>
      <c r="GX20" s="104">
        <v>0</v>
      </c>
      <c r="GY20" s="104">
        <v>0</v>
      </c>
      <c r="GZ20" s="104">
        <v>0</v>
      </c>
      <c r="HA20" s="104">
        <v>0</v>
      </c>
      <c r="HB20" s="102">
        <v>0</v>
      </c>
      <c r="HC20" s="106">
        <v>0</v>
      </c>
      <c r="HD20" s="100">
        <v>51897</v>
      </c>
      <c r="HE20" s="104">
        <v>83953</v>
      </c>
      <c r="HF20" s="102">
        <v>135850</v>
      </c>
      <c r="HG20" s="101">
        <v>0</v>
      </c>
      <c r="HH20" s="104">
        <v>570825</v>
      </c>
      <c r="HI20" s="104">
        <v>620018</v>
      </c>
      <c r="HJ20" s="104">
        <v>321496</v>
      </c>
      <c r="HK20" s="104">
        <v>578518</v>
      </c>
      <c r="HL20" s="104">
        <v>139337</v>
      </c>
      <c r="HM20" s="103">
        <v>2230194</v>
      </c>
      <c r="HN20" s="99">
        <v>2366044</v>
      </c>
      <c r="HO20" s="306"/>
      <c r="HP20" s="307"/>
      <c r="HQ20" s="308"/>
      <c r="HR20" s="309"/>
      <c r="HS20" s="307"/>
      <c r="HT20" s="307"/>
      <c r="HU20" s="307"/>
      <c r="HV20" s="307"/>
      <c r="HW20" s="307"/>
      <c r="HX20" s="310"/>
      <c r="HY20" s="311"/>
      <c r="HZ20" s="137">
        <v>0</v>
      </c>
      <c r="IA20" s="122">
        <v>0</v>
      </c>
      <c r="IB20" s="137">
        <v>0</v>
      </c>
      <c r="IC20" s="121">
        <v>0</v>
      </c>
      <c r="ID20" s="122">
        <v>103316</v>
      </c>
      <c r="IE20" s="123">
        <v>289119</v>
      </c>
      <c r="IF20" s="124">
        <v>309131</v>
      </c>
      <c r="IG20" s="122">
        <v>460325</v>
      </c>
      <c r="IH20" s="124">
        <v>356614</v>
      </c>
      <c r="II20" s="125">
        <v>1518505</v>
      </c>
      <c r="IJ20" s="137">
        <v>1518505</v>
      </c>
      <c r="IK20" s="219">
        <v>0</v>
      </c>
      <c r="IL20" s="223">
        <v>0</v>
      </c>
      <c r="IM20" s="224">
        <v>0</v>
      </c>
      <c r="IN20" s="127"/>
      <c r="IO20" s="109">
        <v>0</v>
      </c>
      <c r="IP20" s="109">
        <v>0</v>
      </c>
      <c r="IQ20" s="109">
        <v>177287</v>
      </c>
      <c r="IR20" s="109">
        <v>0</v>
      </c>
      <c r="IS20" s="109">
        <v>0</v>
      </c>
      <c r="IT20" s="128">
        <v>177287</v>
      </c>
      <c r="IU20" s="298">
        <v>177287</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103316</v>
      </c>
      <c r="JL20" s="109">
        <v>289119</v>
      </c>
      <c r="JM20" s="109">
        <v>131844</v>
      </c>
      <c r="JN20" s="109">
        <v>0</v>
      </c>
      <c r="JO20" s="109">
        <v>132455</v>
      </c>
      <c r="JP20" s="110">
        <v>656734</v>
      </c>
      <c r="JQ20" s="298">
        <v>656734</v>
      </c>
      <c r="JR20" s="129">
        <v>0</v>
      </c>
      <c r="JS20" s="109">
        <v>0</v>
      </c>
      <c r="JT20" s="128">
        <v>0</v>
      </c>
      <c r="JU20" s="108">
        <v>0</v>
      </c>
      <c r="JV20" s="109">
        <v>0</v>
      </c>
      <c r="JW20" s="109">
        <v>0</v>
      </c>
      <c r="JX20" s="109">
        <v>0</v>
      </c>
      <c r="JY20" s="109">
        <v>0</v>
      </c>
      <c r="JZ20" s="109">
        <v>0</v>
      </c>
      <c r="KA20" s="110">
        <v>0</v>
      </c>
      <c r="KB20" s="298">
        <v>0</v>
      </c>
      <c r="KC20" s="221">
        <v>0</v>
      </c>
      <c r="KD20" s="217">
        <v>0</v>
      </c>
      <c r="KE20" s="110">
        <v>0</v>
      </c>
      <c r="KF20" s="108">
        <v>0</v>
      </c>
      <c r="KG20" s="109">
        <v>0</v>
      </c>
      <c r="KH20" s="109">
        <v>0</v>
      </c>
      <c r="KI20" s="109">
        <v>0</v>
      </c>
      <c r="KJ20" s="109">
        <v>0</v>
      </c>
      <c r="KK20" s="109">
        <v>0</v>
      </c>
      <c r="KL20" s="110">
        <v>0</v>
      </c>
      <c r="KM20" s="130">
        <v>0</v>
      </c>
      <c r="KN20" s="219">
        <v>0</v>
      </c>
      <c r="KO20" s="223">
        <v>0</v>
      </c>
      <c r="KP20" s="224">
        <v>0</v>
      </c>
      <c r="KQ20" s="127"/>
      <c r="KR20" s="109">
        <v>0</v>
      </c>
      <c r="KS20" s="109">
        <v>0</v>
      </c>
      <c r="KT20" s="109">
        <v>0</v>
      </c>
      <c r="KU20" s="109">
        <v>223879</v>
      </c>
      <c r="KV20" s="109">
        <v>224159</v>
      </c>
      <c r="KW20" s="110">
        <v>448038</v>
      </c>
      <c r="KX20" s="298">
        <v>448038</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236446</v>
      </c>
      <c r="LR20" s="109">
        <v>0</v>
      </c>
      <c r="LS20" s="110">
        <v>236446</v>
      </c>
      <c r="LT20" s="298">
        <v>236446</v>
      </c>
      <c r="LU20" s="129">
        <v>0</v>
      </c>
      <c r="LV20" s="109">
        <v>0</v>
      </c>
      <c r="LW20" s="110">
        <v>0</v>
      </c>
      <c r="LX20" s="132"/>
      <c r="LY20" s="109">
        <v>0</v>
      </c>
      <c r="LZ20" s="109">
        <v>0</v>
      </c>
      <c r="MA20" s="109">
        <v>0</v>
      </c>
      <c r="MB20" s="109">
        <v>0</v>
      </c>
      <c r="MC20" s="109">
        <v>0</v>
      </c>
      <c r="MD20" s="110">
        <v>0</v>
      </c>
      <c r="ME20" s="111">
        <v>0</v>
      </c>
      <c r="MF20" s="129">
        <v>0</v>
      </c>
      <c r="MG20" s="109">
        <v>0</v>
      </c>
      <c r="MH20" s="110">
        <v>0</v>
      </c>
      <c r="MI20" s="132"/>
      <c r="MJ20" s="109">
        <v>0</v>
      </c>
      <c r="MK20" s="109">
        <v>0</v>
      </c>
      <c r="ML20" s="109">
        <v>234943</v>
      </c>
      <c r="MM20" s="109">
        <v>490195</v>
      </c>
      <c r="MN20" s="109">
        <v>229170</v>
      </c>
      <c r="MO20" s="110">
        <v>954308</v>
      </c>
      <c r="MP20" s="130">
        <v>954308</v>
      </c>
      <c r="MQ20" s="129">
        <v>0</v>
      </c>
      <c r="MR20" s="109">
        <v>0</v>
      </c>
      <c r="MS20" s="110">
        <v>0</v>
      </c>
      <c r="MT20" s="132"/>
      <c r="MU20" s="109">
        <v>0</v>
      </c>
      <c r="MV20" s="109">
        <v>0</v>
      </c>
      <c r="MW20" s="109">
        <v>0</v>
      </c>
      <c r="MX20" s="109">
        <v>0</v>
      </c>
      <c r="MY20" s="109">
        <v>229170</v>
      </c>
      <c r="MZ20" s="110">
        <v>229170</v>
      </c>
      <c r="NA20" s="130">
        <v>229170</v>
      </c>
      <c r="NB20" s="129">
        <v>0</v>
      </c>
      <c r="NC20" s="109">
        <v>0</v>
      </c>
      <c r="ND20" s="110">
        <v>0</v>
      </c>
      <c r="NE20" s="132"/>
      <c r="NF20" s="109">
        <v>0</v>
      </c>
      <c r="NG20" s="109">
        <v>0</v>
      </c>
      <c r="NH20" s="109">
        <v>234943</v>
      </c>
      <c r="NI20" s="109">
        <v>490195</v>
      </c>
      <c r="NJ20" s="109">
        <v>0</v>
      </c>
      <c r="NK20" s="110">
        <v>725138</v>
      </c>
      <c r="NL20" s="298">
        <v>725138</v>
      </c>
      <c r="NM20" s="129">
        <v>0</v>
      </c>
      <c r="NN20" s="109">
        <v>0</v>
      </c>
      <c r="NO20" s="110">
        <v>0</v>
      </c>
      <c r="NP20" s="132">
        <v>0</v>
      </c>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53997</v>
      </c>
      <c r="OJ20" s="109">
        <v>177924</v>
      </c>
      <c r="OK20" s="128">
        <v>231921</v>
      </c>
      <c r="OL20" s="108">
        <v>0</v>
      </c>
      <c r="OM20" s="109">
        <v>926943</v>
      </c>
      <c r="ON20" s="109">
        <v>1886196</v>
      </c>
      <c r="OO20" s="109">
        <v>1629019</v>
      </c>
      <c r="OP20" s="109">
        <v>2080706</v>
      </c>
      <c r="OQ20" s="109">
        <v>1651094</v>
      </c>
      <c r="OR20" s="110">
        <v>8173958</v>
      </c>
      <c r="OS20" s="130">
        <v>8405879</v>
      </c>
    </row>
    <row r="21" spans="2:409" ht="21" customHeight="1" x14ac:dyDescent="0.2">
      <c r="B21" s="472" t="s">
        <v>16</v>
      </c>
      <c r="C21" s="100">
        <v>307162</v>
      </c>
      <c r="D21" s="104">
        <v>402123</v>
      </c>
      <c r="E21" s="103">
        <v>709285</v>
      </c>
      <c r="F21" s="99">
        <v>0</v>
      </c>
      <c r="G21" s="104">
        <v>3111875</v>
      </c>
      <c r="H21" s="104">
        <v>4276024</v>
      </c>
      <c r="I21" s="104">
        <v>4414745</v>
      </c>
      <c r="J21" s="104">
        <v>3492428</v>
      </c>
      <c r="K21" s="104">
        <v>2554915</v>
      </c>
      <c r="L21" s="99">
        <v>17849987</v>
      </c>
      <c r="M21" s="106">
        <v>18559272</v>
      </c>
      <c r="N21" s="100">
        <v>104622</v>
      </c>
      <c r="O21" s="104">
        <v>73198</v>
      </c>
      <c r="P21" s="103">
        <v>177820</v>
      </c>
      <c r="Q21" s="100">
        <v>0</v>
      </c>
      <c r="R21" s="104">
        <v>406959</v>
      </c>
      <c r="S21" s="104">
        <v>1305352</v>
      </c>
      <c r="T21" s="104">
        <v>822546</v>
      </c>
      <c r="U21" s="104">
        <v>844801</v>
      </c>
      <c r="V21" s="104">
        <v>516344</v>
      </c>
      <c r="W21" s="103">
        <v>3896002</v>
      </c>
      <c r="X21" s="106">
        <v>4073822</v>
      </c>
      <c r="Y21" s="100">
        <v>0</v>
      </c>
      <c r="Z21" s="104">
        <v>0</v>
      </c>
      <c r="AA21" s="103">
        <v>0</v>
      </c>
      <c r="AB21" s="100">
        <v>0</v>
      </c>
      <c r="AC21" s="104">
        <v>171935</v>
      </c>
      <c r="AD21" s="104">
        <v>859158</v>
      </c>
      <c r="AE21" s="104">
        <v>165927</v>
      </c>
      <c r="AF21" s="104">
        <v>433278</v>
      </c>
      <c r="AG21" s="104">
        <v>66409</v>
      </c>
      <c r="AH21" s="103">
        <v>1696707</v>
      </c>
      <c r="AI21" s="106">
        <v>1696707</v>
      </c>
      <c r="AJ21" s="100">
        <v>0</v>
      </c>
      <c r="AK21" s="104">
        <v>0</v>
      </c>
      <c r="AL21" s="103">
        <v>0</v>
      </c>
      <c r="AM21" s="100">
        <v>0</v>
      </c>
      <c r="AN21" s="104">
        <v>0</v>
      </c>
      <c r="AO21" s="104">
        <v>0</v>
      </c>
      <c r="AP21" s="104">
        <v>0</v>
      </c>
      <c r="AQ21" s="104">
        <v>91638</v>
      </c>
      <c r="AR21" s="104">
        <v>128517</v>
      </c>
      <c r="AS21" s="103">
        <v>220155</v>
      </c>
      <c r="AT21" s="106">
        <v>220155</v>
      </c>
      <c r="AU21" s="100">
        <v>24893</v>
      </c>
      <c r="AV21" s="104">
        <v>54886</v>
      </c>
      <c r="AW21" s="103">
        <v>79779</v>
      </c>
      <c r="AX21" s="100">
        <v>0</v>
      </c>
      <c r="AY21" s="104">
        <v>137486</v>
      </c>
      <c r="AZ21" s="104">
        <v>259602</v>
      </c>
      <c r="BA21" s="104">
        <v>276069</v>
      </c>
      <c r="BB21" s="104">
        <v>133972</v>
      </c>
      <c r="BC21" s="104">
        <v>165913</v>
      </c>
      <c r="BD21" s="103">
        <v>973042</v>
      </c>
      <c r="BE21" s="106">
        <v>1052821</v>
      </c>
      <c r="BF21" s="100">
        <v>53276</v>
      </c>
      <c r="BG21" s="104">
        <v>0</v>
      </c>
      <c r="BH21" s="102">
        <v>53276</v>
      </c>
      <c r="BI21" s="101">
        <v>0</v>
      </c>
      <c r="BJ21" s="104">
        <v>0</v>
      </c>
      <c r="BK21" s="104">
        <v>27650</v>
      </c>
      <c r="BL21" s="104">
        <v>112366</v>
      </c>
      <c r="BM21" s="104">
        <v>0</v>
      </c>
      <c r="BN21" s="104">
        <v>27650</v>
      </c>
      <c r="BO21" s="103">
        <v>167666</v>
      </c>
      <c r="BP21" s="106">
        <v>220942</v>
      </c>
      <c r="BQ21" s="100">
        <v>26453</v>
      </c>
      <c r="BR21" s="104">
        <v>18312</v>
      </c>
      <c r="BS21" s="103">
        <v>44765</v>
      </c>
      <c r="BT21" s="100">
        <v>0</v>
      </c>
      <c r="BU21" s="104">
        <v>97538</v>
      </c>
      <c r="BV21" s="104">
        <v>158942</v>
      </c>
      <c r="BW21" s="104">
        <v>268184</v>
      </c>
      <c r="BX21" s="104">
        <v>185913</v>
      </c>
      <c r="BY21" s="104">
        <v>127855</v>
      </c>
      <c r="BZ21" s="103">
        <v>838432</v>
      </c>
      <c r="CA21" s="106">
        <v>883197</v>
      </c>
      <c r="CB21" s="100">
        <v>18424</v>
      </c>
      <c r="CC21" s="104">
        <v>137118</v>
      </c>
      <c r="CD21" s="103">
        <v>155542</v>
      </c>
      <c r="CE21" s="100">
        <v>0</v>
      </c>
      <c r="CF21" s="104">
        <v>1434262</v>
      </c>
      <c r="CG21" s="104">
        <v>1635875</v>
      </c>
      <c r="CH21" s="104">
        <v>769130</v>
      </c>
      <c r="CI21" s="104">
        <v>473691</v>
      </c>
      <c r="CJ21" s="104">
        <v>287193</v>
      </c>
      <c r="CK21" s="103">
        <v>4600151</v>
      </c>
      <c r="CL21" s="106">
        <v>4755693</v>
      </c>
      <c r="CM21" s="100">
        <v>0</v>
      </c>
      <c r="CN21" s="104">
        <v>0</v>
      </c>
      <c r="CO21" s="103">
        <v>0</v>
      </c>
      <c r="CP21" s="101">
        <v>0</v>
      </c>
      <c r="CQ21" s="104">
        <v>1045703</v>
      </c>
      <c r="CR21" s="104">
        <v>749390</v>
      </c>
      <c r="CS21" s="104">
        <v>420725</v>
      </c>
      <c r="CT21" s="104">
        <v>227249</v>
      </c>
      <c r="CU21" s="104">
        <v>177666</v>
      </c>
      <c r="CV21" s="103">
        <v>2620733</v>
      </c>
      <c r="CW21" s="106">
        <v>2620733</v>
      </c>
      <c r="CX21" s="100">
        <v>18424</v>
      </c>
      <c r="CY21" s="104">
        <v>137118</v>
      </c>
      <c r="CZ21" s="103">
        <v>155542</v>
      </c>
      <c r="DA21" s="100">
        <v>0</v>
      </c>
      <c r="DB21" s="104">
        <v>388559</v>
      </c>
      <c r="DC21" s="104">
        <v>886485</v>
      </c>
      <c r="DD21" s="104">
        <v>348405</v>
      </c>
      <c r="DE21" s="104">
        <v>246442</v>
      </c>
      <c r="DF21" s="104">
        <v>109527</v>
      </c>
      <c r="DG21" s="103">
        <v>1979418</v>
      </c>
      <c r="DH21" s="106">
        <v>2134960</v>
      </c>
      <c r="DI21" s="100">
        <v>0</v>
      </c>
      <c r="DJ21" s="104">
        <v>37456</v>
      </c>
      <c r="DK21" s="102">
        <v>37456</v>
      </c>
      <c r="DL21" s="101">
        <v>0</v>
      </c>
      <c r="DM21" s="104">
        <v>230608</v>
      </c>
      <c r="DN21" s="104">
        <v>105281</v>
      </c>
      <c r="DO21" s="104">
        <v>329615</v>
      </c>
      <c r="DP21" s="104">
        <v>146477</v>
      </c>
      <c r="DQ21" s="104">
        <v>125110</v>
      </c>
      <c r="DR21" s="103">
        <v>937091</v>
      </c>
      <c r="DS21" s="106">
        <v>974547</v>
      </c>
      <c r="DT21" s="100">
        <v>0</v>
      </c>
      <c r="DU21" s="104">
        <v>37456</v>
      </c>
      <c r="DV21" s="103">
        <v>37456</v>
      </c>
      <c r="DW21" s="100">
        <v>0</v>
      </c>
      <c r="DX21" s="104">
        <v>230608</v>
      </c>
      <c r="DY21" s="104">
        <v>62076</v>
      </c>
      <c r="DZ21" s="104">
        <v>329615</v>
      </c>
      <c r="EA21" s="104">
        <v>146477</v>
      </c>
      <c r="EB21" s="104">
        <v>125110</v>
      </c>
      <c r="EC21" s="103">
        <v>893886</v>
      </c>
      <c r="ED21" s="106">
        <v>931342</v>
      </c>
      <c r="EE21" s="100">
        <v>0</v>
      </c>
      <c r="EF21" s="102">
        <v>0</v>
      </c>
      <c r="EG21" s="103">
        <v>0</v>
      </c>
      <c r="EH21" s="100">
        <v>0</v>
      </c>
      <c r="EI21" s="104">
        <v>0</v>
      </c>
      <c r="EJ21" s="104">
        <v>43205</v>
      </c>
      <c r="EK21" s="104">
        <v>0</v>
      </c>
      <c r="EL21" s="104">
        <v>0</v>
      </c>
      <c r="EM21" s="104">
        <v>0</v>
      </c>
      <c r="EN21" s="102">
        <v>43205</v>
      </c>
      <c r="EO21" s="106">
        <v>43205</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34650</v>
      </c>
      <c r="FM21" s="104">
        <v>71505</v>
      </c>
      <c r="FN21" s="103">
        <v>106155</v>
      </c>
      <c r="FO21" s="100">
        <v>0</v>
      </c>
      <c r="FP21" s="104">
        <v>167217</v>
      </c>
      <c r="FQ21" s="104">
        <v>409780</v>
      </c>
      <c r="FR21" s="104">
        <v>201180</v>
      </c>
      <c r="FS21" s="104">
        <v>204141</v>
      </c>
      <c r="FT21" s="104">
        <v>286335</v>
      </c>
      <c r="FU21" s="103">
        <v>1268653</v>
      </c>
      <c r="FV21" s="106">
        <v>1374808</v>
      </c>
      <c r="FW21" s="105">
        <v>34650</v>
      </c>
      <c r="FX21" s="104">
        <v>71505</v>
      </c>
      <c r="FY21" s="102">
        <v>106155</v>
      </c>
      <c r="FZ21" s="101">
        <v>0</v>
      </c>
      <c r="GA21" s="104">
        <v>126413</v>
      </c>
      <c r="GB21" s="104">
        <v>383880</v>
      </c>
      <c r="GC21" s="104">
        <v>201180</v>
      </c>
      <c r="GD21" s="104">
        <v>204141</v>
      </c>
      <c r="GE21" s="104">
        <v>262080</v>
      </c>
      <c r="GF21" s="103">
        <v>1177694</v>
      </c>
      <c r="GG21" s="296">
        <v>1283849</v>
      </c>
      <c r="GH21" s="105">
        <v>0</v>
      </c>
      <c r="GI21" s="104">
        <v>0</v>
      </c>
      <c r="GJ21" s="102">
        <v>0</v>
      </c>
      <c r="GK21" s="101">
        <v>0</v>
      </c>
      <c r="GL21" s="104">
        <v>24850</v>
      </c>
      <c r="GM21" s="104">
        <v>25900</v>
      </c>
      <c r="GN21" s="104">
        <v>0</v>
      </c>
      <c r="GO21" s="104">
        <v>0</v>
      </c>
      <c r="GP21" s="104">
        <v>24255</v>
      </c>
      <c r="GQ21" s="103">
        <v>75005</v>
      </c>
      <c r="GR21" s="106">
        <v>75005</v>
      </c>
      <c r="GS21" s="100">
        <v>0</v>
      </c>
      <c r="GT21" s="104">
        <v>0</v>
      </c>
      <c r="GU21" s="103">
        <v>0</v>
      </c>
      <c r="GV21" s="100">
        <v>0</v>
      </c>
      <c r="GW21" s="104">
        <v>15954</v>
      </c>
      <c r="GX21" s="104">
        <v>0</v>
      </c>
      <c r="GY21" s="104">
        <v>0</v>
      </c>
      <c r="GZ21" s="104">
        <v>0</v>
      </c>
      <c r="HA21" s="104">
        <v>0</v>
      </c>
      <c r="HB21" s="102">
        <v>15954</v>
      </c>
      <c r="HC21" s="106">
        <v>15954</v>
      </c>
      <c r="HD21" s="100">
        <v>149466</v>
      </c>
      <c r="HE21" s="104">
        <v>82846</v>
      </c>
      <c r="HF21" s="102">
        <v>232312</v>
      </c>
      <c r="HG21" s="101">
        <v>0</v>
      </c>
      <c r="HH21" s="104">
        <v>872829</v>
      </c>
      <c r="HI21" s="104">
        <v>819736</v>
      </c>
      <c r="HJ21" s="104">
        <v>2292274</v>
      </c>
      <c r="HK21" s="104">
        <v>1823318</v>
      </c>
      <c r="HL21" s="104">
        <v>1339933</v>
      </c>
      <c r="HM21" s="103">
        <v>7148090</v>
      </c>
      <c r="HN21" s="99">
        <v>7380402</v>
      </c>
      <c r="HO21" s="306"/>
      <c r="HP21" s="307"/>
      <c r="HQ21" s="308"/>
      <c r="HR21" s="309"/>
      <c r="HS21" s="307"/>
      <c r="HT21" s="307"/>
      <c r="HU21" s="307"/>
      <c r="HV21" s="307"/>
      <c r="HW21" s="307"/>
      <c r="HX21" s="310"/>
      <c r="HY21" s="311"/>
      <c r="HZ21" s="118">
        <v>0</v>
      </c>
      <c r="IA21" s="119">
        <v>67139</v>
      </c>
      <c r="IB21" s="120">
        <v>67139</v>
      </c>
      <c r="IC21" s="133">
        <v>0</v>
      </c>
      <c r="ID21" s="119">
        <v>325318</v>
      </c>
      <c r="IE21" s="134">
        <v>988454</v>
      </c>
      <c r="IF21" s="120">
        <v>948667</v>
      </c>
      <c r="IG21" s="119">
        <v>604500</v>
      </c>
      <c r="IH21" s="120">
        <v>718749</v>
      </c>
      <c r="II21" s="135">
        <v>3585688</v>
      </c>
      <c r="IJ21" s="126">
        <v>3652827</v>
      </c>
      <c r="IK21" s="219">
        <v>0</v>
      </c>
      <c r="IL21" s="223">
        <v>0</v>
      </c>
      <c r="IM21" s="224">
        <v>0</v>
      </c>
      <c r="IN21" s="127"/>
      <c r="IO21" s="109">
        <v>0</v>
      </c>
      <c r="IP21" s="109">
        <v>0</v>
      </c>
      <c r="IQ21" s="109">
        <v>0</v>
      </c>
      <c r="IR21" s="109">
        <v>170846</v>
      </c>
      <c r="IS21" s="109">
        <v>238491</v>
      </c>
      <c r="IT21" s="128">
        <v>409337</v>
      </c>
      <c r="IU21" s="298">
        <v>409337</v>
      </c>
      <c r="IV21" s="129">
        <v>0</v>
      </c>
      <c r="IW21" s="109">
        <v>0</v>
      </c>
      <c r="IX21" s="110">
        <v>0</v>
      </c>
      <c r="IY21" s="131"/>
      <c r="IZ21" s="109">
        <v>0</v>
      </c>
      <c r="JA21" s="109">
        <v>0</v>
      </c>
      <c r="JB21" s="109">
        <v>0</v>
      </c>
      <c r="JC21" s="109">
        <v>19555</v>
      </c>
      <c r="JD21" s="109">
        <v>0</v>
      </c>
      <c r="JE21" s="110">
        <v>19555</v>
      </c>
      <c r="JF21" s="111">
        <v>19555</v>
      </c>
      <c r="JG21" s="129">
        <v>0</v>
      </c>
      <c r="JH21" s="109">
        <v>0</v>
      </c>
      <c r="JI21" s="128">
        <v>0</v>
      </c>
      <c r="JJ21" s="108">
        <v>0</v>
      </c>
      <c r="JK21" s="109">
        <v>325318</v>
      </c>
      <c r="JL21" s="109">
        <v>326222</v>
      </c>
      <c r="JM21" s="109">
        <v>337058</v>
      </c>
      <c r="JN21" s="109">
        <v>190809</v>
      </c>
      <c r="JO21" s="109">
        <v>0</v>
      </c>
      <c r="JP21" s="110">
        <v>1179407</v>
      </c>
      <c r="JQ21" s="298">
        <v>1179407</v>
      </c>
      <c r="JR21" s="129">
        <v>0</v>
      </c>
      <c r="JS21" s="109">
        <v>0</v>
      </c>
      <c r="JT21" s="128">
        <v>0</v>
      </c>
      <c r="JU21" s="108">
        <v>0</v>
      </c>
      <c r="JV21" s="109">
        <v>0</v>
      </c>
      <c r="JW21" s="109">
        <v>77436</v>
      </c>
      <c r="JX21" s="109">
        <v>0</v>
      </c>
      <c r="JY21" s="109">
        <v>0</v>
      </c>
      <c r="JZ21" s="109">
        <v>0</v>
      </c>
      <c r="KA21" s="110">
        <v>77436</v>
      </c>
      <c r="KB21" s="298">
        <v>77436</v>
      </c>
      <c r="KC21" s="221">
        <v>0</v>
      </c>
      <c r="KD21" s="217">
        <v>67139</v>
      </c>
      <c r="KE21" s="110">
        <v>67139</v>
      </c>
      <c r="KF21" s="108">
        <v>0</v>
      </c>
      <c r="KG21" s="109">
        <v>0</v>
      </c>
      <c r="KH21" s="109">
        <v>158734</v>
      </c>
      <c r="KI21" s="109">
        <v>0</v>
      </c>
      <c r="KJ21" s="109">
        <v>0</v>
      </c>
      <c r="KK21" s="109">
        <v>250973</v>
      </c>
      <c r="KL21" s="110">
        <v>409707</v>
      </c>
      <c r="KM21" s="130">
        <v>476846</v>
      </c>
      <c r="KN21" s="219">
        <v>0</v>
      </c>
      <c r="KO21" s="223">
        <v>0</v>
      </c>
      <c r="KP21" s="224">
        <v>0</v>
      </c>
      <c r="KQ21" s="127"/>
      <c r="KR21" s="109">
        <v>0</v>
      </c>
      <c r="KS21" s="109">
        <v>426062</v>
      </c>
      <c r="KT21" s="109">
        <v>611609</v>
      </c>
      <c r="KU21" s="109">
        <v>223290</v>
      </c>
      <c r="KV21" s="109">
        <v>229285</v>
      </c>
      <c r="KW21" s="110">
        <v>1490246</v>
      </c>
      <c r="KX21" s="298">
        <v>1490246</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8">
        <v>0</v>
      </c>
      <c r="LU21" s="129">
        <v>0</v>
      </c>
      <c r="LV21" s="109">
        <v>0</v>
      </c>
      <c r="LW21" s="110">
        <v>0</v>
      </c>
      <c r="LX21" s="132"/>
      <c r="LY21" s="109">
        <v>0</v>
      </c>
      <c r="LZ21" s="109">
        <v>0</v>
      </c>
      <c r="MA21" s="109">
        <v>0</v>
      </c>
      <c r="MB21" s="109">
        <v>0</v>
      </c>
      <c r="MC21" s="109">
        <v>0</v>
      </c>
      <c r="MD21" s="110">
        <v>0</v>
      </c>
      <c r="ME21" s="111">
        <v>0</v>
      </c>
      <c r="MF21" s="129">
        <v>0</v>
      </c>
      <c r="MG21" s="109">
        <v>0</v>
      </c>
      <c r="MH21" s="110">
        <v>0</v>
      </c>
      <c r="MI21" s="132"/>
      <c r="MJ21" s="109">
        <v>0</v>
      </c>
      <c r="MK21" s="109">
        <v>471721</v>
      </c>
      <c r="ML21" s="109">
        <v>2158616</v>
      </c>
      <c r="MM21" s="109">
        <v>2675101</v>
      </c>
      <c r="MN21" s="109">
        <v>1338522</v>
      </c>
      <c r="MO21" s="110">
        <v>6643960</v>
      </c>
      <c r="MP21" s="130">
        <v>6643960</v>
      </c>
      <c r="MQ21" s="129">
        <v>0</v>
      </c>
      <c r="MR21" s="109">
        <v>0</v>
      </c>
      <c r="MS21" s="110">
        <v>0</v>
      </c>
      <c r="MT21" s="132"/>
      <c r="MU21" s="109">
        <v>0</v>
      </c>
      <c r="MV21" s="109">
        <v>0</v>
      </c>
      <c r="MW21" s="109">
        <v>1420832</v>
      </c>
      <c r="MX21" s="109">
        <v>1622658</v>
      </c>
      <c r="MY21" s="109">
        <v>507204</v>
      </c>
      <c r="MZ21" s="110">
        <v>3550694</v>
      </c>
      <c r="NA21" s="130">
        <v>3550694</v>
      </c>
      <c r="NB21" s="129">
        <v>0</v>
      </c>
      <c r="NC21" s="109">
        <v>0</v>
      </c>
      <c r="ND21" s="110">
        <v>0</v>
      </c>
      <c r="NE21" s="132"/>
      <c r="NF21" s="109">
        <v>0</v>
      </c>
      <c r="NG21" s="109">
        <v>471721</v>
      </c>
      <c r="NH21" s="109">
        <v>737784</v>
      </c>
      <c r="NI21" s="109">
        <v>1052443</v>
      </c>
      <c r="NJ21" s="109">
        <v>831318</v>
      </c>
      <c r="NK21" s="110">
        <v>3093266</v>
      </c>
      <c r="NL21" s="298">
        <v>3093266</v>
      </c>
      <c r="NM21" s="129">
        <v>0</v>
      </c>
      <c r="NN21" s="109">
        <v>0</v>
      </c>
      <c r="NO21" s="110">
        <v>0</v>
      </c>
      <c r="NP21" s="132">
        <v>0</v>
      </c>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0</v>
      </c>
      <c r="OG21" s="110">
        <v>0</v>
      </c>
      <c r="OH21" s="111">
        <v>0</v>
      </c>
      <c r="OI21" s="129">
        <v>307162</v>
      </c>
      <c r="OJ21" s="109">
        <v>469262</v>
      </c>
      <c r="OK21" s="128">
        <v>776424</v>
      </c>
      <c r="OL21" s="108">
        <v>0</v>
      </c>
      <c r="OM21" s="109">
        <v>3437193</v>
      </c>
      <c r="ON21" s="109">
        <v>5736199</v>
      </c>
      <c r="OO21" s="109">
        <v>7522028</v>
      </c>
      <c r="OP21" s="109">
        <v>6772029</v>
      </c>
      <c r="OQ21" s="109">
        <v>4612186</v>
      </c>
      <c r="OR21" s="110">
        <v>28079635</v>
      </c>
      <c r="OS21" s="130">
        <v>28856059</v>
      </c>
    </row>
    <row r="22" spans="2:409" ht="21" customHeight="1" x14ac:dyDescent="0.2">
      <c r="B22" s="472" t="s">
        <v>17</v>
      </c>
      <c r="C22" s="100">
        <v>570847</v>
      </c>
      <c r="D22" s="104">
        <v>770925</v>
      </c>
      <c r="E22" s="103">
        <v>1341772</v>
      </c>
      <c r="F22" s="99">
        <v>0</v>
      </c>
      <c r="G22" s="104">
        <v>3362959</v>
      </c>
      <c r="H22" s="104">
        <v>6287004</v>
      </c>
      <c r="I22" s="104">
        <v>7258358</v>
      </c>
      <c r="J22" s="104">
        <v>6382903</v>
      </c>
      <c r="K22" s="104">
        <v>4263029</v>
      </c>
      <c r="L22" s="99">
        <v>27554253</v>
      </c>
      <c r="M22" s="106">
        <v>28896025</v>
      </c>
      <c r="N22" s="100">
        <v>161690</v>
      </c>
      <c r="O22" s="104">
        <v>243319</v>
      </c>
      <c r="P22" s="103">
        <v>405009</v>
      </c>
      <c r="Q22" s="100">
        <v>0</v>
      </c>
      <c r="R22" s="104">
        <v>1104930</v>
      </c>
      <c r="S22" s="104">
        <v>1456362</v>
      </c>
      <c r="T22" s="104">
        <v>2651206</v>
      </c>
      <c r="U22" s="104">
        <v>1663927</v>
      </c>
      <c r="V22" s="104">
        <v>1414397</v>
      </c>
      <c r="W22" s="103">
        <v>8290822</v>
      </c>
      <c r="X22" s="106">
        <v>8695831</v>
      </c>
      <c r="Y22" s="100">
        <v>0</v>
      </c>
      <c r="Z22" s="104">
        <v>0</v>
      </c>
      <c r="AA22" s="103">
        <v>0</v>
      </c>
      <c r="AB22" s="100">
        <v>0</v>
      </c>
      <c r="AC22" s="104">
        <v>520260</v>
      </c>
      <c r="AD22" s="104">
        <v>601088</v>
      </c>
      <c r="AE22" s="104">
        <v>1416035</v>
      </c>
      <c r="AF22" s="104">
        <v>628588</v>
      </c>
      <c r="AG22" s="104">
        <v>697840</v>
      </c>
      <c r="AH22" s="103">
        <v>3863811</v>
      </c>
      <c r="AI22" s="106">
        <v>3863811</v>
      </c>
      <c r="AJ22" s="100">
        <v>0</v>
      </c>
      <c r="AK22" s="104">
        <v>0</v>
      </c>
      <c r="AL22" s="103">
        <v>0</v>
      </c>
      <c r="AM22" s="100">
        <v>0</v>
      </c>
      <c r="AN22" s="104">
        <v>0</v>
      </c>
      <c r="AO22" s="104">
        <v>42961</v>
      </c>
      <c r="AP22" s="104">
        <v>20462</v>
      </c>
      <c r="AQ22" s="104">
        <v>124207</v>
      </c>
      <c r="AR22" s="104">
        <v>164794</v>
      </c>
      <c r="AS22" s="103">
        <v>352424</v>
      </c>
      <c r="AT22" s="106">
        <v>352424</v>
      </c>
      <c r="AU22" s="100">
        <v>99992</v>
      </c>
      <c r="AV22" s="104">
        <v>192359</v>
      </c>
      <c r="AW22" s="103">
        <v>292351</v>
      </c>
      <c r="AX22" s="100">
        <v>0</v>
      </c>
      <c r="AY22" s="104">
        <v>386315</v>
      </c>
      <c r="AZ22" s="104">
        <v>567833</v>
      </c>
      <c r="BA22" s="104">
        <v>766103</v>
      </c>
      <c r="BB22" s="104">
        <v>477849</v>
      </c>
      <c r="BC22" s="104">
        <v>322113</v>
      </c>
      <c r="BD22" s="103">
        <v>2520213</v>
      </c>
      <c r="BE22" s="106">
        <v>2812564</v>
      </c>
      <c r="BF22" s="100">
        <v>0</v>
      </c>
      <c r="BG22" s="104">
        <v>0</v>
      </c>
      <c r="BH22" s="102">
        <v>0</v>
      </c>
      <c r="BI22" s="101">
        <v>0</v>
      </c>
      <c r="BJ22" s="104">
        <v>37369</v>
      </c>
      <c r="BK22" s="104">
        <v>35033</v>
      </c>
      <c r="BL22" s="104">
        <v>206126</v>
      </c>
      <c r="BM22" s="104">
        <v>79692</v>
      </c>
      <c r="BN22" s="104">
        <v>17102</v>
      </c>
      <c r="BO22" s="103">
        <v>375322</v>
      </c>
      <c r="BP22" s="106">
        <v>375322</v>
      </c>
      <c r="BQ22" s="100">
        <v>61698</v>
      </c>
      <c r="BR22" s="104">
        <v>50960</v>
      </c>
      <c r="BS22" s="103">
        <v>112658</v>
      </c>
      <c r="BT22" s="100">
        <v>0</v>
      </c>
      <c r="BU22" s="104">
        <v>160986</v>
      </c>
      <c r="BV22" s="104">
        <v>209447</v>
      </c>
      <c r="BW22" s="104">
        <v>242480</v>
      </c>
      <c r="BX22" s="104">
        <v>353591</v>
      </c>
      <c r="BY22" s="104">
        <v>212548</v>
      </c>
      <c r="BZ22" s="103">
        <v>1179052</v>
      </c>
      <c r="CA22" s="106">
        <v>1291710</v>
      </c>
      <c r="CB22" s="100">
        <v>111057</v>
      </c>
      <c r="CC22" s="104">
        <v>136699</v>
      </c>
      <c r="CD22" s="103">
        <v>247756</v>
      </c>
      <c r="CE22" s="100">
        <v>0</v>
      </c>
      <c r="CF22" s="104">
        <v>1115524</v>
      </c>
      <c r="CG22" s="104">
        <v>2150270</v>
      </c>
      <c r="CH22" s="104">
        <v>1785889</v>
      </c>
      <c r="CI22" s="104">
        <v>1212860</v>
      </c>
      <c r="CJ22" s="104">
        <v>438343</v>
      </c>
      <c r="CK22" s="103">
        <v>6702886</v>
      </c>
      <c r="CL22" s="106">
        <v>6950642</v>
      </c>
      <c r="CM22" s="100">
        <v>0</v>
      </c>
      <c r="CN22" s="104">
        <v>0</v>
      </c>
      <c r="CO22" s="103">
        <v>0</v>
      </c>
      <c r="CP22" s="101">
        <v>0</v>
      </c>
      <c r="CQ22" s="104">
        <v>906940</v>
      </c>
      <c r="CR22" s="104">
        <v>1477282</v>
      </c>
      <c r="CS22" s="104">
        <v>1232510</v>
      </c>
      <c r="CT22" s="104">
        <v>855087</v>
      </c>
      <c r="CU22" s="104">
        <v>194799</v>
      </c>
      <c r="CV22" s="103">
        <v>4666618</v>
      </c>
      <c r="CW22" s="106">
        <v>4666618</v>
      </c>
      <c r="CX22" s="100">
        <v>111057</v>
      </c>
      <c r="CY22" s="104">
        <v>136699</v>
      </c>
      <c r="CZ22" s="103">
        <v>247756</v>
      </c>
      <c r="DA22" s="100">
        <v>0</v>
      </c>
      <c r="DB22" s="104">
        <v>208584</v>
      </c>
      <c r="DC22" s="104">
        <v>672988</v>
      </c>
      <c r="DD22" s="104">
        <v>553379</v>
      </c>
      <c r="DE22" s="104">
        <v>357773</v>
      </c>
      <c r="DF22" s="104">
        <v>243544</v>
      </c>
      <c r="DG22" s="103">
        <v>2036268</v>
      </c>
      <c r="DH22" s="106">
        <v>2284024</v>
      </c>
      <c r="DI22" s="100">
        <v>0</v>
      </c>
      <c r="DJ22" s="104">
        <v>0</v>
      </c>
      <c r="DK22" s="102">
        <v>0</v>
      </c>
      <c r="DL22" s="101">
        <v>0</v>
      </c>
      <c r="DM22" s="104">
        <v>36015</v>
      </c>
      <c r="DN22" s="104">
        <v>533974</v>
      </c>
      <c r="DO22" s="104">
        <v>642031</v>
      </c>
      <c r="DP22" s="104">
        <v>586023</v>
      </c>
      <c r="DQ22" s="104">
        <v>279294</v>
      </c>
      <c r="DR22" s="103">
        <v>2077337</v>
      </c>
      <c r="DS22" s="106">
        <v>2077337</v>
      </c>
      <c r="DT22" s="100">
        <v>0</v>
      </c>
      <c r="DU22" s="104">
        <v>0</v>
      </c>
      <c r="DV22" s="103">
        <v>0</v>
      </c>
      <c r="DW22" s="100">
        <v>0</v>
      </c>
      <c r="DX22" s="104">
        <v>17348</v>
      </c>
      <c r="DY22" s="104">
        <v>327197</v>
      </c>
      <c r="DZ22" s="104">
        <v>642031</v>
      </c>
      <c r="EA22" s="104">
        <v>559751</v>
      </c>
      <c r="EB22" s="104">
        <v>279294</v>
      </c>
      <c r="EC22" s="103">
        <v>1825621</v>
      </c>
      <c r="ED22" s="106">
        <v>1825621</v>
      </c>
      <c r="EE22" s="100">
        <v>0</v>
      </c>
      <c r="EF22" s="102">
        <v>0</v>
      </c>
      <c r="EG22" s="103">
        <v>0</v>
      </c>
      <c r="EH22" s="100">
        <v>0</v>
      </c>
      <c r="EI22" s="104">
        <v>18667</v>
      </c>
      <c r="EJ22" s="104">
        <v>206777</v>
      </c>
      <c r="EK22" s="104">
        <v>0</v>
      </c>
      <c r="EL22" s="104">
        <v>26272</v>
      </c>
      <c r="EM22" s="104">
        <v>0</v>
      </c>
      <c r="EN22" s="102">
        <v>251716</v>
      </c>
      <c r="EO22" s="106">
        <v>251716</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99764</v>
      </c>
      <c r="FM22" s="104">
        <v>141533</v>
      </c>
      <c r="FN22" s="103">
        <v>241297</v>
      </c>
      <c r="FO22" s="100">
        <v>0</v>
      </c>
      <c r="FP22" s="104">
        <v>119343</v>
      </c>
      <c r="FQ22" s="104">
        <v>596044</v>
      </c>
      <c r="FR22" s="104">
        <v>588015</v>
      </c>
      <c r="FS22" s="104">
        <v>546182</v>
      </c>
      <c r="FT22" s="104">
        <v>241577</v>
      </c>
      <c r="FU22" s="103">
        <v>2091161</v>
      </c>
      <c r="FV22" s="106">
        <v>2332458</v>
      </c>
      <c r="FW22" s="105">
        <v>99764</v>
      </c>
      <c r="FX22" s="104">
        <v>113736</v>
      </c>
      <c r="FY22" s="102">
        <v>213500</v>
      </c>
      <c r="FZ22" s="101">
        <v>0</v>
      </c>
      <c r="GA22" s="104">
        <v>105483</v>
      </c>
      <c r="GB22" s="104">
        <v>517644</v>
      </c>
      <c r="GC22" s="104">
        <v>558615</v>
      </c>
      <c r="GD22" s="104">
        <v>463904</v>
      </c>
      <c r="GE22" s="104">
        <v>241577</v>
      </c>
      <c r="GF22" s="103">
        <v>1887223</v>
      </c>
      <c r="GG22" s="296">
        <v>2100723</v>
      </c>
      <c r="GH22" s="105">
        <v>0</v>
      </c>
      <c r="GI22" s="104">
        <v>0</v>
      </c>
      <c r="GJ22" s="102">
        <v>0</v>
      </c>
      <c r="GK22" s="101">
        <v>0</v>
      </c>
      <c r="GL22" s="104">
        <v>13860</v>
      </c>
      <c r="GM22" s="104">
        <v>18900</v>
      </c>
      <c r="GN22" s="104">
        <v>0</v>
      </c>
      <c r="GO22" s="104">
        <v>61278</v>
      </c>
      <c r="GP22" s="104">
        <v>0</v>
      </c>
      <c r="GQ22" s="103">
        <v>94038</v>
      </c>
      <c r="GR22" s="106">
        <v>94038</v>
      </c>
      <c r="GS22" s="100">
        <v>0</v>
      </c>
      <c r="GT22" s="104">
        <v>27797</v>
      </c>
      <c r="GU22" s="103">
        <v>27797</v>
      </c>
      <c r="GV22" s="100">
        <v>0</v>
      </c>
      <c r="GW22" s="104">
        <v>0</v>
      </c>
      <c r="GX22" s="104">
        <v>59500</v>
      </c>
      <c r="GY22" s="104">
        <v>29400</v>
      </c>
      <c r="GZ22" s="104">
        <v>21000</v>
      </c>
      <c r="HA22" s="104">
        <v>0</v>
      </c>
      <c r="HB22" s="102">
        <v>109900</v>
      </c>
      <c r="HC22" s="106">
        <v>137697</v>
      </c>
      <c r="HD22" s="100">
        <v>198336</v>
      </c>
      <c r="HE22" s="104">
        <v>249374</v>
      </c>
      <c r="HF22" s="102">
        <v>447710</v>
      </c>
      <c r="HG22" s="101">
        <v>0</v>
      </c>
      <c r="HH22" s="104">
        <v>987147</v>
      </c>
      <c r="HI22" s="104">
        <v>1550354</v>
      </c>
      <c r="HJ22" s="104">
        <v>1591217</v>
      </c>
      <c r="HK22" s="104">
        <v>2373911</v>
      </c>
      <c r="HL22" s="104">
        <v>1889418</v>
      </c>
      <c r="HM22" s="103">
        <v>8392047</v>
      </c>
      <c r="HN22" s="99">
        <v>8839757</v>
      </c>
      <c r="HO22" s="306"/>
      <c r="HP22" s="307"/>
      <c r="HQ22" s="308"/>
      <c r="HR22" s="309"/>
      <c r="HS22" s="307"/>
      <c r="HT22" s="307"/>
      <c r="HU22" s="307"/>
      <c r="HV22" s="307"/>
      <c r="HW22" s="307"/>
      <c r="HX22" s="310"/>
      <c r="HY22" s="311"/>
      <c r="HZ22" s="137">
        <v>0</v>
      </c>
      <c r="IA22" s="122">
        <v>0</v>
      </c>
      <c r="IB22" s="137">
        <v>0</v>
      </c>
      <c r="IC22" s="121">
        <v>0</v>
      </c>
      <c r="ID22" s="122">
        <v>840709</v>
      </c>
      <c r="IE22" s="123">
        <v>1748960</v>
      </c>
      <c r="IF22" s="124">
        <v>980591</v>
      </c>
      <c r="IG22" s="122">
        <v>1576907</v>
      </c>
      <c r="IH22" s="124">
        <v>1801401</v>
      </c>
      <c r="II22" s="125">
        <v>6948568</v>
      </c>
      <c r="IJ22" s="137">
        <v>6948568</v>
      </c>
      <c r="IK22" s="219">
        <v>0</v>
      </c>
      <c r="IL22" s="223">
        <v>0</v>
      </c>
      <c r="IM22" s="224">
        <v>0</v>
      </c>
      <c r="IN22" s="127"/>
      <c r="IO22" s="109">
        <v>48925</v>
      </c>
      <c r="IP22" s="109">
        <v>0</v>
      </c>
      <c r="IQ22" s="109">
        <v>0</v>
      </c>
      <c r="IR22" s="109">
        <v>0</v>
      </c>
      <c r="IS22" s="109">
        <v>0</v>
      </c>
      <c r="IT22" s="128">
        <v>48925</v>
      </c>
      <c r="IU22" s="298">
        <v>48925</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582124</v>
      </c>
      <c r="JL22" s="109">
        <v>560227</v>
      </c>
      <c r="JM22" s="109">
        <v>288473</v>
      </c>
      <c r="JN22" s="109">
        <v>174761</v>
      </c>
      <c r="JO22" s="109">
        <v>96429</v>
      </c>
      <c r="JP22" s="110">
        <v>1702014</v>
      </c>
      <c r="JQ22" s="298">
        <v>1702014</v>
      </c>
      <c r="JR22" s="129">
        <v>0</v>
      </c>
      <c r="JS22" s="109">
        <v>0</v>
      </c>
      <c r="JT22" s="128">
        <v>0</v>
      </c>
      <c r="JU22" s="108">
        <v>0</v>
      </c>
      <c r="JV22" s="109">
        <v>0</v>
      </c>
      <c r="JW22" s="109">
        <v>0</v>
      </c>
      <c r="JX22" s="109">
        <v>24079</v>
      </c>
      <c r="JY22" s="109">
        <v>0</v>
      </c>
      <c r="JZ22" s="109">
        <v>0</v>
      </c>
      <c r="KA22" s="110">
        <v>24079</v>
      </c>
      <c r="KB22" s="298">
        <v>24079</v>
      </c>
      <c r="KC22" s="221">
        <v>0</v>
      </c>
      <c r="KD22" s="217">
        <v>0</v>
      </c>
      <c r="KE22" s="110">
        <v>0</v>
      </c>
      <c r="KF22" s="108">
        <v>0</v>
      </c>
      <c r="KG22" s="109">
        <v>0</v>
      </c>
      <c r="KH22" s="109">
        <v>162111</v>
      </c>
      <c r="KI22" s="109">
        <v>0</v>
      </c>
      <c r="KJ22" s="109">
        <v>237769</v>
      </c>
      <c r="KK22" s="109">
        <v>260416</v>
      </c>
      <c r="KL22" s="110">
        <v>660296</v>
      </c>
      <c r="KM22" s="130">
        <v>660296</v>
      </c>
      <c r="KN22" s="219">
        <v>0</v>
      </c>
      <c r="KO22" s="223">
        <v>0</v>
      </c>
      <c r="KP22" s="224">
        <v>0</v>
      </c>
      <c r="KQ22" s="127"/>
      <c r="KR22" s="109">
        <v>209660</v>
      </c>
      <c r="KS22" s="109">
        <v>1026622</v>
      </c>
      <c r="KT22" s="109">
        <v>452845</v>
      </c>
      <c r="KU22" s="109">
        <v>697927</v>
      </c>
      <c r="KV22" s="109">
        <v>943076</v>
      </c>
      <c r="KW22" s="110">
        <v>3330130</v>
      </c>
      <c r="KX22" s="298">
        <v>3330130</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215194</v>
      </c>
      <c r="LQ22" s="109">
        <v>466450</v>
      </c>
      <c r="LR22" s="109">
        <v>501480</v>
      </c>
      <c r="LS22" s="110">
        <v>1183124</v>
      </c>
      <c r="LT22" s="298">
        <v>1183124</v>
      </c>
      <c r="LU22" s="129">
        <v>0</v>
      </c>
      <c r="LV22" s="109">
        <v>0</v>
      </c>
      <c r="LW22" s="110">
        <v>0</v>
      </c>
      <c r="LX22" s="132"/>
      <c r="LY22" s="109">
        <v>0</v>
      </c>
      <c r="LZ22" s="109">
        <v>0</v>
      </c>
      <c r="MA22" s="109">
        <v>0</v>
      </c>
      <c r="MB22" s="109">
        <v>0</v>
      </c>
      <c r="MC22" s="109">
        <v>0</v>
      </c>
      <c r="MD22" s="110">
        <v>0</v>
      </c>
      <c r="ME22" s="111">
        <v>0</v>
      </c>
      <c r="MF22" s="129">
        <v>0</v>
      </c>
      <c r="MG22" s="109">
        <v>0</v>
      </c>
      <c r="MH22" s="110">
        <v>0</v>
      </c>
      <c r="MI22" s="132"/>
      <c r="MJ22" s="109">
        <v>375532</v>
      </c>
      <c r="MK22" s="109">
        <v>1401651</v>
      </c>
      <c r="ML22" s="109">
        <v>3502151</v>
      </c>
      <c r="MM22" s="109">
        <v>2698714</v>
      </c>
      <c r="MN22" s="109">
        <v>2543857</v>
      </c>
      <c r="MO22" s="110">
        <v>10521905</v>
      </c>
      <c r="MP22" s="130">
        <v>10521905</v>
      </c>
      <c r="MQ22" s="129">
        <v>0</v>
      </c>
      <c r="MR22" s="109">
        <v>0</v>
      </c>
      <c r="MS22" s="110">
        <v>0</v>
      </c>
      <c r="MT22" s="132"/>
      <c r="MU22" s="109">
        <v>0</v>
      </c>
      <c r="MV22" s="109">
        <v>210271</v>
      </c>
      <c r="MW22" s="109">
        <v>1231087</v>
      </c>
      <c r="MX22" s="109">
        <v>1349283</v>
      </c>
      <c r="MY22" s="109">
        <v>1242873</v>
      </c>
      <c r="MZ22" s="110">
        <v>4033514</v>
      </c>
      <c r="NA22" s="130">
        <v>4033514</v>
      </c>
      <c r="NB22" s="129">
        <v>0</v>
      </c>
      <c r="NC22" s="109">
        <v>0</v>
      </c>
      <c r="ND22" s="110">
        <v>0</v>
      </c>
      <c r="NE22" s="132"/>
      <c r="NF22" s="109">
        <v>375532</v>
      </c>
      <c r="NG22" s="109">
        <v>1191380</v>
      </c>
      <c r="NH22" s="109">
        <v>2271064</v>
      </c>
      <c r="NI22" s="109">
        <v>1349431</v>
      </c>
      <c r="NJ22" s="109">
        <v>958229</v>
      </c>
      <c r="NK22" s="110">
        <v>6145636</v>
      </c>
      <c r="NL22" s="298">
        <v>6145636</v>
      </c>
      <c r="NM22" s="129">
        <v>0</v>
      </c>
      <c r="NN22" s="109">
        <v>0</v>
      </c>
      <c r="NO22" s="110">
        <v>0</v>
      </c>
      <c r="NP22" s="132">
        <v>0</v>
      </c>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342755</v>
      </c>
      <c r="OG22" s="110">
        <v>342755</v>
      </c>
      <c r="OH22" s="111">
        <v>342755</v>
      </c>
      <c r="OI22" s="129">
        <v>570847</v>
      </c>
      <c r="OJ22" s="109">
        <v>770925</v>
      </c>
      <c r="OK22" s="128">
        <v>1341772</v>
      </c>
      <c r="OL22" s="108">
        <v>0</v>
      </c>
      <c r="OM22" s="109">
        <v>4579200</v>
      </c>
      <c r="ON22" s="109">
        <v>9437615</v>
      </c>
      <c r="OO22" s="109">
        <v>11741100</v>
      </c>
      <c r="OP22" s="109">
        <v>10658524</v>
      </c>
      <c r="OQ22" s="109">
        <v>8608287</v>
      </c>
      <c r="OR22" s="110">
        <v>45024726</v>
      </c>
      <c r="OS22" s="130">
        <v>46366498</v>
      </c>
    </row>
    <row r="23" spans="2:409" ht="21" customHeight="1" x14ac:dyDescent="0.2">
      <c r="B23" s="472" t="s">
        <v>18</v>
      </c>
      <c r="C23" s="100">
        <v>624882</v>
      </c>
      <c r="D23" s="104">
        <v>626710</v>
      </c>
      <c r="E23" s="103">
        <v>1251592</v>
      </c>
      <c r="F23" s="99">
        <v>0</v>
      </c>
      <c r="G23" s="104">
        <v>5683012</v>
      </c>
      <c r="H23" s="104">
        <v>7747228</v>
      </c>
      <c r="I23" s="104">
        <v>6557573</v>
      </c>
      <c r="J23" s="104">
        <v>8938750</v>
      </c>
      <c r="K23" s="104">
        <v>5463984</v>
      </c>
      <c r="L23" s="99">
        <v>34390547</v>
      </c>
      <c r="M23" s="106">
        <v>35642139</v>
      </c>
      <c r="N23" s="100">
        <v>210163</v>
      </c>
      <c r="O23" s="104">
        <v>173018</v>
      </c>
      <c r="P23" s="103">
        <v>383181</v>
      </c>
      <c r="Q23" s="100">
        <v>0</v>
      </c>
      <c r="R23" s="104">
        <v>1833417</v>
      </c>
      <c r="S23" s="104">
        <v>2232263</v>
      </c>
      <c r="T23" s="104">
        <v>2220284</v>
      </c>
      <c r="U23" s="104">
        <v>3184988</v>
      </c>
      <c r="V23" s="104">
        <v>1623507</v>
      </c>
      <c r="W23" s="103">
        <v>11094459</v>
      </c>
      <c r="X23" s="106">
        <v>11477640</v>
      </c>
      <c r="Y23" s="100">
        <v>0</v>
      </c>
      <c r="Z23" s="104">
        <v>0</v>
      </c>
      <c r="AA23" s="103">
        <v>0</v>
      </c>
      <c r="AB23" s="100">
        <v>0</v>
      </c>
      <c r="AC23" s="104">
        <v>871323</v>
      </c>
      <c r="AD23" s="104">
        <v>804612</v>
      </c>
      <c r="AE23" s="104">
        <v>945601</v>
      </c>
      <c r="AF23" s="104">
        <v>2189061</v>
      </c>
      <c r="AG23" s="104">
        <v>702734</v>
      </c>
      <c r="AH23" s="103">
        <v>5513331</v>
      </c>
      <c r="AI23" s="106">
        <v>5513331</v>
      </c>
      <c r="AJ23" s="100">
        <v>0</v>
      </c>
      <c r="AK23" s="104">
        <v>0</v>
      </c>
      <c r="AL23" s="103">
        <v>0</v>
      </c>
      <c r="AM23" s="100">
        <v>0</v>
      </c>
      <c r="AN23" s="104">
        <v>0</v>
      </c>
      <c r="AO23" s="104">
        <v>0</v>
      </c>
      <c r="AP23" s="104">
        <v>40348</v>
      </c>
      <c r="AQ23" s="104">
        <v>126077</v>
      </c>
      <c r="AR23" s="104">
        <v>196075</v>
      </c>
      <c r="AS23" s="103">
        <v>362500</v>
      </c>
      <c r="AT23" s="106">
        <v>362500</v>
      </c>
      <c r="AU23" s="100">
        <v>131751</v>
      </c>
      <c r="AV23" s="104">
        <v>118950</v>
      </c>
      <c r="AW23" s="103">
        <v>250701</v>
      </c>
      <c r="AX23" s="100">
        <v>0</v>
      </c>
      <c r="AY23" s="104">
        <v>618945</v>
      </c>
      <c r="AZ23" s="104">
        <v>1030611</v>
      </c>
      <c r="BA23" s="104">
        <v>704815</v>
      </c>
      <c r="BB23" s="104">
        <v>415053</v>
      </c>
      <c r="BC23" s="104">
        <v>372507</v>
      </c>
      <c r="BD23" s="103">
        <v>3141931</v>
      </c>
      <c r="BE23" s="106">
        <v>3392632</v>
      </c>
      <c r="BF23" s="100">
        <v>28180</v>
      </c>
      <c r="BG23" s="104">
        <v>0</v>
      </c>
      <c r="BH23" s="102">
        <v>28180</v>
      </c>
      <c r="BI23" s="101">
        <v>0</v>
      </c>
      <c r="BJ23" s="104">
        <v>43423</v>
      </c>
      <c r="BK23" s="104">
        <v>91609</v>
      </c>
      <c r="BL23" s="104">
        <v>95597</v>
      </c>
      <c r="BM23" s="104">
        <v>0</v>
      </c>
      <c r="BN23" s="104">
        <v>38556</v>
      </c>
      <c r="BO23" s="103">
        <v>269185</v>
      </c>
      <c r="BP23" s="106">
        <v>297365</v>
      </c>
      <c r="BQ23" s="100">
        <v>50232</v>
      </c>
      <c r="BR23" s="104">
        <v>54068</v>
      </c>
      <c r="BS23" s="103">
        <v>104300</v>
      </c>
      <c r="BT23" s="100">
        <v>0</v>
      </c>
      <c r="BU23" s="104">
        <v>299726</v>
      </c>
      <c r="BV23" s="104">
        <v>305431</v>
      </c>
      <c r="BW23" s="104">
        <v>433923</v>
      </c>
      <c r="BX23" s="104">
        <v>454797</v>
      </c>
      <c r="BY23" s="104">
        <v>313635</v>
      </c>
      <c r="BZ23" s="103">
        <v>1807512</v>
      </c>
      <c r="CA23" s="106">
        <v>1911812</v>
      </c>
      <c r="CB23" s="100">
        <v>91474</v>
      </c>
      <c r="CC23" s="104">
        <v>173827</v>
      </c>
      <c r="CD23" s="103">
        <v>265301</v>
      </c>
      <c r="CE23" s="100">
        <v>0</v>
      </c>
      <c r="CF23" s="104">
        <v>1988130</v>
      </c>
      <c r="CG23" s="104">
        <v>3042101</v>
      </c>
      <c r="CH23" s="104">
        <v>1409647</v>
      </c>
      <c r="CI23" s="104">
        <v>1816681</v>
      </c>
      <c r="CJ23" s="104">
        <v>530265</v>
      </c>
      <c r="CK23" s="103">
        <v>8786824</v>
      </c>
      <c r="CL23" s="106">
        <v>9052125</v>
      </c>
      <c r="CM23" s="100">
        <v>0</v>
      </c>
      <c r="CN23" s="104">
        <v>0</v>
      </c>
      <c r="CO23" s="103">
        <v>0</v>
      </c>
      <c r="CP23" s="101">
        <v>0</v>
      </c>
      <c r="CQ23" s="104">
        <v>1544127</v>
      </c>
      <c r="CR23" s="104">
        <v>2279603</v>
      </c>
      <c r="CS23" s="104">
        <v>1048944</v>
      </c>
      <c r="CT23" s="104">
        <v>1343229</v>
      </c>
      <c r="CU23" s="104">
        <v>324897</v>
      </c>
      <c r="CV23" s="103">
        <v>6540800</v>
      </c>
      <c r="CW23" s="106">
        <v>6540800</v>
      </c>
      <c r="CX23" s="100">
        <v>91474</v>
      </c>
      <c r="CY23" s="104">
        <v>173827</v>
      </c>
      <c r="CZ23" s="103">
        <v>265301</v>
      </c>
      <c r="DA23" s="100">
        <v>0</v>
      </c>
      <c r="DB23" s="104">
        <v>444003</v>
      </c>
      <c r="DC23" s="104">
        <v>762498</v>
      </c>
      <c r="DD23" s="104">
        <v>360703</v>
      </c>
      <c r="DE23" s="104">
        <v>473452</v>
      </c>
      <c r="DF23" s="104">
        <v>205368</v>
      </c>
      <c r="DG23" s="103">
        <v>2246024</v>
      </c>
      <c r="DH23" s="106">
        <v>2511325</v>
      </c>
      <c r="DI23" s="100">
        <v>0</v>
      </c>
      <c r="DJ23" s="104">
        <v>0</v>
      </c>
      <c r="DK23" s="102">
        <v>0</v>
      </c>
      <c r="DL23" s="101">
        <v>0</v>
      </c>
      <c r="DM23" s="104">
        <v>0</v>
      </c>
      <c r="DN23" s="104">
        <v>302690</v>
      </c>
      <c r="DO23" s="104">
        <v>710807</v>
      </c>
      <c r="DP23" s="104">
        <v>840590</v>
      </c>
      <c r="DQ23" s="104">
        <v>556879</v>
      </c>
      <c r="DR23" s="103">
        <v>2410966</v>
      </c>
      <c r="DS23" s="106">
        <v>2410966</v>
      </c>
      <c r="DT23" s="100">
        <v>0</v>
      </c>
      <c r="DU23" s="104">
        <v>0</v>
      </c>
      <c r="DV23" s="103">
        <v>0</v>
      </c>
      <c r="DW23" s="100">
        <v>0</v>
      </c>
      <c r="DX23" s="104">
        <v>0</v>
      </c>
      <c r="DY23" s="104">
        <v>275099</v>
      </c>
      <c r="DZ23" s="104">
        <v>710807</v>
      </c>
      <c r="EA23" s="104">
        <v>840590</v>
      </c>
      <c r="EB23" s="104">
        <v>533977</v>
      </c>
      <c r="EC23" s="103">
        <v>2360473</v>
      </c>
      <c r="ED23" s="106">
        <v>2360473</v>
      </c>
      <c r="EE23" s="100">
        <v>0</v>
      </c>
      <c r="EF23" s="102">
        <v>0</v>
      </c>
      <c r="EG23" s="103">
        <v>0</v>
      </c>
      <c r="EH23" s="100">
        <v>0</v>
      </c>
      <c r="EI23" s="104">
        <v>0</v>
      </c>
      <c r="EJ23" s="104">
        <v>27591</v>
      </c>
      <c r="EK23" s="104">
        <v>0</v>
      </c>
      <c r="EL23" s="104">
        <v>0</v>
      </c>
      <c r="EM23" s="104">
        <v>22902</v>
      </c>
      <c r="EN23" s="102">
        <v>50493</v>
      </c>
      <c r="EO23" s="106">
        <v>50493</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178731</v>
      </c>
      <c r="FM23" s="104">
        <v>117306</v>
      </c>
      <c r="FN23" s="103">
        <v>296037</v>
      </c>
      <c r="FO23" s="100">
        <v>0</v>
      </c>
      <c r="FP23" s="104">
        <v>355334</v>
      </c>
      <c r="FQ23" s="104">
        <v>581952</v>
      </c>
      <c r="FR23" s="104">
        <v>425187</v>
      </c>
      <c r="FS23" s="104">
        <v>551138</v>
      </c>
      <c r="FT23" s="104">
        <v>280770</v>
      </c>
      <c r="FU23" s="103">
        <v>2194381</v>
      </c>
      <c r="FV23" s="106">
        <v>2490418</v>
      </c>
      <c r="FW23" s="105">
        <v>22127</v>
      </c>
      <c r="FX23" s="104">
        <v>117306</v>
      </c>
      <c r="FY23" s="102">
        <v>139433</v>
      </c>
      <c r="FZ23" s="101">
        <v>0</v>
      </c>
      <c r="GA23" s="104">
        <v>266784</v>
      </c>
      <c r="GB23" s="104">
        <v>561652</v>
      </c>
      <c r="GC23" s="104">
        <v>425187</v>
      </c>
      <c r="GD23" s="104">
        <v>506478</v>
      </c>
      <c r="GE23" s="104">
        <v>231742</v>
      </c>
      <c r="GF23" s="103">
        <v>1991843</v>
      </c>
      <c r="GG23" s="296">
        <v>2131276</v>
      </c>
      <c r="GH23" s="105">
        <v>27104</v>
      </c>
      <c r="GI23" s="104">
        <v>0</v>
      </c>
      <c r="GJ23" s="102">
        <v>27104</v>
      </c>
      <c r="GK23" s="101">
        <v>0</v>
      </c>
      <c r="GL23" s="104">
        <v>0</v>
      </c>
      <c r="GM23" s="104">
        <v>20300</v>
      </c>
      <c r="GN23" s="104">
        <v>0</v>
      </c>
      <c r="GO23" s="104">
        <v>44660</v>
      </c>
      <c r="GP23" s="104">
        <v>49028</v>
      </c>
      <c r="GQ23" s="103">
        <v>113988</v>
      </c>
      <c r="GR23" s="106">
        <v>141092</v>
      </c>
      <c r="GS23" s="100">
        <v>129500</v>
      </c>
      <c r="GT23" s="104">
        <v>0</v>
      </c>
      <c r="GU23" s="103">
        <v>129500</v>
      </c>
      <c r="GV23" s="100">
        <v>0</v>
      </c>
      <c r="GW23" s="104">
        <v>88550</v>
      </c>
      <c r="GX23" s="104">
        <v>0</v>
      </c>
      <c r="GY23" s="104">
        <v>0</v>
      </c>
      <c r="GZ23" s="104">
        <v>0</v>
      </c>
      <c r="HA23" s="104">
        <v>0</v>
      </c>
      <c r="HB23" s="102">
        <v>88550</v>
      </c>
      <c r="HC23" s="106">
        <v>218050</v>
      </c>
      <c r="HD23" s="100">
        <v>144514</v>
      </c>
      <c r="HE23" s="104">
        <v>162559</v>
      </c>
      <c r="HF23" s="102">
        <v>307073</v>
      </c>
      <c r="HG23" s="101">
        <v>0</v>
      </c>
      <c r="HH23" s="104">
        <v>1506131</v>
      </c>
      <c r="HI23" s="104">
        <v>1588222</v>
      </c>
      <c r="HJ23" s="104">
        <v>1791648</v>
      </c>
      <c r="HK23" s="104">
        <v>2545353</v>
      </c>
      <c r="HL23" s="104">
        <v>2472563</v>
      </c>
      <c r="HM23" s="103">
        <v>9903917</v>
      </c>
      <c r="HN23" s="99">
        <v>10210990</v>
      </c>
      <c r="HO23" s="306"/>
      <c r="HP23" s="307"/>
      <c r="HQ23" s="308"/>
      <c r="HR23" s="309"/>
      <c r="HS23" s="307"/>
      <c r="HT23" s="307"/>
      <c r="HU23" s="307"/>
      <c r="HV23" s="307"/>
      <c r="HW23" s="307"/>
      <c r="HX23" s="310"/>
      <c r="HY23" s="311"/>
      <c r="HZ23" s="118">
        <v>0</v>
      </c>
      <c r="IA23" s="119">
        <v>0</v>
      </c>
      <c r="IB23" s="120">
        <v>0</v>
      </c>
      <c r="IC23" s="133">
        <v>0</v>
      </c>
      <c r="ID23" s="119">
        <v>919346</v>
      </c>
      <c r="IE23" s="134">
        <v>1176658</v>
      </c>
      <c r="IF23" s="120">
        <v>1657052</v>
      </c>
      <c r="IG23" s="119">
        <v>1372604</v>
      </c>
      <c r="IH23" s="120">
        <v>1001850</v>
      </c>
      <c r="II23" s="135">
        <v>6127510</v>
      </c>
      <c r="IJ23" s="126">
        <v>6127510</v>
      </c>
      <c r="IK23" s="219">
        <v>0</v>
      </c>
      <c r="IL23" s="223">
        <v>0</v>
      </c>
      <c r="IM23" s="224">
        <v>0</v>
      </c>
      <c r="IN23" s="127"/>
      <c r="IO23" s="109">
        <v>0</v>
      </c>
      <c r="IP23" s="109">
        <v>0</v>
      </c>
      <c r="IQ23" s="109">
        <v>0</v>
      </c>
      <c r="IR23" s="109">
        <v>0</v>
      </c>
      <c r="IS23" s="109">
        <v>0</v>
      </c>
      <c r="IT23" s="128">
        <v>0</v>
      </c>
      <c r="IU23" s="298">
        <v>0</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496110</v>
      </c>
      <c r="JL23" s="109">
        <v>324625</v>
      </c>
      <c r="JM23" s="109">
        <v>319558</v>
      </c>
      <c r="JN23" s="109">
        <v>197538</v>
      </c>
      <c r="JO23" s="109">
        <v>0</v>
      </c>
      <c r="JP23" s="110">
        <v>1337831</v>
      </c>
      <c r="JQ23" s="298">
        <v>1337831</v>
      </c>
      <c r="JR23" s="129">
        <v>0</v>
      </c>
      <c r="JS23" s="109">
        <v>0</v>
      </c>
      <c r="JT23" s="128">
        <v>0</v>
      </c>
      <c r="JU23" s="108">
        <v>0</v>
      </c>
      <c r="JV23" s="109">
        <v>0</v>
      </c>
      <c r="JW23" s="109">
        <v>0</v>
      </c>
      <c r="JX23" s="109">
        <v>245011</v>
      </c>
      <c r="JY23" s="109">
        <v>186766</v>
      </c>
      <c r="JZ23" s="109">
        <v>0</v>
      </c>
      <c r="KA23" s="110">
        <v>431777</v>
      </c>
      <c r="KB23" s="298">
        <v>431777</v>
      </c>
      <c r="KC23" s="221">
        <v>0</v>
      </c>
      <c r="KD23" s="217">
        <v>0</v>
      </c>
      <c r="KE23" s="110">
        <v>0</v>
      </c>
      <c r="KF23" s="108">
        <v>0</v>
      </c>
      <c r="KG23" s="109">
        <v>0</v>
      </c>
      <c r="KH23" s="109">
        <v>0</v>
      </c>
      <c r="KI23" s="109">
        <v>0</v>
      </c>
      <c r="KJ23" s="109">
        <v>0</v>
      </c>
      <c r="KK23" s="109">
        <v>0</v>
      </c>
      <c r="KL23" s="110">
        <v>0</v>
      </c>
      <c r="KM23" s="130">
        <v>0</v>
      </c>
      <c r="KN23" s="219">
        <v>0</v>
      </c>
      <c r="KO23" s="223">
        <v>0</v>
      </c>
      <c r="KP23" s="224">
        <v>0</v>
      </c>
      <c r="KQ23" s="127"/>
      <c r="KR23" s="109">
        <v>423236</v>
      </c>
      <c r="KS23" s="109">
        <v>852033</v>
      </c>
      <c r="KT23" s="109">
        <v>838750</v>
      </c>
      <c r="KU23" s="109">
        <v>457172</v>
      </c>
      <c r="KV23" s="109">
        <v>0</v>
      </c>
      <c r="KW23" s="110">
        <v>2571191</v>
      </c>
      <c r="KX23" s="298">
        <v>2571191</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0</v>
      </c>
      <c r="LQ23" s="109">
        <v>249982</v>
      </c>
      <c r="LR23" s="109">
        <v>267341</v>
      </c>
      <c r="LS23" s="110">
        <v>517323</v>
      </c>
      <c r="LT23" s="298">
        <v>517323</v>
      </c>
      <c r="LU23" s="129">
        <v>0</v>
      </c>
      <c r="LV23" s="109">
        <v>0</v>
      </c>
      <c r="LW23" s="110">
        <v>0</v>
      </c>
      <c r="LX23" s="132"/>
      <c r="LY23" s="109">
        <v>0</v>
      </c>
      <c r="LZ23" s="109">
        <v>0</v>
      </c>
      <c r="MA23" s="109">
        <v>253733</v>
      </c>
      <c r="MB23" s="109">
        <v>281146</v>
      </c>
      <c r="MC23" s="109">
        <v>734509</v>
      </c>
      <c r="MD23" s="110">
        <v>1269388</v>
      </c>
      <c r="ME23" s="111">
        <v>1269388</v>
      </c>
      <c r="MF23" s="129">
        <v>0</v>
      </c>
      <c r="MG23" s="109">
        <v>0</v>
      </c>
      <c r="MH23" s="110">
        <v>0</v>
      </c>
      <c r="MI23" s="132"/>
      <c r="MJ23" s="109">
        <v>582223</v>
      </c>
      <c r="MK23" s="109">
        <v>457908</v>
      </c>
      <c r="ML23" s="109">
        <v>2210802</v>
      </c>
      <c r="MM23" s="109">
        <v>4932880</v>
      </c>
      <c r="MN23" s="109">
        <v>2688758</v>
      </c>
      <c r="MO23" s="110">
        <v>10872571</v>
      </c>
      <c r="MP23" s="130">
        <v>10872571</v>
      </c>
      <c r="MQ23" s="129">
        <v>0</v>
      </c>
      <c r="MR23" s="109">
        <v>0</v>
      </c>
      <c r="MS23" s="110">
        <v>0</v>
      </c>
      <c r="MT23" s="132"/>
      <c r="MU23" s="109">
        <v>189123</v>
      </c>
      <c r="MV23" s="109">
        <v>198097</v>
      </c>
      <c r="MW23" s="109">
        <v>1264918</v>
      </c>
      <c r="MX23" s="109">
        <v>3174181</v>
      </c>
      <c r="MY23" s="109">
        <v>1461044</v>
      </c>
      <c r="MZ23" s="110">
        <v>6287363</v>
      </c>
      <c r="NA23" s="130">
        <v>6287363</v>
      </c>
      <c r="NB23" s="129">
        <v>0</v>
      </c>
      <c r="NC23" s="109">
        <v>0</v>
      </c>
      <c r="ND23" s="110">
        <v>0</v>
      </c>
      <c r="NE23" s="132"/>
      <c r="NF23" s="109">
        <v>393100</v>
      </c>
      <c r="NG23" s="109">
        <v>259811</v>
      </c>
      <c r="NH23" s="109">
        <v>945884</v>
      </c>
      <c r="NI23" s="109">
        <v>1758699</v>
      </c>
      <c r="NJ23" s="109">
        <v>955452</v>
      </c>
      <c r="NK23" s="110">
        <v>4312946</v>
      </c>
      <c r="NL23" s="298">
        <v>4312946</v>
      </c>
      <c r="NM23" s="129">
        <v>0</v>
      </c>
      <c r="NN23" s="109">
        <v>0</v>
      </c>
      <c r="NO23" s="110">
        <v>0</v>
      </c>
      <c r="NP23" s="132">
        <v>0</v>
      </c>
      <c r="NQ23" s="109">
        <v>0</v>
      </c>
      <c r="NR23" s="109">
        <v>0</v>
      </c>
      <c r="NS23" s="109">
        <v>0</v>
      </c>
      <c r="NT23" s="109">
        <v>0</v>
      </c>
      <c r="NU23" s="109">
        <v>272262</v>
      </c>
      <c r="NV23" s="110">
        <v>272262</v>
      </c>
      <c r="NW23" s="111">
        <v>272262</v>
      </c>
      <c r="NX23" s="129">
        <v>0</v>
      </c>
      <c r="NY23" s="109">
        <v>0</v>
      </c>
      <c r="NZ23" s="110">
        <v>0</v>
      </c>
      <c r="OA23" s="132"/>
      <c r="OB23" s="109">
        <v>0</v>
      </c>
      <c r="OC23" s="109">
        <v>0</v>
      </c>
      <c r="OD23" s="109">
        <v>0</v>
      </c>
      <c r="OE23" s="109">
        <v>0</v>
      </c>
      <c r="OF23" s="109">
        <v>0</v>
      </c>
      <c r="OG23" s="110">
        <v>0</v>
      </c>
      <c r="OH23" s="111">
        <v>0</v>
      </c>
      <c r="OI23" s="129">
        <v>624882</v>
      </c>
      <c r="OJ23" s="109">
        <v>626710</v>
      </c>
      <c r="OK23" s="128">
        <v>1251592</v>
      </c>
      <c r="OL23" s="108">
        <v>0</v>
      </c>
      <c r="OM23" s="109">
        <v>7184581</v>
      </c>
      <c r="ON23" s="109">
        <v>9381794</v>
      </c>
      <c r="OO23" s="109">
        <v>10425427</v>
      </c>
      <c r="OP23" s="109">
        <v>15244234</v>
      </c>
      <c r="OQ23" s="109">
        <v>9154592</v>
      </c>
      <c r="OR23" s="110">
        <v>51390628</v>
      </c>
      <c r="OS23" s="130">
        <v>52642220</v>
      </c>
    </row>
    <row r="24" spans="2:409" ht="21" customHeight="1" x14ac:dyDescent="0.2">
      <c r="B24" s="472" t="s">
        <v>19</v>
      </c>
      <c r="C24" s="100">
        <v>146512</v>
      </c>
      <c r="D24" s="104">
        <v>348350</v>
      </c>
      <c r="E24" s="103">
        <v>494862</v>
      </c>
      <c r="F24" s="99">
        <v>0</v>
      </c>
      <c r="G24" s="104">
        <v>3154646</v>
      </c>
      <c r="H24" s="104">
        <v>2997689</v>
      </c>
      <c r="I24" s="104">
        <v>3214430</v>
      </c>
      <c r="J24" s="104">
        <v>2109205</v>
      </c>
      <c r="K24" s="104">
        <v>1532334</v>
      </c>
      <c r="L24" s="99">
        <v>13008304</v>
      </c>
      <c r="M24" s="106">
        <v>13503166</v>
      </c>
      <c r="N24" s="100">
        <v>72494</v>
      </c>
      <c r="O24" s="104">
        <v>78841</v>
      </c>
      <c r="P24" s="103">
        <v>151335</v>
      </c>
      <c r="Q24" s="100">
        <v>0</v>
      </c>
      <c r="R24" s="104">
        <v>1074622</v>
      </c>
      <c r="S24" s="104">
        <v>647822</v>
      </c>
      <c r="T24" s="104">
        <v>901508</v>
      </c>
      <c r="U24" s="104">
        <v>763956</v>
      </c>
      <c r="V24" s="104">
        <v>319463</v>
      </c>
      <c r="W24" s="103">
        <v>3707371</v>
      </c>
      <c r="X24" s="106">
        <v>3858706</v>
      </c>
      <c r="Y24" s="100">
        <v>0</v>
      </c>
      <c r="Z24" s="104">
        <v>0</v>
      </c>
      <c r="AA24" s="103">
        <v>0</v>
      </c>
      <c r="AB24" s="100">
        <v>0</v>
      </c>
      <c r="AC24" s="104">
        <v>280130</v>
      </c>
      <c r="AD24" s="104">
        <v>276385</v>
      </c>
      <c r="AE24" s="104">
        <v>465130</v>
      </c>
      <c r="AF24" s="104">
        <v>78096</v>
      </c>
      <c r="AG24" s="104">
        <v>38280</v>
      </c>
      <c r="AH24" s="103">
        <v>1138021</v>
      </c>
      <c r="AI24" s="106">
        <v>1138021</v>
      </c>
      <c r="AJ24" s="100">
        <v>0</v>
      </c>
      <c r="AK24" s="104">
        <v>0</v>
      </c>
      <c r="AL24" s="103">
        <v>0</v>
      </c>
      <c r="AM24" s="100">
        <v>0</v>
      </c>
      <c r="AN24" s="104">
        <v>0</v>
      </c>
      <c r="AO24" s="104">
        <v>0</v>
      </c>
      <c r="AP24" s="104">
        <v>0</v>
      </c>
      <c r="AQ24" s="104">
        <v>29890</v>
      </c>
      <c r="AR24" s="104">
        <v>52389</v>
      </c>
      <c r="AS24" s="103">
        <v>82279</v>
      </c>
      <c r="AT24" s="106">
        <v>82279</v>
      </c>
      <c r="AU24" s="100">
        <v>42408</v>
      </c>
      <c r="AV24" s="104">
        <v>46991</v>
      </c>
      <c r="AW24" s="103">
        <v>89399</v>
      </c>
      <c r="AX24" s="100">
        <v>0</v>
      </c>
      <c r="AY24" s="104">
        <v>648370</v>
      </c>
      <c r="AZ24" s="104">
        <v>226558</v>
      </c>
      <c r="BA24" s="104">
        <v>291338</v>
      </c>
      <c r="BB24" s="104">
        <v>388847</v>
      </c>
      <c r="BC24" s="104">
        <v>126496</v>
      </c>
      <c r="BD24" s="103">
        <v>1681609</v>
      </c>
      <c r="BE24" s="106">
        <v>1771008</v>
      </c>
      <c r="BF24" s="100">
        <v>0</v>
      </c>
      <c r="BG24" s="104">
        <v>0</v>
      </c>
      <c r="BH24" s="102">
        <v>0</v>
      </c>
      <c r="BI24" s="101">
        <v>0</v>
      </c>
      <c r="BJ24" s="104">
        <v>47233</v>
      </c>
      <c r="BK24" s="104">
        <v>0</v>
      </c>
      <c r="BL24" s="104">
        <v>0</v>
      </c>
      <c r="BM24" s="104">
        <v>131141</v>
      </c>
      <c r="BN24" s="104">
        <v>0</v>
      </c>
      <c r="BO24" s="103">
        <v>178374</v>
      </c>
      <c r="BP24" s="106">
        <v>178374</v>
      </c>
      <c r="BQ24" s="100">
        <v>30086</v>
      </c>
      <c r="BR24" s="104">
        <v>31850</v>
      </c>
      <c r="BS24" s="103">
        <v>61936</v>
      </c>
      <c r="BT24" s="100">
        <v>0</v>
      </c>
      <c r="BU24" s="104">
        <v>98889</v>
      </c>
      <c r="BV24" s="104">
        <v>144879</v>
      </c>
      <c r="BW24" s="104">
        <v>145040</v>
      </c>
      <c r="BX24" s="104">
        <v>135982</v>
      </c>
      <c r="BY24" s="104">
        <v>102298</v>
      </c>
      <c r="BZ24" s="103">
        <v>627088</v>
      </c>
      <c r="CA24" s="106">
        <v>689024</v>
      </c>
      <c r="CB24" s="100">
        <v>0</v>
      </c>
      <c r="CC24" s="104">
        <v>68775</v>
      </c>
      <c r="CD24" s="103">
        <v>68775</v>
      </c>
      <c r="CE24" s="100">
        <v>0</v>
      </c>
      <c r="CF24" s="104">
        <v>874033</v>
      </c>
      <c r="CG24" s="104">
        <v>828630</v>
      </c>
      <c r="CH24" s="104">
        <v>800201</v>
      </c>
      <c r="CI24" s="104">
        <v>346004</v>
      </c>
      <c r="CJ24" s="104">
        <v>488348</v>
      </c>
      <c r="CK24" s="103">
        <v>3337216</v>
      </c>
      <c r="CL24" s="106">
        <v>3405991</v>
      </c>
      <c r="CM24" s="100">
        <v>0</v>
      </c>
      <c r="CN24" s="104">
        <v>0</v>
      </c>
      <c r="CO24" s="103">
        <v>0</v>
      </c>
      <c r="CP24" s="101">
        <v>0</v>
      </c>
      <c r="CQ24" s="104">
        <v>527605</v>
      </c>
      <c r="CR24" s="104">
        <v>567442</v>
      </c>
      <c r="CS24" s="104">
        <v>348783</v>
      </c>
      <c r="CT24" s="104">
        <v>84376</v>
      </c>
      <c r="CU24" s="104">
        <v>354429</v>
      </c>
      <c r="CV24" s="103">
        <v>1882635</v>
      </c>
      <c r="CW24" s="106">
        <v>1882635</v>
      </c>
      <c r="CX24" s="100">
        <v>0</v>
      </c>
      <c r="CY24" s="104">
        <v>68775</v>
      </c>
      <c r="CZ24" s="103">
        <v>68775</v>
      </c>
      <c r="DA24" s="100">
        <v>0</v>
      </c>
      <c r="DB24" s="104">
        <v>346428</v>
      </c>
      <c r="DC24" s="104">
        <v>261188</v>
      </c>
      <c r="DD24" s="104">
        <v>451418</v>
      </c>
      <c r="DE24" s="104">
        <v>261628</v>
      </c>
      <c r="DF24" s="104">
        <v>133919</v>
      </c>
      <c r="DG24" s="103">
        <v>1454581</v>
      </c>
      <c r="DH24" s="106">
        <v>1523356</v>
      </c>
      <c r="DI24" s="100">
        <v>0</v>
      </c>
      <c r="DJ24" s="104">
        <v>16262</v>
      </c>
      <c r="DK24" s="102">
        <v>16262</v>
      </c>
      <c r="DL24" s="101">
        <v>0</v>
      </c>
      <c r="DM24" s="104">
        <v>66032</v>
      </c>
      <c r="DN24" s="104">
        <v>35889</v>
      </c>
      <c r="DO24" s="104">
        <v>372078</v>
      </c>
      <c r="DP24" s="104">
        <v>65867</v>
      </c>
      <c r="DQ24" s="104">
        <v>0</v>
      </c>
      <c r="DR24" s="103">
        <v>539866</v>
      </c>
      <c r="DS24" s="106">
        <v>556128</v>
      </c>
      <c r="DT24" s="100">
        <v>0</v>
      </c>
      <c r="DU24" s="104">
        <v>16262</v>
      </c>
      <c r="DV24" s="103">
        <v>16262</v>
      </c>
      <c r="DW24" s="100">
        <v>0</v>
      </c>
      <c r="DX24" s="104">
        <v>66032</v>
      </c>
      <c r="DY24" s="104">
        <v>35889</v>
      </c>
      <c r="DZ24" s="104">
        <v>247526</v>
      </c>
      <c r="EA24" s="104">
        <v>24436</v>
      </c>
      <c r="EB24" s="104">
        <v>0</v>
      </c>
      <c r="EC24" s="103">
        <v>373883</v>
      </c>
      <c r="ED24" s="106">
        <v>390145</v>
      </c>
      <c r="EE24" s="100">
        <v>0</v>
      </c>
      <c r="EF24" s="102">
        <v>0</v>
      </c>
      <c r="EG24" s="103">
        <v>0</v>
      </c>
      <c r="EH24" s="100">
        <v>0</v>
      </c>
      <c r="EI24" s="104">
        <v>0</v>
      </c>
      <c r="EJ24" s="104">
        <v>0</v>
      </c>
      <c r="EK24" s="104">
        <v>124552</v>
      </c>
      <c r="EL24" s="104">
        <v>41431</v>
      </c>
      <c r="EM24" s="104">
        <v>0</v>
      </c>
      <c r="EN24" s="102">
        <v>165983</v>
      </c>
      <c r="EO24" s="106">
        <v>165983</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26460</v>
      </c>
      <c r="FM24" s="104">
        <v>20720</v>
      </c>
      <c r="FN24" s="103">
        <v>47180</v>
      </c>
      <c r="FO24" s="100">
        <v>0</v>
      </c>
      <c r="FP24" s="104">
        <v>297773</v>
      </c>
      <c r="FQ24" s="104">
        <v>243213</v>
      </c>
      <c r="FR24" s="104">
        <v>265636</v>
      </c>
      <c r="FS24" s="104">
        <v>183967</v>
      </c>
      <c r="FT24" s="104">
        <v>93646</v>
      </c>
      <c r="FU24" s="103">
        <v>1084235</v>
      </c>
      <c r="FV24" s="106">
        <v>1131415</v>
      </c>
      <c r="FW24" s="105">
        <v>26460</v>
      </c>
      <c r="FX24" s="104">
        <v>20720</v>
      </c>
      <c r="FY24" s="102">
        <v>47180</v>
      </c>
      <c r="FZ24" s="101">
        <v>0</v>
      </c>
      <c r="GA24" s="104">
        <v>146573</v>
      </c>
      <c r="GB24" s="104">
        <v>215460</v>
      </c>
      <c r="GC24" s="104">
        <v>242536</v>
      </c>
      <c r="GD24" s="104">
        <v>183967</v>
      </c>
      <c r="GE24" s="104">
        <v>93646</v>
      </c>
      <c r="GF24" s="103">
        <v>882182</v>
      </c>
      <c r="GG24" s="296">
        <v>929362</v>
      </c>
      <c r="GH24" s="105">
        <v>0</v>
      </c>
      <c r="GI24" s="104">
        <v>0</v>
      </c>
      <c r="GJ24" s="102">
        <v>0</v>
      </c>
      <c r="GK24" s="101">
        <v>0</v>
      </c>
      <c r="GL24" s="104">
        <v>12600</v>
      </c>
      <c r="GM24" s="104">
        <v>0</v>
      </c>
      <c r="GN24" s="104">
        <v>23100</v>
      </c>
      <c r="GO24" s="104">
        <v>0</v>
      </c>
      <c r="GP24" s="104">
        <v>0</v>
      </c>
      <c r="GQ24" s="103">
        <v>35700</v>
      </c>
      <c r="GR24" s="106">
        <v>35700</v>
      </c>
      <c r="GS24" s="100">
        <v>0</v>
      </c>
      <c r="GT24" s="104">
        <v>0</v>
      </c>
      <c r="GU24" s="103">
        <v>0</v>
      </c>
      <c r="GV24" s="100">
        <v>0</v>
      </c>
      <c r="GW24" s="104">
        <v>138600</v>
      </c>
      <c r="GX24" s="104">
        <v>27753</v>
      </c>
      <c r="GY24" s="104">
        <v>0</v>
      </c>
      <c r="GZ24" s="104">
        <v>0</v>
      </c>
      <c r="HA24" s="104">
        <v>0</v>
      </c>
      <c r="HB24" s="102">
        <v>166353</v>
      </c>
      <c r="HC24" s="106">
        <v>166353</v>
      </c>
      <c r="HD24" s="100">
        <v>47558</v>
      </c>
      <c r="HE24" s="104">
        <v>163752</v>
      </c>
      <c r="HF24" s="102">
        <v>211310</v>
      </c>
      <c r="HG24" s="101">
        <v>0</v>
      </c>
      <c r="HH24" s="104">
        <v>842186</v>
      </c>
      <c r="HI24" s="104">
        <v>1242135</v>
      </c>
      <c r="HJ24" s="104">
        <v>875007</v>
      </c>
      <c r="HK24" s="104">
        <v>749411</v>
      </c>
      <c r="HL24" s="104">
        <v>630877</v>
      </c>
      <c r="HM24" s="103">
        <v>4339616</v>
      </c>
      <c r="HN24" s="99">
        <v>4550926</v>
      </c>
      <c r="HO24" s="306"/>
      <c r="HP24" s="307"/>
      <c r="HQ24" s="308"/>
      <c r="HR24" s="309"/>
      <c r="HS24" s="307"/>
      <c r="HT24" s="307"/>
      <c r="HU24" s="307"/>
      <c r="HV24" s="307"/>
      <c r="HW24" s="307"/>
      <c r="HX24" s="310"/>
      <c r="HY24" s="311"/>
      <c r="HZ24" s="137">
        <v>0</v>
      </c>
      <c r="IA24" s="122">
        <v>0</v>
      </c>
      <c r="IB24" s="137">
        <v>0</v>
      </c>
      <c r="IC24" s="121">
        <v>0</v>
      </c>
      <c r="ID24" s="122">
        <v>321462</v>
      </c>
      <c r="IE24" s="123">
        <v>1059637</v>
      </c>
      <c r="IF24" s="124">
        <v>969632</v>
      </c>
      <c r="IG24" s="122">
        <v>602833</v>
      </c>
      <c r="IH24" s="124">
        <v>502027</v>
      </c>
      <c r="II24" s="125">
        <v>3455591</v>
      </c>
      <c r="IJ24" s="137">
        <v>3455591</v>
      </c>
      <c r="IK24" s="219">
        <v>0</v>
      </c>
      <c r="IL24" s="223">
        <v>0</v>
      </c>
      <c r="IM24" s="224">
        <v>0</v>
      </c>
      <c r="IN24" s="127"/>
      <c r="IO24" s="109">
        <v>0</v>
      </c>
      <c r="IP24" s="109">
        <v>97115</v>
      </c>
      <c r="IQ24" s="109">
        <v>0</v>
      </c>
      <c r="IR24" s="109">
        <v>353909</v>
      </c>
      <c r="IS24" s="109">
        <v>202694</v>
      </c>
      <c r="IT24" s="128">
        <v>653718</v>
      </c>
      <c r="IU24" s="298">
        <v>653718</v>
      </c>
      <c r="IV24" s="129">
        <v>0</v>
      </c>
      <c r="IW24" s="109">
        <v>0</v>
      </c>
      <c r="IX24" s="110">
        <v>0</v>
      </c>
      <c r="IY24" s="131"/>
      <c r="IZ24" s="109">
        <v>0</v>
      </c>
      <c r="JA24" s="109">
        <v>0</v>
      </c>
      <c r="JB24" s="109">
        <v>0</v>
      </c>
      <c r="JC24" s="109">
        <v>8913</v>
      </c>
      <c r="JD24" s="109">
        <v>0</v>
      </c>
      <c r="JE24" s="110">
        <v>8913</v>
      </c>
      <c r="JF24" s="111">
        <v>8913</v>
      </c>
      <c r="JG24" s="129">
        <v>0</v>
      </c>
      <c r="JH24" s="109">
        <v>0</v>
      </c>
      <c r="JI24" s="128">
        <v>0</v>
      </c>
      <c r="JJ24" s="108">
        <v>0</v>
      </c>
      <c r="JK24" s="109">
        <v>277766</v>
      </c>
      <c r="JL24" s="109">
        <v>849267</v>
      </c>
      <c r="JM24" s="109">
        <v>112158</v>
      </c>
      <c r="JN24" s="109">
        <v>240011</v>
      </c>
      <c r="JO24" s="109">
        <v>0</v>
      </c>
      <c r="JP24" s="110">
        <v>1479202</v>
      </c>
      <c r="JQ24" s="298">
        <v>1479202</v>
      </c>
      <c r="JR24" s="129">
        <v>0</v>
      </c>
      <c r="JS24" s="109">
        <v>0</v>
      </c>
      <c r="JT24" s="128">
        <v>0</v>
      </c>
      <c r="JU24" s="108">
        <v>0</v>
      </c>
      <c r="JV24" s="109">
        <v>43696</v>
      </c>
      <c r="JW24" s="109">
        <v>113255</v>
      </c>
      <c r="JX24" s="109">
        <v>0</v>
      </c>
      <c r="JY24" s="109">
        <v>0</v>
      </c>
      <c r="JZ24" s="109">
        <v>0</v>
      </c>
      <c r="KA24" s="110">
        <v>156951</v>
      </c>
      <c r="KB24" s="298">
        <v>156951</v>
      </c>
      <c r="KC24" s="221">
        <v>0</v>
      </c>
      <c r="KD24" s="217">
        <v>0</v>
      </c>
      <c r="KE24" s="110">
        <v>0</v>
      </c>
      <c r="KF24" s="108">
        <v>0</v>
      </c>
      <c r="KG24" s="109">
        <v>0</v>
      </c>
      <c r="KH24" s="109">
        <v>0</v>
      </c>
      <c r="KI24" s="109">
        <v>634126</v>
      </c>
      <c r="KJ24" s="109">
        <v>0</v>
      </c>
      <c r="KK24" s="109">
        <v>0</v>
      </c>
      <c r="KL24" s="110">
        <v>634126</v>
      </c>
      <c r="KM24" s="130">
        <v>634126</v>
      </c>
      <c r="KN24" s="219">
        <v>0</v>
      </c>
      <c r="KO24" s="223">
        <v>0</v>
      </c>
      <c r="KP24" s="224">
        <v>0</v>
      </c>
      <c r="KQ24" s="127"/>
      <c r="KR24" s="109">
        <v>0</v>
      </c>
      <c r="KS24" s="109">
        <v>0</v>
      </c>
      <c r="KT24" s="109">
        <v>223348</v>
      </c>
      <c r="KU24" s="109">
        <v>0</v>
      </c>
      <c r="KV24" s="109">
        <v>227064</v>
      </c>
      <c r="KW24" s="110">
        <v>450412</v>
      </c>
      <c r="KX24" s="298">
        <v>450412</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0</v>
      </c>
      <c r="LZ24" s="109">
        <v>0</v>
      </c>
      <c r="MA24" s="109">
        <v>0</v>
      </c>
      <c r="MB24" s="109">
        <v>0</v>
      </c>
      <c r="MC24" s="109">
        <v>72269</v>
      </c>
      <c r="MD24" s="110">
        <v>72269</v>
      </c>
      <c r="ME24" s="111">
        <v>72269</v>
      </c>
      <c r="MF24" s="129">
        <v>0</v>
      </c>
      <c r="MG24" s="109">
        <v>0</v>
      </c>
      <c r="MH24" s="110">
        <v>0</v>
      </c>
      <c r="MI24" s="132"/>
      <c r="MJ24" s="109">
        <v>0</v>
      </c>
      <c r="MK24" s="109">
        <v>697952</v>
      </c>
      <c r="ML24" s="109">
        <v>879742</v>
      </c>
      <c r="MM24" s="109">
        <v>928080</v>
      </c>
      <c r="MN24" s="109">
        <v>1107049</v>
      </c>
      <c r="MO24" s="110">
        <v>3612823</v>
      </c>
      <c r="MP24" s="130">
        <v>3612823</v>
      </c>
      <c r="MQ24" s="129">
        <v>0</v>
      </c>
      <c r="MR24" s="109">
        <v>0</v>
      </c>
      <c r="MS24" s="110">
        <v>0</v>
      </c>
      <c r="MT24" s="132"/>
      <c r="MU24" s="109">
        <v>0</v>
      </c>
      <c r="MV24" s="109">
        <v>0</v>
      </c>
      <c r="MW24" s="109">
        <v>408219</v>
      </c>
      <c r="MX24" s="109">
        <v>442944</v>
      </c>
      <c r="MY24" s="109">
        <v>746992</v>
      </c>
      <c r="MZ24" s="110">
        <v>1598155</v>
      </c>
      <c r="NA24" s="130">
        <v>1598155</v>
      </c>
      <c r="NB24" s="129">
        <v>0</v>
      </c>
      <c r="NC24" s="109">
        <v>0</v>
      </c>
      <c r="ND24" s="110">
        <v>0</v>
      </c>
      <c r="NE24" s="132"/>
      <c r="NF24" s="109">
        <v>0</v>
      </c>
      <c r="NG24" s="109">
        <v>697952</v>
      </c>
      <c r="NH24" s="109">
        <v>471523</v>
      </c>
      <c r="NI24" s="109">
        <v>485136</v>
      </c>
      <c r="NJ24" s="109">
        <v>0</v>
      </c>
      <c r="NK24" s="110">
        <v>1654611</v>
      </c>
      <c r="NL24" s="298">
        <v>1654611</v>
      </c>
      <c r="NM24" s="129">
        <v>0</v>
      </c>
      <c r="NN24" s="109">
        <v>0</v>
      </c>
      <c r="NO24" s="110">
        <v>0</v>
      </c>
      <c r="NP24" s="132">
        <v>0</v>
      </c>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360057</v>
      </c>
      <c r="OG24" s="110">
        <v>360057</v>
      </c>
      <c r="OH24" s="111">
        <v>360057</v>
      </c>
      <c r="OI24" s="129">
        <v>146512</v>
      </c>
      <c r="OJ24" s="109">
        <v>348350</v>
      </c>
      <c r="OK24" s="128">
        <v>494862</v>
      </c>
      <c r="OL24" s="108">
        <v>0</v>
      </c>
      <c r="OM24" s="109">
        <v>3476108</v>
      </c>
      <c r="ON24" s="109">
        <v>4755278</v>
      </c>
      <c r="OO24" s="109">
        <v>5063804</v>
      </c>
      <c r="OP24" s="109">
        <v>3640118</v>
      </c>
      <c r="OQ24" s="109">
        <v>3141410</v>
      </c>
      <c r="OR24" s="110">
        <v>20076718</v>
      </c>
      <c r="OS24" s="130">
        <v>20571580</v>
      </c>
    </row>
    <row r="25" spans="2:409" ht="21" customHeight="1" x14ac:dyDescent="0.2">
      <c r="B25" s="472" t="s">
        <v>20</v>
      </c>
      <c r="C25" s="100">
        <v>191805</v>
      </c>
      <c r="D25" s="104">
        <v>399227</v>
      </c>
      <c r="E25" s="103">
        <v>591032</v>
      </c>
      <c r="F25" s="100">
        <v>0</v>
      </c>
      <c r="G25" s="104">
        <v>2636052</v>
      </c>
      <c r="H25" s="104">
        <v>3747480</v>
      </c>
      <c r="I25" s="104">
        <v>4074115</v>
      </c>
      <c r="J25" s="104">
        <v>3234285</v>
      </c>
      <c r="K25" s="104">
        <v>2024791</v>
      </c>
      <c r="L25" s="160">
        <v>15716723</v>
      </c>
      <c r="M25" s="106">
        <v>16307755</v>
      </c>
      <c r="N25" s="100">
        <v>57526</v>
      </c>
      <c r="O25" s="104">
        <v>150268</v>
      </c>
      <c r="P25" s="103">
        <v>207794</v>
      </c>
      <c r="Q25" s="100">
        <v>0</v>
      </c>
      <c r="R25" s="104">
        <v>986543</v>
      </c>
      <c r="S25" s="104">
        <v>1167182</v>
      </c>
      <c r="T25" s="104">
        <v>1410352</v>
      </c>
      <c r="U25" s="104">
        <v>1120383</v>
      </c>
      <c r="V25" s="104">
        <v>781607</v>
      </c>
      <c r="W25" s="103">
        <v>5466067</v>
      </c>
      <c r="X25" s="106">
        <v>5673861</v>
      </c>
      <c r="Y25" s="100">
        <v>0</v>
      </c>
      <c r="Z25" s="104">
        <v>0</v>
      </c>
      <c r="AA25" s="103">
        <v>0</v>
      </c>
      <c r="AB25" s="100">
        <v>0</v>
      </c>
      <c r="AC25" s="104">
        <v>266586</v>
      </c>
      <c r="AD25" s="104">
        <v>418442</v>
      </c>
      <c r="AE25" s="104">
        <v>680133</v>
      </c>
      <c r="AF25" s="104">
        <v>513071</v>
      </c>
      <c r="AG25" s="104">
        <v>380914</v>
      </c>
      <c r="AH25" s="103">
        <v>2259146</v>
      </c>
      <c r="AI25" s="106">
        <v>2259146</v>
      </c>
      <c r="AJ25" s="100">
        <v>0</v>
      </c>
      <c r="AK25" s="104">
        <v>0</v>
      </c>
      <c r="AL25" s="103">
        <v>0</v>
      </c>
      <c r="AM25" s="100">
        <v>0</v>
      </c>
      <c r="AN25" s="104">
        <v>41452</v>
      </c>
      <c r="AO25" s="104">
        <v>0</v>
      </c>
      <c r="AP25" s="104">
        <v>0</v>
      </c>
      <c r="AQ25" s="104">
        <v>185684</v>
      </c>
      <c r="AR25" s="104">
        <v>131149</v>
      </c>
      <c r="AS25" s="103">
        <v>358285</v>
      </c>
      <c r="AT25" s="106">
        <v>358285</v>
      </c>
      <c r="AU25" s="100">
        <v>25312</v>
      </c>
      <c r="AV25" s="104">
        <v>71430</v>
      </c>
      <c r="AW25" s="103">
        <v>96742</v>
      </c>
      <c r="AX25" s="100">
        <v>0</v>
      </c>
      <c r="AY25" s="104">
        <v>427408</v>
      </c>
      <c r="AZ25" s="104">
        <v>458904</v>
      </c>
      <c r="BA25" s="104">
        <v>447821</v>
      </c>
      <c r="BB25" s="104">
        <v>228114</v>
      </c>
      <c r="BC25" s="104">
        <v>105842</v>
      </c>
      <c r="BD25" s="103">
        <v>1668089</v>
      </c>
      <c r="BE25" s="106">
        <v>1764831</v>
      </c>
      <c r="BF25" s="100">
        <v>0</v>
      </c>
      <c r="BG25" s="104">
        <v>76752</v>
      </c>
      <c r="BH25" s="102">
        <v>76752</v>
      </c>
      <c r="BI25" s="101">
        <v>0</v>
      </c>
      <c r="BJ25" s="104">
        <v>123172</v>
      </c>
      <c r="BK25" s="104">
        <v>140372</v>
      </c>
      <c r="BL25" s="104">
        <v>160668</v>
      </c>
      <c r="BM25" s="104">
        <v>70573</v>
      </c>
      <c r="BN25" s="104">
        <v>20258</v>
      </c>
      <c r="BO25" s="103">
        <v>515043</v>
      </c>
      <c r="BP25" s="106">
        <v>591795</v>
      </c>
      <c r="BQ25" s="100">
        <v>32214</v>
      </c>
      <c r="BR25" s="104">
        <v>2086</v>
      </c>
      <c r="BS25" s="103">
        <v>34300</v>
      </c>
      <c r="BT25" s="100">
        <v>0</v>
      </c>
      <c r="BU25" s="104">
        <v>127925</v>
      </c>
      <c r="BV25" s="104">
        <v>149464</v>
      </c>
      <c r="BW25" s="104">
        <v>121730</v>
      </c>
      <c r="BX25" s="104">
        <v>122941</v>
      </c>
      <c r="BY25" s="104">
        <v>143444</v>
      </c>
      <c r="BZ25" s="103">
        <v>665504</v>
      </c>
      <c r="CA25" s="106">
        <v>699804</v>
      </c>
      <c r="CB25" s="100">
        <v>0</v>
      </c>
      <c r="CC25" s="104">
        <v>103800</v>
      </c>
      <c r="CD25" s="103">
        <v>103800</v>
      </c>
      <c r="CE25" s="100">
        <v>0</v>
      </c>
      <c r="CF25" s="104">
        <v>707890</v>
      </c>
      <c r="CG25" s="104">
        <v>1405104</v>
      </c>
      <c r="CH25" s="104">
        <v>1310264</v>
      </c>
      <c r="CI25" s="104">
        <v>639425</v>
      </c>
      <c r="CJ25" s="104">
        <v>542140</v>
      </c>
      <c r="CK25" s="103">
        <v>4604823</v>
      </c>
      <c r="CL25" s="106">
        <v>4708623</v>
      </c>
      <c r="CM25" s="100">
        <v>0</v>
      </c>
      <c r="CN25" s="104">
        <v>0</v>
      </c>
      <c r="CO25" s="103">
        <v>0</v>
      </c>
      <c r="CP25" s="101">
        <v>0</v>
      </c>
      <c r="CQ25" s="104">
        <v>595674</v>
      </c>
      <c r="CR25" s="104">
        <v>812631</v>
      </c>
      <c r="CS25" s="104">
        <v>757170</v>
      </c>
      <c r="CT25" s="104">
        <v>489323</v>
      </c>
      <c r="CU25" s="104">
        <v>355137</v>
      </c>
      <c r="CV25" s="103">
        <v>3009935</v>
      </c>
      <c r="CW25" s="106">
        <v>3009935</v>
      </c>
      <c r="CX25" s="100">
        <v>0</v>
      </c>
      <c r="CY25" s="104">
        <v>103800</v>
      </c>
      <c r="CZ25" s="103">
        <v>103800</v>
      </c>
      <c r="DA25" s="100">
        <v>0</v>
      </c>
      <c r="DB25" s="104">
        <v>112216</v>
      </c>
      <c r="DC25" s="104">
        <v>592473</v>
      </c>
      <c r="DD25" s="104">
        <v>553094</v>
      </c>
      <c r="DE25" s="104">
        <v>150102</v>
      </c>
      <c r="DF25" s="104">
        <v>187003</v>
      </c>
      <c r="DG25" s="103">
        <v>1594888</v>
      </c>
      <c r="DH25" s="106">
        <v>1698688</v>
      </c>
      <c r="DI25" s="100">
        <v>0</v>
      </c>
      <c r="DJ25" s="104">
        <v>0</v>
      </c>
      <c r="DK25" s="102">
        <v>0</v>
      </c>
      <c r="DL25" s="101">
        <v>0</v>
      </c>
      <c r="DM25" s="104">
        <v>227712</v>
      </c>
      <c r="DN25" s="104">
        <v>232446</v>
      </c>
      <c r="DO25" s="104">
        <v>382127</v>
      </c>
      <c r="DP25" s="104">
        <v>427046</v>
      </c>
      <c r="DQ25" s="104">
        <v>122166</v>
      </c>
      <c r="DR25" s="103">
        <v>1391497</v>
      </c>
      <c r="DS25" s="106">
        <v>1391497</v>
      </c>
      <c r="DT25" s="100">
        <v>0</v>
      </c>
      <c r="DU25" s="104">
        <v>0</v>
      </c>
      <c r="DV25" s="103">
        <v>0</v>
      </c>
      <c r="DW25" s="100">
        <v>0</v>
      </c>
      <c r="DX25" s="104">
        <v>193339</v>
      </c>
      <c r="DY25" s="104">
        <v>232446</v>
      </c>
      <c r="DZ25" s="104">
        <v>382127</v>
      </c>
      <c r="EA25" s="104">
        <v>427046</v>
      </c>
      <c r="EB25" s="104">
        <v>122166</v>
      </c>
      <c r="EC25" s="103">
        <v>1357124</v>
      </c>
      <c r="ED25" s="106">
        <v>1357124</v>
      </c>
      <c r="EE25" s="100">
        <v>0</v>
      </c>
      <c r="EF25" s="102">
        <v>0</v>
      </c>
      <c r="EG25" s="103">
        <v>0</v>
      </c>
      <c r="EH25" s="100">
        <v>0</v>
      </c>
      <c r="EI25" s="104">
        <v>34373</v>
      </c>
      <c r="EJ25" s="104">
        <v>0</v>
      </c>
      <c r="EK25" s="104">
        <v>0</v>
      </c>
      <c r="EL25" s="104">
        <v>0</v>
      </c>
      <c r="EM25" s="104">
        <v>0</v>
      </c>
      <c r="EN25" s="102">
        <v>34373</v>
      </c>
      <c r="EO25" s="106">
        <v>34373</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31871</v>
      </c>
      <c r="FM25" s="104">
        <v>66174</v>
      </c>
      <c r="FN25" s="103">
        <v>98045</v>
      </c>
      <c r="FO25" s="100">
        <v>0</v>
      </c>
      <c r="FP25" s="104">
        <v>149828</v>
      </c>
      <c r="FQ25" s="104">
        <v>437808</v>
      </c>
      <c r="FR25" s="104">
        <v>268100</v>
      </c>
      <c r="FS25" s="104">
        <v>205310</v>
      </c>
      <c r="FT25" s="104">
        <v>158928</v>
      </c>
      <c r="FU25" s="103">
        <v>1219974</v>
      </c>
      <c r="FV25" s="106">
        <v>1318019</v>
      </c>
      <c r="FW25" s="105">
        <v>31871</v>
      </c>
      <c r="FX25" s="104">
        <v>66174</v>
      </c>
      <c r="FY25" s="102">
        <v>98045</v>
      </c>
      <c r="FZ25" s="101">
        <v>0</v>
      </c>
      <c r="GA25" s="104">
        <v>149828</v>
      </c>
      <c r="GB25" s="104">
        <v>306271</v>
      </c>
      <c r="GC25" s="104">
        <v>253316</v>
      </c>
      <c r="GD25" s="104">
        <v>205310</v>
      </c>
      <c r="GE25" s="104">
        <v>158928</v>
      </c>
      <c r="GF25" s="103">
        <v>1073653</v>
      </c>
      <c r="GG25" s="296">
        <v>1171698</v>
      </c>
      <c r="GH25" s="105">
        <v>0</v>
      </c>
      <c r="GI25" s="104">
        <v>0</v>
      </c>
      <c r="GJ25" s="102">
        <v>0</v>
      </c>
      <c r="GK25" s="101">
        <v>0</v>
      </c>
      <c r="GL25" s="104">
        <v>0</v>
      </c>
      <c r="GM25" s="104">
        <v>32515</v>
      </c>
      <c r="GN25" s="104">
        <v>14784</v>
      </c>
      <c r="GO25" s="104">
        <v>0</v>
      </c>
      <c r="GP25" s="104">
        <v>0</v>
      </c>
      <c r="GQ25" s="103">
        <v>47299</v>
      </c>
      <c r="GR25" s="106">
        <v>47299</v>
      </c>
      <c r="GS25" s="100">
        <v>0</v>
      </c>
      <c r="GT25" s="104">
        <v>0</v>
      </c>
      <c r="GU25" s="103">
        <v>0</v>
      </c>
      <c r="GV25" s="100">
        <v>0</v>
      </c>
      <c r="GW25" s="104">
        <v>0</v>
      </c>
      <c r="GX25" s="104">
        <v>99022</v>
      </c>
      <c r="GY25" s="104">
        <v>0</v>
      </c>
      <c r="GZ25" s="104">
        <v>0</v>
      </c>
      <c r="HA25" s="104">
        <v>0</v>
      </c>
      <c r="HB25" s="102">
        <v>99022</v>
      </c>
      <c r="HC25" s="106">
        <v>99022</v>
      </c>
      <c r="HD25" s="100">
        <v>102408</v>
      </c>
      <c r="HE25" s="104">
        <v>78985</v>
      </c>
      <c r="HF25" s="102">
        <v>181393</v>
      </c>
      <c r="HG25" s="101">
        <v>0</v>
      </c>
      <c r="HH25" s="104">
        <v>564079</v>
      </c>
      <c r="HI25" s="104">
        <v>504940</v>
      </c>
      <c r="HJ25" s="104">
        <v>703272</v>
      </c>
      <c r="HK25" s="104">
        <v>842121</v>
      </c>
      <c r="HL25" s="104">
        <v>419950</v>
      </c>
      <c r="HM25" s="103">
        <v>3034362</v>
      </c>
      <c r="HN25" s="99">
        <v>3215755</v>
      </c>
      <c r="HO25" s="306"/>
      <c r="HP25" s="307"/>
      <c r="HQ25" s="308"/>
      <c r="HR25" s="309"/>
      <c r="HS25" s="307"/>
      <c r="HT25" s="307"/>
      <c r="HU25" s="307"/>
      <c r="HV25" s="307"/>
      <c r="HW25" s="307"/>
      <c r="HX25" s="310"/>
      <c r="HY25" s="311"/>
      <c r="HZ25" s="118">
        <v>0</v>
      </c>
      <c r="IA25" s="119">
        <v>0</v>
      </c>
      <c r="IB25" s="120">
        <v>0</v>
      </c>
      <c r="IC25" s="133">
        <v>0</v>
      </c>
      <c r="ID25" s="119">
        <v>608220</v>
      </c>
      <c r="IE25" s="134">
        <v>418580</v>
      </c>
      <c r="IF25" s="120">
        <v>728398</v>
      </c>
      <c r="IG25" s="119">
        <v>0</v>
      </c>
      <c r="IH25" s="120">
        <v>242543</v>
      </c>
      <c r="II25" s="135">
        <v>1997741</v>
      </c>
      <c r="IJ25" s="126">
        <v>1997741</v>
      </c>
      <c r="IK25" s="219">
        <v>0</v>
      </c>
      <c r="IL25" s="223">
        <v>0</v>
      </c>
      <c r="IM25" s="224">
        <v>0</v>
      </c>
      <c r="IN25" s="127"/>
      <c r="IO25" s="109">
        <v>0</v>
      </c>
      <c r="IP25" s="109">
        <v>84598</v>
      </c>
      <c r="IQ25" s="109">
        <v>0</v>
      </c>
      <c r="IR25" s="109">
        <v>0</v>
      </c>
      <c r="IS25" s="109">
        <v>0</v>
      </c>
      <c r="IT25" s="128">
        <v>84598</v>
      </c>
      <c r="IU25" s="298">
        <v>84598</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87847</v>
      </c>
      <c r="JL25" s="109">
        <v>115055</v>
      </c>
      <c r="JM25" s="109">
        <v>74928</v>
      </c>
      <c r="JN25" s="109">
        <v>0</v>
      </c>
      <c r="JO25" s="109">
        <v>0</v>
      </c>
      <c r="JP25" s="110">
        <v>277830</v>
      </c>
      <c r="JQ25" s="298">
        <v>277830</v>
      </c>
      <c r="JR25" s="129">
        <v>0</v>
      </c>
      <c r="JS25" s="109">
        <v>0</v>
      </c>
      <c r="JT25" s="128">
        <v>0</v>
      </c>
      <c r="JU25" s="108">
        <v>0</v>
      </c>
      <c r="JV25" s="109">
        <v>0</v>
      </c>
      <c r="JW25" s="109">
        <v>0</v>
      </c>
      <c r="JX25" s="109">
        <v>0</v>
      </c>
      <c r="JY25" s="109">
        <v>0</v>
      </c>
      <c r="JZ25" s="109">
        <v>0</v>
      </c>
      <c r="KA25" s="110">
        <v>0</v>
      </c>
      <c r="KB25" s="298">
        <v>0</v>
      </c>
      <c r="KC25" s="221">
        <v>0</v>
      </c>
      <c r="KD25" s="217">
        <v>0</v>
      </c>
      <c r="KE25" s="110">
        <v>0</v>
      </c>
      <c r="KF25" s="108">
        <v>0</v>
      </c>
      <c r="KG25" s="109">
        <v>100788</v>
      </c>
      <c r="KH25" s="109">
        <v>0</v>
      </c>
      <c r="KI25" s="109">
        <v>200891</v>
      </c>
      <c r="KJ25" s="109">
        <v>0</v>
      </c>
      <c r="KK25" s="109">
        <v>0</v>
      </c>
      <c r="KL25" s="110">
        <v>301679</v>
      </c>
      <c r="KM25" s="130">
        <v>301679</v>
      </c>
      <c r="KN25" s="219">
        <v>0</v>
      </c>
      <c r="KO25" s="223">
        <v>0</v>
      </c>
      <c r="KP25" s="224">
        <v>0</v>
      </c>
      <c r="KQ25" s="127"/>
      <c r="KR25" s="109">
        <v>419585</v>
      </c>
      <c r="KS25" s="109">
        <v>218927</v>
      </c>
      <c r="KT25" s="109">
        <v>452579</v>
      </c>
      <c r="KU25" s="109">
        <v>0</v>
      </c>
      <c r="KV25" s="109">
        <v>242543</v>
      </c>
      <c r="KW25" s="110">
        <v>1333634</v>
      </c>
      <c r="KX25" s="298">
        <v>1333634</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436805</v>
      </c>
      <c r="MK25" s="109">
        <v>468441</v>
      </c>
      <c r="ML25" s="109">
        <v>238700</v>
      </c>
      <c r="MM25" s="109">
        <v>4181783</v>
      </c>
      <c r="MN25" s="109">
        <v>2340390</v>
      </c>
      <c r="MO25" s="110">
        <v>7666119</v>
      </c>
      <c r="MP25" s="130">
        <v>7666119</v>
      </c>
      <c r="MQ25" s="129">
        <v>0</v>
      </c>
      <c r="MR25" s="109">
        <v>0</v>
      </c>
      <c r="MS25" s="110">
        <v>0</v>
      </c>
      <c r="MT25" s="132"/>
      <c r="MU25" s="109">
        <v>0</v>
      </c>
      <c r="MV25" s="109">
        <v>219398</v>
      </c>
      <c r="MW25" s="109">
        <v>238700</v>
      </c>
      <c r="MX25" s="109">
        <v>2475600</v>
      </c>
      <c r="MY25" s="109">
        <v>2011775</v>
      </c>
      <c r="MZ25" s="110">
        <v>4945473</v>
      </c>
      <c r="NA25" s="130">
        <v>4945473</v>
      </c>
      <c r="NB25" s="129">
        <v>0</v>
      </c>
      <c r="NC25" s="109">
        <v>0</v>
      </c>
      <c r="ND25" s="110">
        <v>0</v>
      </c>
      <c r="NE25" s="132"/>
      <c r="NF25" s="109">
        <v>436805</v>
      </c>
      <c r="NG25" s="109">
        <v>249043</v>
      </c>
      <c r="NH25" s="109">
        <v>0</v>
      </c>
      <c r="NI25" s="109">
        <v>1706183</v>
      </c>
      <c r="NJ25" s="109">
        <v>328615</v>
      </c>
      <c r="NK25" s="110">
        <v>2720646</v>
      </c>
      <c r="NL25" s="298">
        <v>2720646</v>
      </c>
      <c r="NM25" s="129">
        <v>0</v>
      </c>
      <c r="NN25" s="109">
        <v>0</v>
      </c>
      <c r="NO25" s="110">
        <v>0</v>
      </c>
      <c r="NP25" s="132">
        <v>0</v>
      </c>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191805</v>
      </c>
      <c r="OJ25" s="109">
        <v>399227</v>
      </c>
      <c r="OK25" s="128">
        <v>591032</v>
      </c>
      <c r="OL25" s="108">
        <v>0</v>
      </c>
      <c r="OM25" s="109">
        <v>3681077</v>
      </c>
      <c r="ON25" s="109">
        <v>4634501</v>
      </c>
      <c r="OO25" s="109">
        <v>5041213</v>
      </c>
      <c r="OP25" s="109">
        <v>7416068</v>
      </c>
      <c r="OQ25" s="109">
        <v>4607724</v>
      </c>
      <c r="OR25" s="110">
        <v>25380583</v>
      </c>
      <c r="OS25" s="130">
        <v>25971615</v>
      </c>
    </row>
    <row r="26" spans="2:409" ht="21" customHeight="1" x14ac:dyDescent="0.2">
      <c r="B26" s="472" t="s">
        <v>21</v>
      </c>
      <c r="C26" s="100">
        <v>166001</v>
      </c>
      <c r="D26" s="104">
        <v>528179</v>
      </c>
      <c r="E26" s="103">
        <v>694180</v>
      </c>
      <c r="F26" s="99">
        <v>0</v>
      </c>
      <c r="G26" s="104">
        <v>2559527</v>
      </c>
      <c r="H26" s="104">
        <v>3356717</v>
      </c>
      <c r="I26" s="104">
        <v>2919360</v>
      </c>
      <c r="J26" s="104">
        <v>2683250</v>
      </c>
      <c r="K26" s="104">
        <v>3365768</v>
      </c>
      <c r="L26" s="160">
        <v>14884622</v>
      </c>
      <c r="M26" s="106">
        <v>15578802</v>
      </c>
      <c r="N26" s="100">
        <v>37758</v>
      </c>
      <c r="O26" s="104">
        <v>116809</v>
      </c>
      <c r="P26" s="103">
        <v>154567</v>
      </c>
      <c r="Q26" s="100">
        <v>0</v>
      </c>
      <c r="R26" s="104">
        <v>1227313</v>
      </c>
      <c r="S26" s="104">
        <v>1785535</v>
      </c>
      <c r="T26" s="104">
        <v>1054994</v>
      </c>
      <c r="U26" s="104">
        <v>430035</v>
      </c>
      <c r="V26" s="104">
        <v>1630097</v>
      </c>
      <c r="W26" s="103">
        <v>6127974</v>
      </c>
      <c r="X26" s="106">
        <v>6282541</v>
      </c>
      <c r="Y26" s="100">
        <v>0</v>
      </c>
      <c r="Z26" s="104">
        <v>0</v>
      </c>
      <c r="AA26" s="103">
        <v>0</v>
      </c>
      <c r="AB26" s="100">
        <v>0</v>
      </c>
      <c r="AC26" s="104">
        <v>598709</v>
      </c>
      <c r="AD26" s="104">
        <v>607006</v>
      </c>
      <c r="AE26" s="104">
        <v>385597</v>
      </c>
      <c r="AF26" s="104">
        <v>193702</v>
      </c>
      <c r="AG26" s="104">
        <v>604458</v>
      </c>
      <c r="AH26" s="103">
        <v>2389472</v>
      </c>
      <c r="AI26" s="106">
        <v>2389472</v>
      </c>
      <c r="AJ26" s="100">
        <v>0</v>
      </c>
      <c r="AK26" s="104">
        <v>0</v>
      </c>
      <c r="AL26" s="103">
        <v>0</v>
      </c>
      <c r="AM26" s="100">
        <v>0</v>
      </c>
      <c r="AN26" s="104">
        <v>0</v>
      </c>
      <c r="AO26" s="104">
        <v>0</v>
      </c>
      <c r="AP26" s="104">
        <v>0</v>
      </c>
      <c r="AQ26" s="104">
        <v>0</v>
      </c>
      <c r="AR26" s="104">
        <v>339758</v>
      </c>
      <c r="AS26" s="103">
        <v>339758</v>
      </c>
      <c r="AT26" s="106">
        <v>339758</v>
      </c>
      <c r="AU26" s="100">
        <v>0</v>
      </c>
      <c r="AV26" s="104">
        <v>30863</v>
      </c>
      <c r="AW26" s="103">
        <v>30863</v>
      </c>
      <c r="AX26" s="100">
        <v>0</v>
      </c>
      <c r="AY26" s="104">
        <v>503920</v>
      </c>
      <c r="AZ26" s="104">
        <v>749342</v>
      </c>
      <c r="BA26" s="104">
        <v>458002</v>
      </c>
      <c r="BB26" s="104">
        <v>55110</v>
      </c>
      <c r="BC26" s="104">
        <v>537345</v>
      </c>
      <c r="BD26" s="103">
        <v>2303719</v>
      </c>
      <c r="BE26" s="106">
        <v>2334582</v>
      </c>
      <c r="BF26" s="100">
        <v>0</v>
      </c>
      <c r="BG26" s="104">
        <v>49427</v>
      </c>
      <c r="BH26" s="102">
        <v>49427</v>
      </c>
      <c r="BI26" s="101">
        <v>0</v>
      </c>
      <c r="BJ26" s="104">
        <v>0</v>
      </c>
      <c r="BK26" s="104">
        <v>52734</v>
      </c>
      <c r="BL26" s="104">
        <v>41554</v>
      </c>
      <c r="BM26" s="104">
        <v>0</v>
      </c>
      <c r="BN26" s="104">
        <v>56052</v>
      </c>
      <c r="BO26" s="103">
        <v>150340</v>
      </c>
      <c r="BP26" s="106">
        <v>199767</v>
      </c>
      <c r="BQ26" s="100">
        <v>37758</v>
      </c>
      <c r="BR26" s="104">
        <v>36519</v>
      </c>
      <c r="BS26" s="103">
        <v>74277</v>
      </c>
      <c r="BT26" s="100">
        <v>0</v>
      </c>
      <c r="BU26" s="104">
        <v>124684</v>
      </c>
      <c r="BV26" s="104">
        <v>376453</v>
      </c>
      <c r="BW26" s="104">
        <v>169841</v>
      </c>
      <c r="BX26" s="104">
        <v>181223</v>
      </c>
      <c r="BY26" s="104">
        <v>92484</v>
      </c>
      <c r="BZ26" s="103">
        <v>944685</v>
      </c>
      <c r="CA26" s="106">
        <v>1018962</v>
      </c>
      <c r="CB26" s="100">
        <v>0</v>
      </c>
      <c r="CC26" s="104">
        <v>67962</v>
      </c>
      <c r="CD26" s="103">
        <v>67962</v>
      </c>
      <c r="CE26" s="100">
        <v>0</v>
      </c>
      <c r="CF26" s="104">
        <v>785150</v>
      </c>
      <c r="CG26" s="104">
        <v>691922</v>
      </c>
      <c r="CH26" s="104">
        <v>505670</v>
      </c>
      <c r="CI26" s="104">
        <v>324643</v>
      </c>
      <c r="CJ26" s="104">
        <v>549519</v>
      </c>
      <c r="CK26" s="103">
        <v>2856904</v>
      </c>
      <c r="CL26" s="106">
        <v>2924866</v>
      </c>
      <c r="CM26" s="100">
        <v>0</v>
      </c>
      <c r="CN26" s="104">
        <v>0</v>
      </c>
      <c r="CO26" s="103">
        <v>0</v>
      </c>
      <c r="CP26" s="101">
        <v>0</v>
      </c>
      <c r="CQ26" s="104">
        <v>717962</v>
      </c>
      <c r="CR26" s="104">
        <v>513102</v>
      </c>
      <c r="CS26" s="104">
        <v>505670</v>
      </c>
      <c r="CT26" s="104">
        <v>324643</v>
      </c>
      <c r="CU26" s="104">
        <v>283171</v>
      </c>
      <c r="CV26" s="103">
        <v>2344548</v>
      </c>
      <c r="CW26" s="106">
        <v>2344548</v>
      </c>
      <c r="CX26" s="100">
        <v>0</v>
      </c>
      <c r="CY26" s="104">
        <v>67962</v>
      </c>
      <c r="CZ26" s="103">
        <v>67962</v>
      </c>
      <c r="DA26" s="100">
        <v>0</v>
      </c>
      <c r="DB26" s="104">
        <v>67188</v>
      </c>
      <c r="DC26" s="104">
        <v>178820</v>
      </c>
      <c r="DD26" s="104">
        <v>0</v>
      </c>
      <c r="DE26" s="104">
        <v>0</v>
      </c>
      <c r="DF26" s="104">
        <v>266348</v>
      </c>
      <c r="DG26" s="103">
        <v>512356</v>
      </c>
      <c r="DH26" s="106">
        <v>580318</v>
      </c>
      <c r="DI26" s="100">
        <v>0</v>
      </c>
      <c r="DJ26" s="104">
        <v>53555</v>
      </c>
      <c r="DK26" s="102">
        <v>53555</v>
      </c>
      <c r="DL26" s="101">
        <v>0</v>
      </c>
      <c r="DM26" s="104">
        <v>102318</v>
      </c>
      <c r="DN26" s="104">
        <v>46030</v>
      </c>
      <c r="DO26" s="104">
        <v>457142</v>
      </c>
      <c r="DP26" s="104">
        <v>183983</v>
      </c>
      <c r="DQ26" s="104">
        <v>360164</v>
      </c>
      <c r="DR26" s="103">
        <v>1149637</v>
      </c>
      <c r="DS26" s="106">
        <v>1203192</v>
      </c>
      <c r="DT26" s="100">
        <v>0</v>
      </c>
      <c r="DU26" s="104">
        <v>53555</v>
      </c>
      <c r="DV26" s="103">
        <v>53555</v>
      </c>
      <c r="DW26" s="100">
        <v>0</v>
      </c>
      <c r="DX26" s="104">
        <v>102318</v>
      </c>
      <c r="DY26" s="104">
        <v>46030</v>
      </c>
      <c r="DZ26" s="104">
        <v>457142</v>
      </c>
      <c r="EA26" s="104">
        <v>154744</v>
      </c>
      <c r="EB26" s="104">
        <v>360164</v>
      </c>
      <c r="EC26" s="103">
        <v>1120398</v>
      </c>
      <c r="ED26" s="106">
        <v>1173953</v>
      </c>
      <c r="EE26" s="100">
        <v>0</v>
      </c>
      <c r="EF26" s="102">
        <v>0</v>
      </c>
      <c r="EG26" s="103">
        <v>0</v>
      </c>
      <c r="EH26" s="100">
        <v>0</v>
      </c>
      <c r="EI26" s="104">
        <v>0</v>
      </c>
      <c r="EJ26" s="104">
        <v>0</v>
      </c>
      <c r="EK26" s="104">
        <v>0</v>
      </c>
      <c r="EL26" s="104">
        <v>29239</v>
      </c>
      <c r="EM26" s="104">
        <v>0</v>
      </c>
      <c r="EN26" s="102">
        <v>29239</v>
      </c>
      <c r="EO26" s="106">
        <v>29239</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31486</v>
      </c>
      <c r="FM26" s="104">
        <v>125762</v>
      </c>
      <c r="FN26" s="103">
        <v>157248</v>
      </c>
      <c r="FO26" s="100">
        <v>0</v>
      </c>
      <c r="FP26" s="104">
        <v>236612</v>
      </c>
      <c r="FQ26" s="104">
        <v>-370595</v>
      </c>
      <c r="FR26" s="104">
        <v>-218669</v>
      </c>
      <c r="FS26" s="104">
        <v>98469</v>
      </c>
      <c r="FT26" s="104">
        <v>377615</v>
      </c>
      <c r="FU26" s="103">
        <v>123432</v>
      </c>
      <c r="FV26" s="106">
        <v>280680</v>
      </c>
      <c r="FW26" s="105">
        <v>31486</v>
      </c>
      <c r="FX26" s="104">
        <v>29162</v>
      </c>
      <c r="FY26" s="102">
        <v>60648</v>
      </c>
      <c r="FZ26" s="101">
        <v>0</v>
      </c>
      <c r="GA26" s="104">
        <v>111195</v>
      </c>
      <c r="GB26" s="104">
        <v>-389075</v>
      </c>
      <c r="GC26" s="104">
        <v>-229834</v>
      </c>
      <c r="GD26" s="104">
        <v>98469</v>
      </c>
      <c r="GE26" s="104">
        <v>246575</v>
      </c>
      <c r="GF26" s="103">
        <v>-162670</v>
      </c>
      <c r="GG26" s="296">
        <v>-102022</v>
      </c>
      <c r="GH26" s="105">
        <v>0</v>
      </c>
      <c r="GI26" s="104">
        <v>0</v>
      </c>
      <c r="GJ26" s="102">
        <v>0</v>
      </c>
      <c r="GK26" s="101">
        <v>0</v>
      </c>
      <c r="GL26" s="104">
        <v>0</v>
      </c>
      <c r="GM26" s="104">
        <v>18480</v>
      </c>
      <c r="GN26" s="104">
        <v>11165</v>
      </c>
      <c r="GO26" s="104">
        <v>0</v>
      </c>
      <c r="GP26" s="104">
        <v>0</v>
      </c>
      <c r="GQ26" s="103">
        <v>29645</v>
      </c>
      <c r="GR26" s="106">
        <v>29645</v>
      </c>
      <c r="GS26" s="100">
        <v>0</v>
      </c>
      <c r="GT26" s="104">
        <v>96600</v>
      </c>
      <c r="GU26" s="103">
        <v>96600</v>
      </c>
      <c r="GV26" s="100">
        <v>0</v>
      </c>
      <c r="GW26" s="104">
        <v>125417</v>
      </c>
      <c r="GX26" s="104">
        <v>0</v>
      </c>
      <c r="GY26" s="104">
        <v>0</v>
      </c>
      <c r="GZ26" s="104">
        <v>0</v>
      </c>
      <c r="HA26" s="104">
        <v>131040</v>
      </c>
      <c r="HB26" s="102">
        <v>256457</v>
      </c>
      <c r="HC26" s="106">
        <v>353057</v>
      </c>
      <c r="HD26" s="100">
        <v>96757</v>
      </c>
      <c r="HE26" s="104">
        <v>164091</v>
      </c>
      <c r="HF26" s="102">
        <v>260848</v>
      </c>
      <c r="HG26" s="101">
        <v>0</v>
      </c>
      <c r="HH26" s="104">
        <v>208134</v>
      </c>
      <c r="HI26" s="104">
        <v>1203825</v>
      </c>
      <c r="HJ26" s="104">
        <v>1120223</v>
      </c>
      <c r="HK26" s="104">
        <v>1646120</v>
      </c>
      <c r="HL26" s="104">
        <v>448373</v>
      </c>
      <c r="HM26" s="103">
        <v>4626675</v>
      </c>
      <c r="HN26" s="99">
        <v>4887523</v>
      </c>
      <c r="HO26" s="306"/>
      <c r="HP26" s="307"/>
      <c r="HQ26" s="308"/>
      <c r="HR26" s="309"/>
      <c r="HS26" s="307"/>
      <c r="HT26" s="307"/>
      <c r="HU26" s="307"/>
      <c r="HV26" s="307"/>
      <c r="HW26" s="307"/>
      <c r="HX26" s="310"/>
      <c r="HY26" s="311"/>
      <c r="HZ26" s="137">
        <v>0</v>
      </c>
      <c r="IA26" s="122">
        <v>0</v>
      </c>
      <c r="IB26" s="137">
        <v>0</v>
      </c>
      <c r="IC26" s="121">
        <v>0</v>
      </c>
      <c r="ID26" s="122">
        <v>533133</v>
      </c>
      <c r="IE26" s="123">
        <v>659122</v>
      </c>
      <c r="IF26" s="124">
        <v>575222</v>
      </c>
      <c r="IG26" s="122">
        <v>706474</v>
      </c>
      <c r="IH26" s="124">
        <v>0</v>
      </c>
      <c r="II26" s="125">
        <v>2473951</v>
      </c>
      <c r="IJ26" s="137">
        <v>2473951</v>
      </c>
      <c r="IK26" s="219">
        <v>0</v>
      </c>
      <c r="IL26" s="223">
        <v>0</v>
      </c>
      <c r="IM26" s="224">
        <v>0</v>
      </c>
      <c r="IN26" s="127"/>
      <c r="IO26" s="109">
        <v>61350</v>
      </c>
      <c r="IP26" s="109">
        <v>0</v>
      </c>
      <c r="IQ26" s="109">
        <v>0</v>
      </c>
      <c r="IR26" s="109">
        <v>0</v>
      </c>
      <c r="IS26" s="109">
        <v>0</v>
      </c>
      <c r="IT26" s="128">
        <v>61350</v>
      </c>
      <c r="IU26" s="298">
        <v>61350</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378740</v>
      </c>
      <c r="JL26" s="109">
        <v>216281</v>
      </c>
      <c r="JM26" s="109">
        <v>154075</v>
      </c>
      <c r="JN26" s="109">
        <v>33121</v>
      </c>
      <c r="JO26" s="109">
        <v>0</v>
      </c>
      <c r="JP26" s="110">
        <v>782217</v>
      </c>
      <c r="JQ26" s="298">
        <v>782217</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93043</v>
      </c>
      <c r="KH26" s="109">
        <v>0</v>
      </c>
      <c r="KI26" s="109">
        <v>197799</v>
      </c>
      <c r="KJ26" s="109">
        <v>223137</v>
      </c>
      <c r="KK26" s="109">
        <v>0</v>
      </c>
      <c r="KL26" s="110">
        <v>513979</v>
      </c>
      <c r="KM26" s="130">
        <v>513979</v>
      </c>
      <c r="KN26" s="219">
        <v>0</v>
      </c>
      <c r="KO26" s="223">
        <v>0</v>
      </c>
      <c r="KP26" s="224">
        <v>0</v>
      </c>
      <c r="KQ26" s="127"/>
      <c r="KR26" s="109">
        <v>0</v>
      </c>
      <c r="KS26" s="109">
        <v>442841</v>
      </c>
      <c r="KT26" s="109">
        <v>223348</v>
      </c>
      <c r="KU26" s="109">
        <v>450216</v>
      </c>
      <c r="KV26" s="109">
        <v>0</v>
      </c>
      <c r="KW26" s="110">
        <v>1116405</v>
      </c>
      <c r="KX26" s="298">
        <v>1116405</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c r="MJ26" s="109">
        <v>0</v>
      </c>
      <c r="MK26" s="109">
        <v>636195</v>
      </c>
      <c r="ML26" s="109">
        <v>975863</v>
      </c>
      <c r="MM26" s="109">
        <v>1673734</v>
      </c>
      <c r="MN26" s="109">
        <v>1102463</v>
      </c>
      <c r="MO26" s="110">
        <v>4388255</v>
      </c>
      <c r="MP26" s="130">
        <v>4388255</v>
      </c>
      <c r="MQ26" s="129">
        <v>0</v>
      </c>
      <c r="MR26" s="109">
        <v>0</v>
      </c>
      <c r="MS26" s="110">
        <v>0</v>
      </c>
      <c r="MT26" s="132"/>
      <c r="MU26" s="109">
        <v>0</v>
      </c>
      <c r="MV26" s="109">
        <v>0</v>
      </c>
      <c r="MW26" s="109">
        <v>382881</v>
      </c>
      <c r="MX26" s="109">
        <v>1673734</v>
      </c>
      <c r="MY26" s="109">
        <v>522486</v>
      </c>
      <c r="MZ26" s="110">
        <v>2579101</v>
      </c>
      <c r="NA26" s="130">
        <v>2579101</v>
      </c>
      <c r="NB26" s="129">
        <v>0</v>
      </c>
      <c r="NC26" s="109">
        <v>0</v>
      </c>
      <c r="ND26" s="110">
        <v>0</v>
      </c>
      <c r="NE26" s="132"/>
      <c r="NF26" s="109">
        <v>0</v>
      </c>
      <c r="NG26" s="109">
        <v>636195</v>
      </c>
      <c r="NH26" s="109">
        <v>592982</v>
      </c>
      <c r="NI26" s="109">
        <v>0</v>
      </c>
      <c r="NJ26" s="109">
        <v>267253</v>
      </c>
      <c r="NK26" s="110">
        <v>1496430</v>
      </c>
      <c r="NL26" s="298">
        <v>1496430</v>
      </c>
      <c r="NM26" s="129">
        <v>0</v>
      </c>
      <c r="NN26" s="109">
        <v>0</v>
      </c>
      <c r="NO26" s="110">
        <v>0</v>
      </c>
      <c r="NP26" s="132">
        <v>0</v>
      </c>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312724</v>
      </c>
      <c r="OG26" s="110">
        <v>312724</v>
      </c>
      <c r="OH26" s="111">
        <v>312724</v>
      </c>
      <c r="OI26" s="129">
        <v>166001</v>
      </c>
      <c r="OJ26" s="109">
        <v>528179</v>
      </c>
      <c r="OK26" s="128">
        <v>694180</v>
      </c>
      <c r="OL26" s="108">
        <v>0</v>
      </c>
      <c r="OM26" s="109">
        <v>3092660</v>
      </c>
      <c r="ON26" s="109">
        <v>4652034</v>
      </c>
      <c r="OO26" s="109">
        <v>4470445</v>
      </c>
      <c r="OP26" s="109">
        <v>5063458</v>
      </c>
      <c r="OQ26" s="109">
        <v>4468231</v>
      </c>
      <c r="OR26" s="110">
        <v>21746828</v>
      </c>
      <c r="OS26" s="130">
        <v>22441008</v>
      </c>
    </row>
    <row r="27" spans="2:409" ht="21" customHeight="1" x14ac:dyDescent="0.2">
      <c r="B27" s="472" t="s">
        <v>22</v>
      </c>
      <c r="C27" s="100">
        <v>63938</v>
      </c>
      <c r="D27" s="104">
        <v>19880</v>
      </c>
      <c r="E27" s="103">
        <v>83818</v>
      </c>
      <c r="F27" s="99">
        <v>0</v>
      </c>
      <c r="G27" s="104">
        <v>1188677</v>
      </c>
      <c r="H27" s="104">
        <v>689595</v>
      </c>
      <c r="I27" s="104">
        <v>801712</v>
      </c>
      <c r="J27" s="104">
        <v>1558691</v>
      </c>
      <c r="K27" s="104">
        <v>1473400</v>
      </c>
      <c r="L27" s="160">
        <v>5712075</v>
      </c>
      <c r="M27" s="106">
        <v>5795893</v>
      </c>
      <c r="N27" s="100">
        <v>21196</v>
      </c>
      <c r="O27" s="104">
        <v>0</v>
      </c>
      <c r="P27" s="103">
        <v>21196</v>
      </c>
      <c r="Q27" s="100">
        <v>0</v>
      </c>
      <c r="R27" s="104">
        <v>340081</v>
      </c>
      <c r="S27" s="104">
        <v>115956</v>
      </c>
      <c r="T27" s="104">
        <v>308713</v>
      </c>
      <c r="U27" s="104">
        <v>416123</v>
      </c>
      <c r="V27" s="104">
        <v>959778</v>
      </c>
      <c r="W27" s="103">
        <v>2140651</v>
      </c>
      <c r="X27" s="106">
        <v>2161847</v>
      </c>
      <c r="Y27" s="100">
        <v>0</v>
      </c>
      <c r="Z27" s="104">
        <v>0</v>
      </c>
      <c r="AA27" s="103">
        <v>0</v>
      </c>
      <c r="AB27" s="100">
        <v>0</v>
      </c>
      <c r="AC27" s="104">
        <v>98161</v>
      </c>
      <c r="AD27" s="104">
        <v>0</v>
      </c>
      <c r="AE27" s="104">
        <v>99525</v>
      </c>
      <c r="AF27" s="104">
        <v>10528</v>
      </c>
      <c r="AG27" s="104">
        <v>313250</v>
      </c>
      <c r="AH27" s="103">
        <v>521464</v>
      </c>
      <c r="AI27" s="106">
        <v>521464</v>
      </c>
      <c r="AJ27" s="100">
        <v>0</v>
      </c>
      <c r="AK27" s="104">
        <v>0</v>
      </c>
      <c r="AL27" s="103">
        <v>0</v>
      </c>
      <c r="AM27" s="100">
        <v>0</v>
      </c>
      <c r="AN27" s="104">
        <v>0</v>
      </c>
      <c r="AO27" s="104">
        <v>0</v>
      </c>
      <c r="AP27" s="104">
        <v>19124</v>
      </c>
      <c r="AQ27" s="104">
        <v>0</v>
      </c>
      <c r="AR27" s="104">
        <v>347919</v>
      </c>
      <c r="AS27" s="103">
        <v>367043</v>
      </c>
      <c r="AT27" s="106">
        <v>367043</v>
      </c>
      <c r="AU27" s="100">
        <v>21196</v>
      </c>
      <c r="AV27" s="104">
        <v>0</v>
      </c>
      <c r="AW27" s="103">
        <v>21196</v>
      </c>
      <c r="AX27" s="100">
        <v>0</v>
      </c>
      <c r="AY27" s="104">
        <v>75607</v>
      </c>
      <c r="AZ27" s="104">
        <v>102418</v>
      </c>
      <c r="BA27" s="104">
        <v>164297</v>
      </c>
      <c r="BB27" s="104">
        <v>286546</v>
      </c>
      <c r="BC27" s="104">
        <v>290209</v>
      </c>
      <c r="BD27" s="103">
        <v>919077</v>
      </c>
      <c r="BE27" s="106">
        <v>940273</v>
      </c>
      <c r="BF27" s="100">
        <v>0</v>
      </c>
      <c r="BG27" s="104">
        <v>0</v>
      </c>
      <c r="BH27" s="102">
        <v>0</v>
      </c>
      <c r="BI27" s="101">
        <v>0</v>
      </c>
      <c r="BJ27" s="104">
        <v>139748</v>
      </c>
      <c r="BK27" s="104">
        <v>0</v>
      </c>
      <c r="BL27" s="104">
        <v>0</v>
      </c>
      <c r="BM27" s="104">
        <v>53536</v>
      </c>
      <c r="BN27" s="104">
        <v>0</v>
      </c>
      <c r="BO27" s="103">
        <v>193284</v>
      </c>
      <c r="BP27" s="106">
        <v>193284</v>
      </c>
      <c r="BQ27" s="100">
        <v>0</v>
      </c>
      <c r="BR27" s="104">
        <v>0</v>
      </c>
      <c r="BS27" s="103">
        <v>0</v>
      </c>
      <c r="BT27" s="100">
        <v>0</v>
      </c>
      <c r="BU27" s="104">
        <v>26565</v>
      </c>
      <c r="BV27" s="104">
        <v>13538</v>
      </c>
      <c r="BW27" s="104">
        <v>25767</v>
      </c>
      <c r="BX27" s="104">
        <v>65513</v>
      </c>
      <c r="BY27" s="104">
        <v>8400</v>
      </c>
      <c r="BZ27" s="103">
        <v>139783</v>
      </c>
      <c r="CA27" s="106">
        <v>139783</v>
      </c>
      <c r="CB27" s="100">
        <v>32452</v>
      </c>
      <c r="CC27" s="104">
        <v>0</v>
      </c>
      <c r="CD27" s="103">
        <v>32452</v>
      </c>
      <c r="CE27" s="100">
        <v>0</v>
      </c>
      <c r="CF27" s="104">
        <v>257488</v>
      </c>
      <c r="CG27" s="104">
        <v>141680</v>
      </c>
      <c r="CH27" s="104">
        <v>94743</v>
      </c>
      <c r="CI27" s="104">
        <v>430985</v>
      </c>
      <c r="CJ27" s="104">
        <v>176295</v>
      </c>
      <c r="CK27" s="103">
        <v>1101191</v>
      </c>
      <c r="CL27" s="106">
        <v>1133643</v>
      </c>
      <c r="CM27" s="100">
        <v>0</v>
      </c>
      <c r="CN27" s="104">
        <v>0</v>
      </c>
      <c r="CO27" s="103">
        <v>0</v>
      </c>
      <c r="CP27" s="101">
        <v>0</v>
      </c>
      <c r="CQ27" s="104">
        <v>99598</v>
      </c>
      <c r="CR27" s="104">
        <v>141680</v>
      </c>
      <c r="CS27" s="104">
        <v>94743</v>
      </c>
      <c r="CT27" s="104">
        <v>345354</v>
      </c>
      <c r="CU27" s="104">
        <v>167153</v>
      </c>
      <c r="CV27" s="103">
        <v>848528</v>
      </c>
      <c r="CW27" s="106">
        <v>848528</v>
      </c>
      <c r="CX27" s="100">
        <v>32452</v>
      </c>
      <c r="CY27" s="104">
        <v>0</v>
      </c>
      <c r="CZ27" s="103">
        <v>32452</v>
      </c>
      <c r="DA27" s="100">
        <v>0</v>
      </c>
      <c r="DB27" s="104">
        <v>157890</v>
      </c>
      <c r="DC27" s="104">
        <v>0</v>
      </c>
      <c r="DD27" s="104">
        <v>0</v>
      </c>
      <c r="DE27" s="104">
        <v>85631</v>
      </c>
      <c r="DF27" s="104">
        <v>9142</v>
      </c>
      <c r="DG27" s="103">
        <v>252663</v>
      </c>
      <c r="DH27" s="106">
        <v>285115</v>
      </c>
      <c r="DI27" s="100">
        <v>0</v>
      </c>
      <c r="DJ27" s="104">
        <v>0</v>
      </c>
      <c r="DK27" s="102">
        <v>0</v>
      </c>
      <c r="DL27" s="101">
        <v>0</v>
      </c>
      <c r="DM27" s="104">
        <v>0</v>
      </c>
      <c r="DN27" s="104">
        <v>99586</v>
      </c>
      <c r="DO27" s="104">
        <v>0</v>
      </c>
      <c r="DP27" s="104">
        <v>85650</v>
      </c>
      <c r="DQ27" s="104">
        <v>0</v>
      </c>
      <c r="DR27" s="103">
        <v>185236</v>
      </c>
      <c r="DS27" s="106">
        <v>185236</v>
      </c>
      <c r="DT27" s="100">
        <v>0</v>
      </c>
      <c r="DU27" s="104">
        <v>0</v>
      </c>
      <c r="DV27" s="103">
        <v>0</v>
      </c>
      <c r="DW27" s="100">
        <v>0</v>
      </c>
      <c r="DX27" s="104">
        <v>0</v>
      </c>
      <c r="DY27" s="104">
        <v>99586</v>
      </c>
      <c r="DZ27" s="104">
        <v>0</v>
      </c>
      <c r="EA27" s="104">
        <v>85650</v>
      </c>
      <c r="EB27" s="104">
        <v>0</v>
      </c>
      <c r="EC27" s="103">
        <v>185236</v>
      </c>
      <c r="ED27" s="106">
        <v>185236</v>
      </c>
      <c r="EE27" s="100">
        <v>0</v>
      </c>
      <c r="EF27" s="102">
        <v>0</v>
      </c>
      <c r="EG27" s="103">
        <v>0</v>
      </c>
      <c r="EH27" s="100">
        <v>0</v>
      </c>
      <c r="EI27" s="104">
        <v>0</v>
      </c>
      <c r="EJ27" s="104">
        <v>0</v>
      </c>
      <c r="EK27" s="104">
        <v>0</v>
      </c>
      <c r="EL27" s="104">
        <v>0</v>
      </c>
      <c r="EM27" s="104">
        <v>0</v>
      </c>
      <c r="EN27" s="102">
        <v>0</v>
      </c>
      <c r="EO27" s="106">
        <v>0</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10290</v>
      </c>
      <c r="FM27" s="104">
        <v>19880</v>
      </c>
      <c r="FN27" s="103">
        <v>30170</v>
      </c>
      <c r="FO27" s="100">
        <v>0</v>
      </c>
      <c r="FP27" s="104">
        <v>53620</v>
      </c>
      <c r="FQ27" s="104">
        <v>21084</v>
      </c>
      <c r="FR27" s="104">
        <v>127274</v>
      </c>
      <c r="FS27" s="104">
        <v>64134</v>
      </c>
      <c r="FT27" s="104">
        <v>129472</v>
      </c>
      <c r="FU27" s="103">
        <v>395584</v>
      </c>
      <c r="FV27" s="106">
        <v>425754</v>
      </c>
      <c r="FW27" s="105">
        <v>10290</v>
      </c>
      <c r="FX27" s="104">
        <v>19880</v>
      </c>
      <c r="FY27" s="102">
        <v>30170</v>
      </c>
      <c r="FZ27" s="101">
        <v>0</v>
      </c>
      <c r="GA27" s="104">
        <v>53620</v>
      </c>
      <c r="GB27" s="104">
        <v>21084</v>
      </c>
      <c r="GC27" s="104">
        <v>127274</v>
      </c>
      <c r="GD27" s="104">
        <v>64134</v>
      </c>
      <c r="GE27" s="104">
        <v>129472</v>
      </c>
      <c r="GF27" s="103">
        <v>395584</v>
      </c>
      <c r="GG27" s="296">
        <v>425754</v>
      </c>
      <c r="GH27" s="105">
        <v>0</v>
      </c>
      <c r="GI27" s="104">
        <v>0</v>
      </c>
      <c r="GJ27" s="102">
        <v>0</v>
      </c>
      <c r="GK27" s="101">
        <v>0</v>
      </c>
      <c r="GL27" s="104">
        <v>0</v>
      </c>
      <c r="GM27" s="104">
        <v>0</v>
      </c>
      <c r="GN27" s="104">
        <v>0</v>
      </c>
      <c r="GO27" s="104">
        <v>0</v>
      </c>
      <c r="GP27" s="104">
        <v>0</v>
      </c>
      <c r="GQ27" s="103">
        <v>0</v>
      </c>
      <c r="GR27" s="106">
        <v>0</v>
      </c>
      <c r="GS27" s="100">
        <v>0</v>
      </c>
      <c r="GT27" s="104">
        <v>0</v>
      </c>
      <c r="GU27" s="103">
        <v>0</v>
      </c>
      <c r="GV27" s="100">
        <v>0</v>
      </c>
      <c r="GW27" s="104">
        <v>0</v>
      </c>
      <c r="GX27" s="104">
        <v>0</v>
      </c>
      <c r="GY27" s="104">
        <v>0</v>
      </c>
      <c r="GZ27" s="104">
        <v>0</v>
      </c>
      <c r="HA27" s="104">
        <v>0</v>
      </c>
      <c r="HB27" s="102">
        <v>0</v>
      </c>
      <c r="HC27" s="106">
        <v>0</v>
      </c>
      <c r="HD27" s="100">
        <v>0</v>
      </c>
      <c r="HE27" s="104">
        <v>0</v>
      </c>
      <c r="HF27" s="102">
        <v>0</v>
      </c>
      <c r="HG27" s="101">
        <v>0</v>
      </c>
      <c r="HH27" s="104">
        <v>537488</v>
      </c>
      <c r="HI27" s="104">
        <v>311289</v>
      </c>
      <c r="HJ27" s="104">
        <v>270982</v>
      </c>
      <c r="HK27" s="104">
        <v>561799</v>
      </c>
      <c r="HL27" s="104">
        <v>207855</v>
      </c>
      <c r="HM27" s="103">
        <v>1889413</v>
      </c>
      <c r="HN27" s="99">
        <v>1889413</v>
      </c>
      <c r="HO27" s="306"/>
      <c r="HP27" s="307"/>
      <c r="HQ27" s="308"/>
      <c r="HR27" s="309"/>
      <c r="HS27" s="307"/>
      <c r="HT27" s="307"/>
      <c r="HU27" s="307"/>
      <c r="HV27" s="307"/>
      <c r="HW27" s="307"/>
      <c r="HX27" s="310"/>
      <c r="HY27" s="311"/>
      <c r="HZ27" s="118">
        <v>0</v>
      </c>
      <c r="IA27" s="119">
        <v>0</v>
      </c>
      <c r="IB27" s="120">
        <v>0</v>
      </c>
      <c r="IC27" s="133">
        <v>0</v>
      </c>
      <c r="ID27" s="119">
        <v>190645</v>
      </c>
      <c r="IE27" s="134">
        <v>320831</v>
      </c>
      <c r="IF27" s="120">
        <v>1078168</v>
      </c>
      <c r="IG27" s="119">
        <v>0</v>
      </c>
      <c r="IH27" s="120">
        <v>0</v>
      </c>
      <c r="II27" s="135">
        <v>1589644</v>
      </c>
      <c r="IJ27" s="126">
        <v>1589644</v>
      </c>
      <c r="IK27" s="219">
        <v>0</v>
      </c>
      <c r="IL27" s="223">
        <v>0</v>
      </c>
      <c r="IM27" s="224">
        <v>0</v>
      </c>
      <c r="IN27" s="127"/>
      <c r="IO27" s="109">
        <v>23905</v>
      </c>
      <c r="IP27" s="109">
        <v>0</v>
      </c>
      <c r="IQ27" s="109">
        <v>139377</v>
      </c>
      <c r="IR27" s="109">
        <v>0</v>
      </c>
      <c r="IS27" s="109">
        <v>0</v>
      </c>
      <c r="IT27" s="128">
        <v>163282</v>
      </c>
      <c r="IU27" s="298">
        <v>163282</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166740</v>
      </c>
      <c r="JL27" s="109">
        <v>56749</v>
      </c>
      <c r="JM27" s="109">
        <v>120757</v>
      </c>
      <c r="JN27" s="109">
        <v>0</v>
      </c>
      <c r="JO27" s="109">
        <v>0</v>
      </c>
      <c r="JP27" s="110">
        <v>344246</v>
      </c>
      <c r="JQ27" s="298">
        <v>344246</v>
      </c>
      <c r="JR27" s="129">
        <v>0</v>
      </c>
      <c r="JS27" s="109">
        <v>0</v>
      </c>
      <c r="JT27" s="128">
        <v>0</v>
      </c>
      <c r="JU27" s="108">
        <v>0</v>
      </c>
      <c r="JV27" s="109">
        <v>0</v>
      </c>
      <c r="JW27" s="109">
        <v>0</v>
      </c>
      <c r="JX27" s="109">
        <v>77784</v>
      </c>
      <c r="JY27" s="109">
        <v>0</v>
      </c>
      <c r="JZ27" s="109">
        <v>0</v>
      </c>
      <c r="KA27" s="110">
        <v>77784</v>
      </c>
      <c r="KB27" s="298">
        <v>77784</v>
      </c>
      <c r="KC27" s="221">
        <v>0</v>
      </c>
      <c r="KD27" s="217">
        <v>0</v>
      </c>
      <c r="KE27" s="110">
        <v>0</v>
      </c>
      <c r="KF27" s="108">
        <v>0</v>
      </c>
      <c r="KG27" s="109">
        <v>0</v>
      </c>
      <c r="KH27" s="109">
        <v>264082</v>
      </c>
      <c r="KI27" s="109">
        <v>740250</v>
      </c>
      <c r="KJ27" s="109">
        <v>0</v>
      </c>
      <c r="KK27" s="109">
        <v>0</v>
      </c>
      <c r="KL27" s="110">
        <v>1004332</v>
      </c>
      <c r="KM27" s="130">
        <v>1004332</v>
      </c>
      <c r="KN27" s="219">
        <v>0</v>
      </c>
      <c r="KO27" s="223">
        <v>0</v>
      </c>
      <c r="KP27" s="224">
        <v>0</v>
      </c>
      <c r="KQ27" s="127"/>
      <c r="KR27" s="109">
        <v>0</v>
      </c>
      <c r="KS27" s="109">
        <v>0</v>
      </c>
      <c r="KT27" s="109">
        <v>0</v>
      </c>
      <c r="KU27" s="109">
        <v>0</v>
      </c>
      <c r="KV27" s="109">
        <v>0</v>
      </c>
      <c r="KW27" s="110">
        <v>0</v>
      </c>
      <c r="KX27" s="298">
        <v>0</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0</v>
      </c>
      <c r="LQ27" s="109">
        <v>0</v>
      </c>
      <c r="LR27" s="109">
        <v>0</v>
      </c>
      <c r="LS27" s="110">
        <v>0</v>
      </c>
      <c r="LT27" s="298">
        <v>0</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0</v>
      </c>
      <c r="MK27" s="109">
        <v>451038</v>
      </c>
      <c r="ML27" s="109">
        <v>1537070</v>
      </c>
      <c r="MM27" s="109">
        <v>459858</v>
      </c>
      <c r="MN27" s="109">
        <v>0</v>
      </c>
      <c r="MO27" s="110">
        <v>2447966</v>
      </c>
      <c r="MP27" s="130">
        <v>2447966</v>
      </c>
      <c r="MQ27" s="129">
        <v>0</v>
      </c>
      <c r="MR27" s="109">
        <v>0</v>
      </c>
      <c r="MS27" s="110">
        <v>0</v>
      </c>
      <c r="MT27" s="132"/>
      <c r="MU27" s="109">
        <v>0</v>
      </c>
      <c r="MV27" s="109">
        <v>195230</v>
      </c>
      <c r="MW27" s="109">
        <v>786627</v>
      </c>
      <c r="MX27" s="109">
        <v>459858</v>
      </c>
      <c r="MY27" s="109">
        <v>0</v>
      </c>
      <c r="MZ27" s="110">
        <v>1441715</v>
      </c>
      <c r="NA27" s="130">
        <v>1441715</v>
      </c>
      <c r="NB27" s="129">
        <v>0</v>
      </c>
      <c r="NC27" s="109">
        <v>0</v>
      </c>
      <c r="ND27" s="110">
        <v>0</v>
      </c>
      <c r="NE27" s="132"/>
      <c r="NF27" s="109">
        <v>0</v>
      </c>
      <c r="NG27" s="109">
        <v>255808</v>
      </c>
      <c r="NH27" s="109">
        <v>750443</v>
      </c>
      <c r="NI27" s="109">
        <v>0</v>
      </c>
      <c r="NJ27" s="109">
        <v>0</v>
      </c>
      <c r="NK27" s="110">
        <v>1006251</v>
      </c>
      <c r="NL27" s="298">
        <v>1006251</v>
      </c>
      <c r="NM27" s="129">
        <v>0</v>
      </c>
      <c r="NN27" s="109">
        <v>0</v>
      </c>
      <c r="NO27" s="110">
        <v>0</v>
      </c>
      <c r="NP27" s="132">
        <v>0</v>
      </c>
      <c r="NQ27" s="109">
        <v>0</v>
      </c>
      <c r="NR27" s="109">
        <v>0</v>
      </c>
      <c r="NS27" s="109">
        <v>0</v>
      </c>
      <c r="NT27" s="109">
        <v>0</v>
      </c>
      <c r="NU27" s="109">
        <v>0</v>
      </c>
      <c r="NV27" s="110">
        <v>0</v>
      </c>
      <c r="NW27" s="111">
        <v>0</v>
      </c>
      <c r="NX27" s="129">
        <v>0</v>
      </c>
      <c r="NY27" s="109">
        <v>0</v>
      </c>
      <c r="NZ27" s="110">
        <v>0</v>
      </c>
      <c r="OA27" s="132"/>
      <c r="OB27" s="109">
        <v>0</v>
      </c>
      <c r="OC27" s="109">
        <v>0</v>
      </c>
      <c r="OD27" s="109">
        <v>0</v>
      </c>
      <c r="OE27" s="109">
        <v>0</v>
      </c>
      <c r="OF27" s="109">
        <v>0</v>
      </c>
      <c r="OG27" s="110">
        <v>0</v>
      </c>
      <c r="OH27" s="111">
        <v>0</v>
      </c>
      <c r="OI27" s="129">
        <v>63938</v>
      </c>
      <c r="OJ27" s="109">
        <v>19880</v>
      </c>
      <c r="OK27" s="128">
        <v>83818</v>
      </c>
      <c r="OL27" s="108">
        <v>0</v>
      </c>
      <c r="OM27" s="109">
        <v>1379322</v>
      </c>
      <c r="ON27" s="109">
        <v>1461464</v>
      </c>
      <c r="OO27" s="109">
        <v>3416950</v>
      </c>
      <c r="OP27" s="109">
        <v>2018549</v>
      </c>
      <c r="OQ27" s="109">
        <v>1473400</v>
      </c>
      <c r="OR27" s="110">
        <v>9749685</v>
      </c>
      <c r="OS27" s="130">
        <v>9833503</v>
      </c>
    </row>
    <row r="28" spans="2:409" ht="21" customHeight="1" x14ac:dyDescent="0.2">
      <c r="B28" s="472" t="s">
        <v>23</v>
      </c>
      <c r="C28" s="100">
        <v>158867</v>
      </c>
      <c r="D28" s="104">
        <v>102450</v>
      </c>
      <c r="E28" s="103">
        <v>261317</v>
      </c>
      <c r="F28" s="99">
        <v>0</v>
      </c>
      <c r="G28" s="104">
        <v>1257443</v>
      </c>
      <c r="H28" s="104">
        <v>2589942</v>
      </c>
      <c r="I28" s="104">
        <v>2312542</v>
      </c>
      <c r="J28" s="104">
        <v>2738954</v>
      </c>
      <c r="K28" s="104">
        <v>1589970</v>
      </c>
      <c r="L28" s="160">
        <v>10488851</v>
      </c>
      <c r="M28" s="106">
        <v>10750168</v>
      </c>
      <c r="N28" s="100">
        <v>50885</v>
      </c>
      <c r="O28" s="104">
        <v>72539</v>
      </c>
      <c r="P28" s="103">
        <v>123424</v>
      </c>
      <c r="Q28" s="100">
        <v>0</v>
      </c>
      <c r="R28" s="104">
        <v>207549</v>
      </c>
      <c r="S28" s="104">
        <v>628049</v>
      </c>
      <c r="T28" s="104">
        <v>1089918</v>
      </c>
      <c r="U28" s="104">
        <v>418909</v>
      </c>
      <c r="V28" s="104">
        <v>208420</v>
      </c>
      <c r="W28" s="103">
        <v>2552845</v>
      </c>
      <c r="X28" s="106">
        <v>2676269</v>
      </c>
      <c r="Y28" s="100">
        <v>0</v>
      </c>
      <c r="Z28" s="104">
        <v>0</v>
      </c>
      <c r="AA28" s="103">
        <v>0</v>
      </c>
      <c r="AB28" s="100">
        <v>0</v>
      </c>
      <c r="AC28" s="104">
        <v>17150</v>
      </c>
      <c r="AD28" s="104">
        <v>221688</v>
      </c>
      <c r="AE28" s="104">
        <v>515326</v>
      </c>
      <c r="AF28" s="104">
        <v>59181</v>
      </c>
      <c r="AG28" s="104">
        <v>0</v>
      </c>
      <c r="AH28" s="103">
        <v>813345</v>
      </c>
      <c r="AI28" s="106">
        <v>813345</v>
      </c>
      <c r="AJ28" s="100">
        <v>0</v>
      </c>
      <c r="AK28" s="104">
        <v>0</v>
      </c>
      <c r="AL28" s="103">
        <v>0</v>
      </c>
      <c r="AM28" s="100">
        <v>0</v>
      </c>
      <c r="AN28" s="104">
        <v>0</v>
      </c>
      <c r="AO28" s="104">
        <v>0</v>
      </c>
      <c r="AP28" s="104">
        <v>41452</v>
      </c>
      <c r="AQ28" s="104">
        <v>0</v>
      </c>
      <c r="AR28" s="104">
        <v>50437</v>
      </c>
      <c r="AS28" s="103">
        <v>91889</v>
      </c>
      <c r="AT28" s="106">
        <v>91889</v>
      </c>
      <c r="AU28" s="100">
        <v>45180</v>
      </c>
      <c r="AV28" s="104">
        <v>38737</v>
      </c>
      <c r="AW28" s="103">
        <v>83917</v>
      </c>
      <c r="AX28" s="100">
        <v>0</v>
      </c>
      <c r="AY28" s="104">
        <v>138928</v>
      </c>
      <c r="AZ28" s="104">
        <v>276854</v>
      </c>
      <c r="BA28" s="104">
        <v>369830</v>
      </c>
      <c r="BB28" s="104">
        <v>152487</v>
      </c>
      <c r="BC28" s="104">
        <v>16597</v>
      </c>
      <c r="BD28" s="103">
        <v>954696</v>
      </c>
      <c r="BE28" s="106">
        <v>1038613</v>
      </c>
      <c r="BF28" s="100">
        <v>0</v>
      </c>
      <c r="BG28" s="104">
        <v>33802</v>
      </c>
      <c r="BH28" s="102">
        <v>33802</v>
      </c>
      <c r="BI28" s="101">
        <v>0</v>
      </c>
      <c r="BJ28" s="104">
        <v>0</v>
      </c>
      <c r="BK28" s="104">
        <v>70917</v>
      </c>
      <c r="BL28" s="104">
        <v>0</v>
      </c>
      <c r="BM28" s="104">
        <v>57735</v>
      </c>
      <c r="BN28" s="104">
        <v>0</v>
      </c>
      <c r="BO28" s="103">
        <v>128652</v>
      </c>
      <c r="BP28" s="106">
        <v>162454</v>
      </c>
      <c r="BQ28" s="100">
        <v>5705</v>
      </c>
      <c r="BR28" s="104">
        <v>0</v>
      </c>
      <c r="BS28" s="103">
        <v>5705</v>
      </c>
      <c r="BT28" s="100">
        <v>0</v>
      </c>
      <c r="BU28" s="104">
        <v>51471</v>
      </c>
      <c r="BV28" s="104">
        <v>58590</v>
      </c>
      <c r="BW28" s="104">
        <v>163310</v>
      </c>
      <c r="BX28" s="104">
        <v>149506</v>
      </c>
      <c r="BY28" s="104">
        <v>141386</v>
      </c>
      <c r="BZ28" s="103">
        <v>564263</v>
      </c>
      <c r="CA28" s="106">
        <v>569968</v>
      </c>
      <c r="CB28" s="100">
        <v>0</v>
      </c>
      <c r="CC28" s="104">
        <v>0</v>
      </c>
      <c r="CD28" s="103">
        <v>0</v>
      </c>
      <c r="CE28" s="100">
        <v>0</v>
      </c>
      <c r="CF28" s="104">
        <v>703575</v>
      </c>
      <c r="CG28" s="104">
        <v>1121620</v>
      </c>
      <c r="CH28" s="104">
        <v>656597</v>
      </c>
      <c r="CI28" s="104">
        <v>403011</v>
      </c>
      <c r="CJ28" s="104">
        <v>253005</v>
      </c>
      <c r="CK28" s="103">
        <v>3137808</v>
      </c>
      <c r="CL28" s="106">
        <v>3137808</v>
      </c>
      <c r="CM28" s="100">
        <v>0</v>
      </c>
      <c r="CN28" s="104">
        <v>0</v>
      </c>
      <c r="CO28" s="103">
        <v>0</v>
      </c>
      <c r="CP28" s="101">
        <v>0</v>
      </c>
      <c r="CQ28" s="104">
        <v>578629</v>
      </c>
      <c r="CR28" s="104">
        <v>1029317</v>
      </c>
      <c r="CS28" s="104">
        <v>516333</v>
      </c>
      <c r="CT28" s="104">
        <v>313208</v>
      </c>
      <c r="CU28" s="104">
        <v>0</v>
      </c>
      <c r="CV28" s="103">
        <v>2437487</v>
      </c>
      <c r="CW28" s="106">
        <v>2437487</v>
      </c>
      <c r="CX28" s="100">
        <v>0</v>
      </c>
      <c r="CY28" s="104">
        <v>0</v>
      </c>
      <c r="CZ28" s="103">
        <v>0</v>
      </c>
      <c r="DA28" s="100">
        <v>0</v>
      </c>
      <c r="DB28" s="104">
        <v>124946</v>
      </c>
      <c r="DC28" s="104">
        <v>92303</v>
      </c>
      <c r="DD28" s="104">
        <v>140264</v>
      </c>
      <c r="DE28" s="104">
        <v>89803</v>
      </c>
      <c r="DF28" s="104">
        <v>253005</v>
      </c>
      <c r="DG28" s="103">
        <v>700321</v>
      </c>
      <c r="DH28" s="106">
        <v>700321</v>
      </c>
      <c r="DI28" s="100">
        <v>0</v>
      </c>
      <c r="DJ28" s="104">
        <v>0</v>
      </c>
      <c r="DK28" s="102">
        <v>0</v>
      </c>
      <c r="DL28" s="101">
        <v>0</v>
      </c>
      <c r="DM28" s="104">
        <v>85768</v>
      </c>
      <c r="DN28" s="104">
        <v>158719</v>
      </c>
      <c r="DO28" s="104">
        <v>199569</v>
      </c>
      <c r="DP28" s="104">
        <v>53282</v>
      </c>
      <c r="DQ28" s="104">
        <v>0</v>
      </c>
      <c r="DR28" s="103">
        <v>497338</v>
      </c>
      <c r="DS28" s="106">
        <v>497338</v>
      </c>
      <c r="DT28" s="100">
        <v>0</v>
      </c>
      <c r="DU28" s="104">
        <v>0</v>
      </c>
      <c r="DV28" s="103">
        <v>0</v>
      </c>
      <c r="DW28" s="100">
        <v>0</v>
      </c>
      <c r="DX28" s="104">
        <v>85768</v>
      </c>
      <c r="DY28" s="104">
        <v>158719</v>
      </c>
      <c r="DZ28" s="104">
        <v>199569</v>
      </c>
      <c r="EA28" s="104">
        <v>53282</v>
      </c>
      <c r="EB28" s="104">
        <v>0</v>
      </c>
      <c r="EC28" s="103">
        <v>497338</v>
      </c>
      <c r="ED28" s="106">
        <v>497338</v>
      </c>
      <c r="EE28" s="100">
        <v>0</v>
      </c>
      <c r="EF28" s="102">
        <v>0</v>
      </c>
      <c r="EG28" s="103">
        <v>0</v>
      </c>
      <c r="EH28" s="100">
        <v>0</v>
      </c>
      <c r="EI28" s="104">
        <v>0</v>
      </c>
      <c r="EJ28" s="104">
        <v>0</v>
      </c>
      <c r="EK28" s="104">
        <v>0</v>
      </c>
      <c r="EL28" s="104">
        <v>0</v>
      </c>
      <c r="EM28" s="104">
        <v>0</v>
      </c>
      <c r="EN28" s="102">
        <v>0</v>
      </c>
      <c r="EO28" s="106">
        <v>0</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07982</v>
      </c>
      <c r="FM28" s="104">
        <v>29911</v>
      </c>
      <c r="FN28" s="103">
        <v>137893</v>
      </c>
      <c r="FO28" s="100">
        <v>0</v>
      </c>
      <c r="FP28" s="104">
        <v>84532</v>
      </c>
      <c r="FQ28" s="104">
        <v>359520</v>
      </c>
      <c r="FR28" s="104">
        <v>190540</v>
      </c>
      <c r="FS28" s="104">
        <v>118244</v>
      </c>
      <c r="FT28" s="104">
        <v>77784</v>
      </c>
      <c r="FU28" s="103">
        <v>830620</v>
      </c>
      <c r="FV28" s="106">
        <v>968513</v>
      </c>
      <c r="FW28" s="105">
        <v>26782</v>
      </c>
      <c r="FX28" s="104">
        <v>29911</v>
      </c>
      <c r="FY28" s="102">
        <v>56693</v>
      </c>
      <c r="FZ28" s="101">
        <v>0</v>
      </c>
      <c r="GA28" s="104">
        <v>66052</v>
      </c>
      <c r="GB28" s="104">
        <v>242480</v>
      </c>
      <c r="GC28" s="104">
        <v>153524</v>
      </c>
      <c r="GD28" s="104">
        <v>118244</v>
      </c>
      <c r="GE28" s="104">
        <v>77784</v>
      </c>
      <c r="GF28" s="103">
        <v>658084</v>
      </c>
      <c r="GG28" s="296">
        <v>714777</v>
      </c>
      <c r="GH28" s="105">
        <v>0</v>
      </c>
      <c r="GI28" s="104">
        <v>0</v>
      </c>
      <c r="GJ28" s="102">
        <v>0</v>
      </c>
      <c r="GK28" s="101">
        <v>0</v>
      </c>
      <c r="GL28" s="104">
        <v>18480</v>
      </c>
      <c r="GM28" s="104">
        <v>0</v>
      </c>
      <c r="GN28" s="104">
        <v>37016</v>
      </c>
      <c r="GO28" s="104">
        <v>0</v>
      </c>
      <c r="GP28" s="104">
        <v>0</v>
      </c>
      <c r="GQ28" s="103">
        <v>55496</v>
      </c>
      <c r="GR28" s="106">
        <v>55496</v>
      </c>
      <c r="GS28" s="100">
        <v>81200</v>
      </c>
      <c r="GT28" s="104">
        <v>0</v>
      </c>
      <c r="GU28" s="103">
        <v>81200</v>
      </c>
      <c r="GV28" s="100">
        <v>0</v>
      </c>
      <c r="GW28" s="104">
        <v>0</v>
      </c>
      <c r="GX28" s="104">
        <v>117040</v>
      </c>
      <c r="GY28" s="104">
        <v>0</v>
      </c>
      <c r="GZ28" s="104">
        <v>0</v>
      </c>
      <c r="HA28" s="104">
        <v>0</v>
      </c>
      <c r="HB28" s="102">
        <v>117040</v>
      </c>
      <c r="HC28" s="106">
        <v>198240</v>
      </c>
      <c r="HD28" s="100">
        <v>0</v>
      </c>
      <c r="HE28" s="104">
        <v>0</v>
      </c>
      <c r="HF28" s="102">
        <v>0</v>
      </c>
      <c r="HG28" s="101">
        <v>0</v>
      </c>
      <c r="HH28" s="104">
        <v>176019</v>
      </c>
      <c r="HI28" s="104">
        <v>322034</v>
      </c>
      <c r="HJ28" s="104">
        <v>175918</v>
      </c>
      <c r="HK28" s="104">
        <v>1745508</v>
      </c>
      <c r="HL28" s="104">
        <v>1050761</v>
      </c>
      <c r="HM28" s="103">
        <v>3470240</v>
      </c>
      <c r="HN28" s="99">
        <v>3470240</v>
      </c>
      <c r="HO28" s="306"/>
      <c r="HP28" s="307"/>
      <c r="HQ28" s="308"/>
      <c r="HR28" s="309"/>
      <c r="HS28" s="307"/>
      <c r="HT28" s="307"/>
      <c r="HU28" s="307"/>
      <c r="HV28" s="307"/>
      <c r="HW28" s="307"/>
      <c r="HX28" s="310"/>
      <c r="HY28" s="311"/>
      <c r="HZ28" s="137">
        <v>0</v>
      </c>
      <c r="IA28" s="122">
        <v>0</v>
      </c>
      <c r="IB28" s="137">
        <v>0</v>
      </c>
      <c r="IC28" s="121">
        <v>0</v>
      </c>
      <c r="ID28" s="122">
        <v>225986</v>
      </c>
      <c r="IE28" s="123">
        <v>59731</v>
      </c>
      <c r="IF28" s="124">
        <v>979350</v>
      </c>
      <c r="IG28" s="122">
        <v>225082</v>
      </c>
      <c r="IH28" s="124">
        <v>676408</v>
      </c>
      <c r="II28" s="125">
        <v>2166557</v>
      </c>
      <c r="IJ28" s="137">
        <v>2166557</v>
      </c>
      <c r="IK28" s="219">
        <v>0</v>
      </c>
      <c r="IL28" s="223">
        <v>0</v>
      </c>
      <c r="IM28" s="224">
        <v>0</v>
      </c>
      <c r="IN28" s="127"/>
      <c r="IO28" s="109">
        <v>0</v>
      </c>
      <c r="IP28" s="109">
        <v>0</v>
      </c>
      <c r="IQ28" s="109">
        <v>0</v>
      </c>
      <c r="IR28" s="109">
        <v>0</v>
      </c>
      <c r="IS28" s="109">
        <v>464398</v>
      </c>
      <c r="IT28" s="128">
        <v>464398</v>
      </c>
      <c r="IU28" s="298">
        <v>464398</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14342</v>
      </c>
      <c r="JL28" s="109">
        <v>59731</v>
      </c>
      <c r="JM28" s="109">
        <v>73288</v>
      </c>
      <c r="JN28" s="109">
        <v>0</v>
      </c>
      <c r="JO28" s="109">
        <v>212010</v>
      </c>
      <c r="JP28" s="110">
        <v>359371</v>
      </c>
      <c r="JQ28" s="298">
        <v>359371</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0</v>
      </c>
      <c r="KI28" s="109">
        <v>0</v>
      </c>
      <c r="KJ28" s="109">
        <v>0</v>
      </c>
      <c r="KK28" s="109">
        <v>0</v>
      </c>
      <c r="KL28" s="110">
        <v>0</v>
      </c>
      <c r="KM28" s="130">
        <v>0</v>
      </c>
      <c r="KN28" s="219">
        <v>0</v>
      </c>
      <c r="KO28" s="223">
        <v>0</v>
      </c>
      <c r="KP28" s="224">
        <v>0</v>
      </c>
      <c r="KQ28" s="127"/>
      <c r="KR28" s="109">
        <v>211644</v>
      </c>
      <c r="KS28" s="109">
        <v>0</v>
      </c>
      <c r="KT28" s="109">
        <v>906062</v>
      </c>
      <c r="KU28" s="109">
        <v>225082</v>
      </c>
      <c r="KV28" s="109">
        <v>0</v>
      </c>
      <c r="KW28" s="110">
        <v>1342788</v>
      </c>
      <c r="KX28" s="298">
        <v>1342788</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c r="MJ28" s="109">
        <v>0</v>
      </c>
      <c r="MK28" s="109">
        <v>0</v>
      </c>
      <c r="ML28" s="109">
        <v>680525</v>
      </c>
      <c r="MM28" s="109">
        <v>932165</v>
      </c>
      <c r="MN28" s="109">
        <v>1024293</v>
      </c>
      <c r="MO28" s="110">
        <v>2636983</v>
      </c>
      <c r="MP28" s="130">
        <v>2636983</v>
      </c>
      <c r="MQ28" s="129">
        <v>0</v>
      </c>
      <c r="MR28" s="109">
        <v>0</v>
      </c>
      <c r="MS28" s="110">
        <v>0</v>
      </c>
      <c r="MT28" s="132"/>
      <c r="MU28" s="109">
        <v>0</v>
      </c>
      <c r="MV28" s="109">
        <v>0</v>
      </c>
      <c r="MW28" s="109">
        <v>442028</v>
      </c>
      <c r="MX28" s="109">
        <v>683453</v>
      </c>
      <c r="MY28" s="109">
        <v>165932</v>
      </c>
      <c r="MZ28" s="110">
        <v>1291413</v>
      </c>
      <c r="NA28" s="130">
        <v>1291413</v>
      </c>
      <c r="NB28" s="129">
        <v>0</v>
      </c>
      <c r="NC28" s="109">
        <v>0</v>
      </c>
      <c r="ND28" s="110">
        <v>0</v>
      </c>
      <c r="NE28" s="132"/>
      <c r="NF28" s="109">
        <v>0</v>
      </c>
      <c r="NG28" s="109">
        <v>0</v>
      </c>
      <c r="NH28" s="109">
        <v>238497</v>
      </c>
      <c r="NI28" s="109">
        <v>248712</v>
      </c>
      <c r="NJ28" s="109">
        <v>528778</v>
      </c>
      <c r="NK28" s="110">
        <v>1015987</v>
      </c>
      <c r="NL28" s="298">
        <v>1015987</v>
      </c>
      <c r="NM28" s="129">
        <v>0</v>
      </c>
      <c r="NN28" s="109">
        <v>0</v>
      </c>
      <c r="NO28" s="110">
        <v>0</v>
      </c>
      <c r="NP28" s="132">
        <v>0</v>
      </c>
      <c r="NQ28" s="109">
        <v>0</v>
      </c>
      <c r="NR28" s="109">
        <v>0</v>
      </c>
      <c r="NS28" s="109">
        <v>0</v>
      </c>
      <c r="NT28" s="109">
        <v>0</v>
      </c>
      <c r="NU28" s="109">
        <v>0</v>
      </c>
      <c r="NV28" s="110">
        <v>0</v>
      </c>
      <c r="NW28" s="111">
        <v>0</v>
      </c>
      <c r="NX28" s="129">
        <v>0</v>
      </c>
      <c r="NY28" s="109">
        <v>0</v>
      </c>
      <c r="NZ28" s="110">
        <v>0</v>
      </c>
      <c r="OA28" s="132"/>
      <c r="OB28" s="109">
        <v>0</v>
      </c>
      <c r="OC28" s="109">
        <v>0</v>
      </c>
      <c r="OD28" s="109">
        <v>0</v>
      </c>
      <c r="OE28" s="109">
        <v>0</v>
      </c>
      <c r="OF28" s="109">
        <v>329583</v>
      </c>
      <c r="OG28" s="110">
        <v>329583</v>
      </c>
      <c r="OH28" s="111">
        <v>329583</v>
      </c>
      <c r="OI28" s="129">
        <v>158867</v>
      </c>
      <c r="OJ28" s="109">
        <v>102450</v>
      </c>
      <c r="OK28" s="128">
        <v>261317</v>
      </c>
      <c r="OL28" s="108">
        <v>0</v>
      </c>
      <c r="OM28" s="109">
        <v>1483429</v>
      </c>
      <c r="ON28" s="109">
        <v>2649673</v>
      </c>
      <c r="OO28" s="109">
        <v>3972417</v>
      </c>
      <c r="OP28" s="109">
        <v>3896201</v>
      </c>
      <c r="OQ28" s="109">
        <v>3290671</v>
      </c>
      <c r="OR28" s="110">
        <v>15292391</v>
      </c>
      <c r="OS28" s="130">
        <v>15553708</v>
      </c>
    </row>
    <row r="29" spans="2:409" ht="21" customHeight="1" x14ac:dyDescent="0.2">
      <c r="B29" s="472" t="s">
        <v>24</v>
      </c>
      <c r="C29" s="100">
        <v>227619</v>
      </c>
      <c r="D29" s="104">
        <v>569005</v>
      </c>
      <c r="E29" s="103">
        <v>796624</v>
      </c>
      <c r="F29" s="99">
        <v>0</v>
      </c>
      <c r="G29" s="104">
        <v>2227002</v>
      </c>
      <c r="H29" s="104">
        <v>2265677</v>
      </c>
      <c r="I29" s="104">
        <v>1544627</v>
      </c>
      <c r="J29" s="104">
        <v>2021908</v>
      </c>
      <c r="K29" s="104">
        <v>1672513</v>
      </c>
      <c r="L29" s="160">
        <v>9731727</v>
      </c>
      <c r="M29" s="106">
        <v>10528351</v>
      </c>
      <c r="N29" s="100">
        <v>49014</v>
      </c>
      <c r="O29" s="104">
        <v>311308</v>
      </c>
      <c r="P29" s="103">
        <v>360322</v>
      </c>
      <c r="Q29" s="100">
        <v>0</v>
      </c>
      <c r="R29" s="104">
        <v>595408</v>
      </c>
      <c r="S29" s="104">
        <v>507881</v>
      </c>
      <c r="T29" s="104">
        <v>492569</v>
      </c>
      <c r="U29" s="104">
        <v>665342</v>
      </c>
      <c r="V29" s="104">
        <v>614207</v>
      </c>
      <c r="W29" s="103">
        <v>2875407</v>
      </c>
      <c r="X29" s="106">
        <v>3235729</v>
      </c>
      <c r="Y29" s="100">
        <v>0</v>
      </c>
      <c r="Z29" s="104">
        <v>0</v>
      </c>
      <c r="AA29" s="103">
        <v>0</v>
      </c>
      <c r="AB29" s="100">
        <v>0</v>
      </c>
      <c r="AC29" s="104">
        <v>169570</v>
      </c>
      <c r="AD29" s="104">
        <v>197987</v>
      </c>
      <c r="AE29" s="104">
        <v>249618</v>
      </c>
      <c r="AF29" s="104">
        <v>269396</v>
      </c>
      <c r="AG29" s="104">
        <v>313586</v>
      </c>
      <c r="AH29" s="103">
        <v>1200157</v>
      </c>
      <c r="AI29" s="106">
        <v>1200157</v>
      </c>
      <c r="AJ29" s="100">
        <v>0</v>
      </c>
      <c r="AK29" s="104">
        <v>0</v>
      </c>
      <c r="AL29" s="103">
        <v>0</v>
      </c>
      <c r="AM29" s="100">
        <v>0</v>
      </c>
      <c r="AN29" s="104">
        <v>0</v>
      </c>
      <c r="AO29" s="104">
        <v>0</v>
      </c>
      <c r="AP29" s="104">
        <v>0</v>
      </c>
      <c r="AQ29" s="104">
        <v>0</v>
      </c>
      <c r="AR29" s="104">
        <v>93405</v>
      </c>
      <c r="AS29" s="103">
        <v>93405</v>
      </c>
      <c r="AT29" s="106">
        <v>93405</v>
      </c>
      <c r="AU29" s="100">
        <v>25788</v>
      </c>
      <c r="AV29" s="104">
        <v>296328</v>
      </c>
      <c r="AW29" s="103">
        <v>322116</v>
      </c>
      <c r="AX29" s="100">
        <v>0</v>
      </c>
      <c r="AY29" s="104">
        <v>336567</v>
      </c>
      <c r="AZ29" s="104">
        <v>190383</v>
      </c>
      <c r="BA29" s="104">
        <v>156879</v>
      </c>
      <c r="BB29" s="104">
        <v>261245</v>
      </c>
      <c r="BC29" s="104">
        <v>87742</v>
      </c>
      <c r="BD29" s="103">
        <v>1032816</v>
      </c>
      <c r="BE29" s="106">
        <v>1354932</v>
      </c>
      <c r="BF29" s="100">
        <v>0</v>
      </c>
      <c r="BG29" s="104">
        <v>0</v>
      </c>
      <c r="BH29" s="102">
        <v>0</v>
      </c>
      <c r="BI29" s="101">
        <v>0</v>
      </c>
      <c r="BJ29" s="104">
        <v>0</v>
      </c>
      <c r="BK29" s="104">
        <v>13146</v>
      </c>
      <c r="BL29" s="104">
        <v>0</v>
      </c>
      <c r="BM29" s="104">
        <v>0</v>
      </c>
      <c r="BN29" s="104">
        <v>23742</v>
      </c>
      <c r="BO29" s="103">
        <v>36888</v>
      </c>
      <c r="BP29" s="106">
        <v>36888</v>
      </c>
      <c r="BQ29" s="100">
        <v>23226</v>
      </c>
      <c r="BR29" s="104">
        <v>14980</v>
      </c>
      <c r="BS29" s="103">
        <v>38206</v>
      </c>
      <c r="BT29" s="100">
        <v>0</v>
      </c>
      <c r="BU29" s="104">
        <v>89271</v>
      </c>
      <c r="BV29" s="104">
        <v>106365</v>
      </c>
      <c r="BW29" s="104">
        <v>86072</v>
      </c>
      <c r="BX29" s="104">
        <v>134701</v>
      </c>
      <c r="BY29" s="104">
        <v>95732</v>
      </c>
      <c r="BZ29" s="103">
        <v>512141</v>
      </c>
      <c r="CA29" s="106">
        <v>550347</v>
      </c>
      <c r="CB29" s="100">
        <v>18735</v>
      </c>
      <c r="CC29" s="104">
        <v>0</v>
      </c>
      <c r="CD29" s="103">
        <v>18735</v>
      </c>
      <c r="CE29" s="100">
        <v>0</v>
      </c>
      <c r="CF29" s="104">
        <v>464268</v>
      </c>
      <c r="CG29" s="104">
        <v>528924</v>
      </c>
      <c r="CH29" s="104">
        <v>402562</v>
      </c>
      <c r="CI29" s="104">
        <v>199560</v>
      </c>
      <c r="CJ29" s="104">
        <v>215157</v>
      </c>
      <c r="CK29" s="103">
        <v>1810471</v>
      </c>
      <c r="CL29" s="106">
        <v>1829206</v>
      </c>
      <c r="CM29" s="100">
        <v>0</v>
      </c>
      <c r="CN29" s="104">
        <v>0</v>
      </c>
      <c r="CO29" s="103">
        <v>0</v>
      </c>
      <c r="CP29" s="101">
        <v>0</v>
      </c>
      <c r="CQ29" s="104">
        <v>324817</v>
      </c>
      <c r="CR29" s="104">
        <v>193504</v>
      </c>
      <c r="CS29" s="104">
        <v>290200</v>
      </c>
      <c r="CT29" s="104">
        <v>76685</v>
      </c>
      <c r="CU29" s="104">
        <v>0</v>
      </c>
      <c r="CV29" s="103">
        <v>885206</v>
      </c>
      <c r="CW29" s="106">
        <v>885206</v>
      </c>
      <c r="CX29" s="100">
        <v>18735</v>
      </c>
      <c r="CY29" s="104">
        <v>0</v>
      </c>
      <c r="CZ29" s="103">
        <v>18735</v>
      </c>
      <c r="DA29" s="100">
        <v>0</v>
      </c>
      <c r="DB29" s="104">
        <v>139451</v>
      </c>
      <c r="DC29" s="104">
        <v>335420</v>
      </c>
      <c r="DD29" s="104">
        <v>112362</v>
      </c>
      <c r="DE29" s="104">
        <v>122875</v>
      </c>
      <c r="DF29" s="104">
        <v>215157</v>
      </c>
      <c r="DG29" s="103">
        <v>925265</v>
      </c>
      <c r="DH29" s="106">
        <v>944000</v>
      </c>
      <c r="DI29" s="100">
        <v>0</v>
      </c>
      <c r="DJ29" s="104">
        <v>0</v>
      </c>
      <c r="DK29" s="102">
        <v>0</v>
      </c>
      <c r="DL29" s="101">
        <v>0</v>
      </c>
      <c r="DM29" s="104">
        <v>0</v>
      </c>
      <c r="DN29" s="104">
        <v>14331</v>
      </c>
      <c r="DO29" s="104">
        <v>8488</v>
      </c>
      <c r="DP29" s="104">
        <v>89150</v>
      </c>
      <c r="DQ29" s="104">
        <v>84117</v>
      </c>
      <c r="DR29" s="103">
        <v>196086</v>
      </c>
      <c r="DS29" s="106">
        <v>196086</v>
      </c>
      <c r="DT29" s="100">
        <v>0</v>
      </c>
      <c r="DU29" s="104">
        <v>0</v>
      </c>
      <c r="DV29" s="103">
        <v>0</v>
      </c>
      <c r="DW29" s="100">
        <v>0</v>
      </c>
      <c r="DX29" s="104">
        <v>0</v>
      </c>
      <c r="DY29" s="104">
        <v>14331</v>
      </c>
      <c r="DZ29" s="104">
        <v>8488</v>
      </c>
      <c r="EA29" s="104">
        <v>89150</v>
      </c>
      <c r="EB29" s="104">
        <v>84117</v>
      </c>
      <c r="EC29" s="103">
        <v>196086</v>
      </c>
      <c r="ED29" s="106">
        <v>196086</v>
      </c>
      <c r="EE29" s="100">
        <v>0</v>
      </c>
      <c r="EF29" s="102">
        <v>0</v>
      </c>
      <c r="EG29" s="103">
        <v>0</v>
      </c>
      <c r="EH29" s="100">
        <v>0</v>
      </c>
      <c r="EI29" s="104">
        <v>0</v>
      </c>
      <c r="EJ29" s="104">
        <v>0</v>
      </c>
      <c r="EK29" s="104">
        <v>0</v>
      </c>
      <c r="EL29" s="104">
        <v>0</v>
      </c>
      <c r="EM29" s="104">
        <v>0</v>
      </c>
      <c r="EN29" s="102">
        <v>0</v>
      </c>
      <c r="EO29" s="106">
        <v>0</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65184</v>
      </c>
      <c r="FM29" s="104">
        <v>99246</v>
      </c>
      <c r="FN29" s="103">
        <v>164430</v>
      </c>
      <c r="FO29" s="100">
        <v>0</v>
      </c>
      <c r="FP29" s="104">
        <v>113190</v>
      </c>
      <c r="FQ29" s="104">
        <v>179095</v>
      </c>
      <c r="FR29" s="104">
        <v>105917</v>
      </c>
      <c r="FS29" s="104">
        <v>117999</v>
      </c>
      <c r="FT29" s="104">
        <v>124376</v>
      </c>
      <c r="FU29" s="103">
        <v>640577</v>
      </c>
      <c r="FV29" s="106">
        <v>805007</v>
      </c>
      <c r="FW29" s="105">
        <v>29918</v>
      </c>
      <c r="FX29" s="104">
        <v>36246</v>
      </c>
      <c r="FY29" s="102">
        <v>66164</v>
      </c>
      <c r="FZ29" s="101">
        <v>0</v>
      </c>
      <c r="GA29" s="104">
        <v>45990</v>
      </c>
      <c r="GB29" s="104">
        <v>179095</v>
      </c>
      <c r="GC29" s="104">
        <v>105917</v>
      </c>
      <c r="GD29" s="104">
        <v>117999</v>
      </c>
      <c r="GE29" s="104">
        <v>124376</v>
      </c>
      <c r="GF29" s="103">
        <v>573377</v>
      </c>
      <c r="GG29" s="296">
        <v>639541</v>
      </c>
      <c r="GH29" s="105">
        <v>0</v>
      </c>
      <c r="GI29" s="104">
        <v>0</v>
      </c>
      <c r="GJ29" s="102">
        <v>0</v>
      </c>
      <c r="GK29" s="101">
        <v>0</v>
      </c>
      <c r="GL29" s="104">
        <v>0</v>
      </c>
      <c r="GM29" s="104">
        <v>0</v>
      </c>
      <c r="GN29" s="104">
        <v>0</v>
      </c>
      <c r="GO29" s="104">
        <v>0</v>
      </c>
      <c r="GP29" s="104">
        <v>0</v>
      </c>
      <c r="GQ29" s="103">
        <v>0</v>
      </c>
      <c r="GR29" s="106">
        <v>0</v>
      </c>
      <c r="GS29" s="100">
        <v>35266</v>
      </c>
      <c r="GT29" s="104">
        <v>63000</v>
      </c>
      <c r="GU29" s="103">
        <v>98266</v>
      </c>
      <c r="GV29" s="100">
        <v>0</v>
      </c>
      <c r="GW29" s="104">
        <v>67200</v>
      </c>
      <c r="GX29" s="104">
        <v>0</v>
      </c>
      <c r="GY29" s="104">
        <v>0</v>
      </c>
      <c r="GZ29" s="104">
        <v>0</v>
      </c>
      <c r="HA29" s="104">
        <v>0</v>
      </c>
      <c r="HB29" s="102">
        <v>67200</v>
      </c>
      <c r="HC29" s="106">
        <v>165466</v>
      </c>
      <c r="HD29" s="100">
        <v>94686</v>
      </c>
      <c r="HE29" s="104">
        <v>158451</v>
      </c>
      <c r="HF29" s="102">
        <v>253137</v>
      </c>
      <c r="HG29" s="101">
        <v>0</v>
      </c>
      <c r="HH29" s="104">
        <v>1054136</v>
      </c>
      <c r="HI29" s="104">
        <v>1035446</v>
      </c>
      <c r="HJ29" s="104">
        <v>535091</v>
      </c>
      <c r="HK29" s="104">
        <v>949857</v>
      </c>
      <c r="HL29" s="104">
        <v>634656</v>
      </c>
      <c r="HM29" s="103">
        <v>4209186</v>
      </c>
      <c r="HN29" s="99">
        <v>4462323</v>
      </c>
      <c r="HO29" s="306"/>
      <c r="HP29" s="307"/>
      <c r="HQ29" s="308"/>
      <c r="HR29" s="309"/>
      <c r="HS29" s="307"/>
      <c r="HT29" s="307"/>
      <c r="HU29" s="307"/>
      <c r="HV29" s="307"/>
      <c r="HW29" s="307"/>
      <c r="HX29" s="310"/>
      <c r="HY29" s="311"/>
      <c r="HZ29" s="118">
        <v>0</v>
      </c>
      <c r="IA29" s="119">
        <v>0</v>
      </c>
      <c r="IB29" s="120">
        <v>0</v>
      </c>
      <c r="IC29" s="133">
        <v>0</v>
      </c>
      <c r="ID29" s="119">
        <v>274319</v>
      </c>
      <c r="IE29" s="134">
        <v>42250</v>
      </c>
      <c r="IF29" s="120">
        <v>904776</v>
      </c>
      <c r="IG29" s="119">
        <v>295122</v>
      </c>
      <c r="IH29" s="120">
        <v>359453</v>
      </c>
      <c r="II29" s="135">
        <v>1875920</v>
      </c>
      <c r="IJ29" s="126">
        <v>1875920</v>
      </c>
      <c r="IK29" s="219">
        <v>0</v>
      </c>
      <c r="IL29" s="223">
        <v>0</v>
      </c>
      <c r="IM29" s="224">
        <v>0</v>
      </c>
      <c r="IN29" s="127"/>
      <c r="IO29" s="109">
        <v>0</v>
      </c>
      <c r="IP29" s="109">
        <v>0</v>
      </c>
      <c r="IQ29" s="109">
        <v>137411</v>
      </c>
      <c r="IR29" s="109">
        <v>189329</v>
      </c>
      <c r="IS29" s="109">
        <v>0</v>
      </c>
      <c r="IT29" s="128">
        <v>326740</v>
      </c>
      <c r="IU29" s="298">
        <v>326740</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0</v>
      </c>
      <c r="JL29" s="109">
        <v>0</v>
      </c>
      <c r="JM29" s="109">
        <v>0</v>
      </c>
      <c r="JN29" s="109">
        <v>105793</v>
      </c>
      <c r="JO29" s="109">
        <v>0</v>
      </c>
      <c r="JP29" s="110">
        <v>105793</v>
      </c>
      <c r="JQ29" s="298">
        <v>105793</v>
      </c>
      <c r="JR29" s="129">
        <v>0</v>
      </c>
      <c r="JS29" s="109">
        <v>0</v>
      </c>
      <c r="JT29" s="128">
        <v>0</v>
      </c>
      <c r="JU29" s="108">
        <v>0</v>
      </c>
      <c r="JV29" s="109">
        <v>0</v>
      </c>
      <c r="JW29" s="109">
        <v>42250</v>
      </c>
      <c r="JX29" s="109">
        <v>160310</v>
      </c>
      <c r="JY29" s="109">
        <v>0</v>
      </c>
      <c r="JZ29" s="109">
        <v>139254</v>
      </c>
      <c r="KA29" s="110">
        <v>341814</v>
      </c>
      <c r="KB29" s="298">
        <v>341814</v>
      </c>
      <c r="KC29" s="221">
        <v>0</v>
      </c>
      <c r="KD29" s="217">
        <v>0</v>
      </c>
      <c r="KE29" s="110">
        <v>0</v>
      </c>
      <c r="KF29" s="108">
        <v>0</v>
      </c>
      <c r="KG29" s="109">
        <v>274319</v>
      </c>
      <c r="KH29" s="109">
        <v>0</v>
      </c>
      <c r="KI29" s="109">
        <v>179039</v>
      </c>
      <c r="KJ29" s="109">
        <v>0</v>
      </c>
      <c r="KK29" s="109">
        <v>0</v>
      </c>
      <c r="KL29" s="110">
        <v>453358</v>
      </c>
      <c r="KM29" s="130">
        <v>453358</v>
      </c>
      <c r="KN29" s="219">
        <v>0</v>
      </c>
      <c r="KO29" s="223">
        <v>0</v>
      </c>
      <c r="KP29" s="224">
        <v>0</v>
      </c>
      <c r="KQ29" s="127"/>
      <c r="KR29" s="109">
        <v>0</v>
      </c>
      <c r="KS29" s="109">
        <v>0</v>
      </c>
      <c r="KT29" s="109">
        <v>428016</v>
      </c>
      <c r="KU29" s="109">
        <v>0</v>
      </c>
      <c r="KV29" s="109">
        <v>220199</v>
      </c>
      <c r="KW29" s="110">
        <v>648215</v>
      </c>
      <c r="KX29" s="298">
        <v>648215</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0</v>
      </c>
      <c r="MK29" s="109">
        <v>0</v>
      </c>
      <c r="ML29" s="109">
        <v>217315</v>
      </c>
      <c r="MM29" s="109">
        <v>698173</v>
      </c>
      <c r="MN29" s="109">
        <v>0</v>
      </c>
      <c r="MO29" s="110">
        <v>915488</v>
      </c>
      <c r="MP29" s="130">
        <v>915488</v>
      </c>
      <c r="MQ29" s="129">
        <v>0</v>
      </c>
      <c r="MR29" s="109">
        <v>0</v>
      </c>
      <c r="MS29" s="110">
        <v>0</v>
      </c>
      <c r="MT29" s="132"/>
      <c r="MU29" s="109">
        <v>0</v>
      </c>
      <c r="MV29" s="109">
        <v>0</v>
      </c>
      <c r="MW29" s="109">
        <v>217315</v>
      </c>
      <c r="MX29" s="109">
        <v>698173</v>
      </c>
      <c r="MY29" s="109">
        <v>0</v>
      </c>
      <c r="MZ29" s="110">
        <v>915488</v>
      </c>
      <c r="NA29" s="130">
        <v>915488</v>
      </c>
      <c r="NB29" s="129">
        <v>0</v>
      </c>
      <c r="NC29" s="109">
        <v>0</v>
      </c>
      <c r="ND29" s="110">
        <v>0</v>
      </c>
      <c r="NE29" s="132"/>
      <c r="NF29" s="109">
        <v>0</v>
      </c>
      <c r="NG29" s="109">
        <v>0</v>
      </c>
      <c r="NH29" s="109">
        <v>0</v>
      </c>
      <c r="NI29" s="109">
        <v>0</v>
      </c>
      <c r="NJ29" s="109">
        <v>0</v>
      </c>
      <c r="NK29" s="110">
        <v>0</v>
      </c>
      <c r="NL29" s="298">
        <v>0</v>
      </c>
      <c r="NM29" s="129">
        <v>0</v>
      </c>
      <c r="NN29" s="109">
        <v>0</v>
      </c>
      <c r="NO29" s="110">
        <v>0</v>
      </c>
      <c r="NP29" s="132">
        <v>0</v>
      </c>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227619</v>
      </c>
      <c r="OJ29" s="109">
        <v>569005</v>
      </c>
      <c r="OK29" s="128">
        <v>796624</v>
      </c>
      <c r="OL29" s="108">
        <v>0</v>
      </c>
      <c r="OM29" s="109">
        <v>2501321</v>
      </c>
      <c r="ON29" s="109">
        <v>2307927</v>
      </c>
      <c r="OO29" s="109">
        <v>2666718</v>
      </c>
      <c r="OP29" s="109">
        <v>3015203</v>
      </c>
      <c r="OQ29" s="109">
        <v>2031966</v>
      </c>
      <c r="OR29" s="110">
        <v>12523135</v>
      </c>
      <c r="OS29" s="130">
        <v>13319759</v>
      </c>
    </row>
    <row r="30" spans="2:409" ht="21" customHeight="1" x14ac:dyDescent="0.2">
      <c r="B30" s="472" t="s">
        <v>25</v>
      </c>
      <c r="C30" s="100">
        <v>62755</v>
      </c>
      <c r="D30" s="104">
        <v>122301</v>
      </c>
      <c r="E30" s="103">
        <v>185056</v>
      </c>
      <c r="F30" s="99">
        <v>0</v>
      </c>
      <c r="G30" s="104">
        <v>512994</v>
      </c>
      <c r="H30" s="104">
        <v>938075</v>
      </c>
      <c r="I30" s="104">
        <v>520635</v>
      </c>
      <c r="J30" s="104">
        <v>377792</v>
      </c>
      <c r="K30" s="104">
        <v>1004044</v>
      </c>
      <c r="L30" s="160">
        <v>3353540</v>
      </c>
      <c r="M30" s="106">
        <v>3538596</v>
      </c>
      <c r="N30" s="100">
        <v>52717</v>
      </c>
      <c r="O30" s="104">
        <v>60982</v>
      </c>
      <c r="P30" s="103">
        <v>113699</v>
      </c>
      <c r="Q30" s="100">
        <v>0</v>
      </c>
      <c r="R30" s="104">
        <v>222965</v>
      </c>
      <c r="S30" s="104">
        <v>303625</v>
      </c>
      <c r="T30" s="104">
        <v>42095</v>
      </c>
      <c r="U30" s="104">
        <v>40901</v>
      </c>
      <c r="V30" s="104">
        <v>224285</v>
      </c>
      <c r="W30" s="103">
        <v>833871</v>
      </c>
      <c r="X30" s="106">
        <v>947570</v>
      </c>
      <c r="Y30" s="100">
        <v>0</v>
      </c>
      <c r="Z30" s="104">
        <v>0</v>
      </c>
      <c r="AA30" s="103">
        <v>0</v>
      </c>
      <c r="AB30" s="100">
        <v>0</v>
      </c>
      <c r="AC30" s="104">
        <v>85234</v>
      </c>
      <c r="AD30" s="104">
        <v>102641</v>
      </c>
      <c r="AE30" s="104">
        <v>28543</v>
      </c>
      <c r="AF30" s="104">
        <v>17983</v>
      </c>
      <c r="AG30" s="104">
        <v>0</v>
      </c>
      <c r="AH30" s="103">
        <v>234401</v>
      </c>
      <c r="AI30" s="106">
        <v>234401</v>
      </c>
      <c r="AJ30" s="100">
        <v>0</v>
      </c>
      <c r="AK30" s="104">
        <v>0</v>
      </c>
      <c r="AL30" s="103">
        <v>0</v>
      </c>
      <c r="AM30" s="100">
        <v>0</v>
      </c>
      <c r="AN30" s="104">
        <v>0</v>
      </c>
      <c r="AO30" s="104">
        <v>51149</v>
      </c>
      <c r="AP30" s="104">
        <v>0</v>
      </c>
      <c r="AQ30" s="104">
        <v>0</v>
      </c>
      <c r="AR30" s="104">
        <v>71611</v>
      </c>
      <c r="AS30" s="103">
        <v>122760</v>
      </c>
      <c r="AT30" s="106">
        <v>122760</v>
      </c>
      <c r="AU30" s="100">
        <v>21525</v>
      </c>
      <c r="AV30" s="104">
        <v>57356</v>
      </c>
      <c r="AW30" s="103">
        <v>78881</v>
      </c>
      <c r="AX30" s="100">
        <v>0</v>
      </c>
      <c r="AY30" s="104">
        <v>118334</v>
      </c>
      <c r="AZ30" s="104">
        <v>143850</v>
      </c>
      <c r="BA30" s="104">
        <v>0</v>
      </c>
      <c r="BB30" s="104">
        <v>0</v>
      </c>
      <c r="BC30" s="104">
        <v>87714</v>
      </c>
      <c r="BD30" s="103">
        <v>349898</v>
      </c>
      <c r="BE30" s="106">
        <v>428779</v>
      </c>
      <c r="BF30" s="100">
        <v>0</v>
      </c>
      <c r="BG30" s="104">
        <v>0</v>
      </c>
      <c r="BH30" s="102">
        <v>0</v>
      </c>
      <c r="BI30" s="101">
        <v>0</v>
      </c>
      <c r="BJ30" s="104">
        <v>0</v>
      </c>
      <c r="BK30" s="104">
        <v>0</v>
      </c>
      <c r="BL30" s="104">
        <v>0</v>
      </c>
      <c r="BM30" s="104">
        <v>0</v>
      </c>
      <c r="BN30" s="104">
        <v>0</v>
      </c>
      <c r="BO30" s="103">
        <v>0</v>
      </c>
      <c r="BP30" s="106">
        <v>0</v>
      </c>
      <c r="BQ30" s="100">
        <v>31192</v>
      </c>
      <c r="BR30" s="104">
        <v>3626</v>
      </c>
      <c r="BS30" s="103">
        <v>34818</v>
      </c>
      <c r="BT30" s="100">
        <v>0</v>
      </c>
      <c r="BU30" s="104">
        <v>19397</v>
      </c>
      <c r="BV30" s="104">
        <v>5985</v>
      </c>
      <c r="BW30" s="104">
        <v>13552</v>
      </c>
      <c r="BX30" s="104">
        <v>22918</v>
      </c>
      <c r="BY30" s="104">
        <v>64960</v>
      </c>
      <c r="BZ30" s="103">
        <v>126812</v>
      </c>
      <c r="CA30" s="106">
        <v>161630</v>
      </c>
      <c r="CB30" s="100">
        <v>0</v>
      </c>
      <c r="CC30" s="104">
        <v>31877</v>
      </c>
      <c r="CD30" s="103">
        <v>31877</v>
      </c>
      <c r="CE30" s="100">
        <v>0</v>
      </c>
      <c r="CF30" s="104">
        <v>127950</v>
      </c>
      <c r="CG30" s="104">
        <v>352338</v>
      </c>
      <c r="CH30" s="104">
        <v>270540</v>
      </c>
      <c r="CI30" s="104">
        <v>50436</v>
      </c>
      <c r="CJ30" s="104">
        <v>81692</v>
      </c>
      <c r="CK30" s="103">
        <v>882956</v>
      </c>
      <c r="CL30" s="106">
        <v>914833</v>
      </c>
      <c r="CM30" s="100">
        <v>0</v>
      </c>
      <c r="CN30" s="104">
        <v>0</v>
      </c>
      <c r="CO30" s="103">
        <v>0</v>
      </c>
      <c r="CP30" s="101">
        <v>0</v>
      </c>
      <c r="CQ30" s="104">
        <v>127950</v>
      </c>
      <c r="CR30" s="104">
        <v>180919</v>
      </c>
      <c r="CS30" s="104">
        <v>193626</v>
      </c>
      <c r="CT30" s="104">
        <v>50436</v>
      </c>
      <c r="CU30" s="104">
        <v>0</v>
      </c>
      <c r="CV30" s="103">
        <v>552931</v>
      </c>
      <c r="CW30" s="106">
        <v>552931</v>
      </c>
      <c r="CX30" s="100">
        <v>0</v>
      </c>
      <c r="CY30" s="104">
        <v>31877</v>
      </c>
      <c r="CZ30" s="103">
        <v>31877</v>
      </c>
      <c r="DA30" s="100">
        <v>0</v>
      </c>
      <c r="DB30" s="104">
        <v>0</v>
      </c>
      <c r="DC30" s="104">
        <v>171419</v>
      </c>
      <c r="DD30" s="104">
        <v>76914</v>
      </c>
      <c r="DE30" s="104">
        <v>0</v>
      </c>
      <c r="DF30" s="104">
        <v>81692</v>
      </c>
      <c r="DG30" s="103">
        <v>330025</v>
      </c>
      <c r="DH30" s="106">
        <v>361902</v>
      </c>
      <c r="DI30" s="100">
        <v>0</v>
      </c>
      <c r="DJ30" s="104">
        <v>0</v>
      </c>
      <c r="DK30" s="102">
        <v>0</v>
      </c>
      <c r="DL30" s="101">
        <v>0</v>
      </c>
      <c r="DM30" s="104">
        <v>46960</v>
      </c>
      <c r="DN30" s="104">
        <v>16328</v>
      </c>
      <c r="DO30" s="104">
        <v>0</v>
      </c>
      <c r="DP30" s="104">
        <v>27346</v>
      </c>
      <c r="DQ30" s="104">
        <v>0</v>
      </c>
      <c r="DR30" s="103">
        <v>90634</v>
      </c>
      <c r="DS30" s="106">
        <v>90634</v>
      </c>
      <c r="DT30" s="100">
        <v>0</v>
      </c>
      <c r="DU30" s="104">
        <v>0</v>
      </c>
      <c r="DV30" s="103">
        <v>0</v>
      </c>
      <c r="DW30" s="100">
        <v>0</v>
      </c>
      <c r="DX30" s="104">
        <v>46960</v>
      </c>
      <c r="DY30" s="104">
        <v>16328</v>
      </c>
      <c r="DZ30" s="104">
        <v>0</v>
      </c>
      <c r="EA30" s="104">
        <v>27346</v>
      </c>
      <c r="EB30" s="104">
        <v>0</v>
      </c>
      <c r="EC30" s="103">
        <v>90634</v>
      </c>
      <c r="ED30" s="106">
        <v>90634</v>
      </c>
      <c r="EE30" s="100">
        <v>0</v>
      </c>
      <c r="EF30" s="102">
        <v>0</v>
      </c>
      <c r="EG30" s="103">
        <v>0</v>
      </c>
      <c r="EH30" s="100">
        <v>0</v>
      </c>
      <c r="EI30" s="104">
        <v>0</v>
      </c>
      <c r="EJ30" s="104">
        <v>0</v>
      </c>
      <c r="EK30" s="104">
        <v>0</v>
      </c>
      <c r="EL30" s="104">
        <v>0</v>
      </c>
      <c r="EM30" s="104">
        <v>0</v>
      </c>
      <c r="EN30" s="102">
        <v>0</v>
      </c>
      <c r="EO30" s="106">
        <v>0</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10038</v>
      </c>
      <c r="FM30" s="104">
        <v>29442</v>
      </c>
      <c r="FN30" s="103">
        <v>39480</v>
      </c>
      <c r="FO30" s="100">
        <v>0</v>
      </c>
      <c r="FP30" s="104">
        <v>66570</v>
      </c>
      <c r="FQ30" s="104">
        <v>100772</v>
      </c>
      <c r="FR30" s="104">
        <v>33824</v>
      </c>
      <c r="FS30" s="104">
        <v>21504</v>
      </c>
      <c r="FT30" s="104">
        <v>77728</v>
      </c>
      <c r="FU30" s="103">
        <v>300398</v>
      </c>
      <c r="FV30" s="106">
        <v>339878</v>
      </c>
      <c r="FW30" s="105">
        <v>10038</v>
      </c>
      <c r="FX30" s="104">
        <v>29442</v>
      </c>
      <c r="FY30" s="102">
        <v>39480</v>
      </c>
      <c r="FZ30" s="101">
        <v>0</v>
      </c>
      <c r="GA30" s="104">
        <v>66570</v>
      </c>
      <c r="GB30" s="104">
        <v>100772</v>
      </c>
      <c r="GC30" s="104">
        <v>33824</v>
      </c>
      <c r="GD30" s="104">
        <v>21504</v>
      </c>
      <c r="GE30" s="104">
        <v>53473</v>
      </c>
      <c r="GF30" s="103">
        <v>276143</v>
      </c>
      <c r="GG30" s="296">
        <v>315623</v>
      </c>
      <c r="GH30" s="105">
        <v>0</v>
      </c>
      <c r="GI30" s="104">
        <v>0</v>
      </c>
      <c r="GJ30" s="102">
        <v>0</v>
      </c>
      <c r="GK30" s="101">
        <v>0</v>
      </c>
      <c r="GL30" s="104">
        <v>0</v>
      </c>
      <c r="GM30" s="104">
        <v>0</v>
      </c>
      <c r="GN30" s="104">
        <v>0</v>
      </c>
      <c r="GO30" s="104">
        <v>0</v>
      </c>
      <c r="GP30" s="104">
        <v>24255</v>
      </c>
      <c r="GQ30" s="103">
        <v>24255</v>
      </c>
      <c r="GR30" s="106">
        <v>24255</v>
      </c>
      <c r="GS30" s="100">
        <v>0</v>
      </c>
      <c r="GT30" s="104">
        <v>0</v>
      </c>
      <c r="GU30" s="103">
        <v>0</v>
      </c>
      <c r="GV30" s="100">
        <v>0</v>
      </c>
      <c r="GW30" s="104">
        <v>0</v>
      </c>
      <c r="GX30" s="104">
        <v>0</v>
      </c>
      <c r="GY30" s="104">
        <v>0</v>
      </c>
      <c r="GZ30" s="104">
        <v>0</v>
      </c>
      <c r="HA30" s="104">
        <v>0</v>
      </c>
      <c r="HB30" s="102">
        <v>0</v>
      </c>
      <c r="HC30" s="106">
        <v>0</v>
      </c>
      <c r="HD30" s="100">
        <v>0</v>
      </c>
      <c r="HE30" s="104">
        <v>0</v>
      </c>
      <c r="HF30" s="102">
        <v>0</v>
      </c>
      <c r="HG30" s="101">
        <v>0</v>
      </c>
      <c r="HH30" s="104">
        <v>48549</v>
      </c>
      <c r="HI30" s="104">
        <v>165012</v>
      </c>
      <c r="HJ30" s="104">
        <v>174176</v>
      </c>
      <c r="HK30" s="104">
        <v>237605</v>
      </c>
      <c r="HL30" s="104">
        <v>620339</v>
      </c>
      <c r="HM30" s="103">
        <v>1245681</v>
      </c>
      <c r="HN30" s="99">
        <v>1245681</v>
      </c>
      <c r="HO30" s="306"/>
      <c r="HP30" s="307"/>
      <c r="HQ30" s="308"/>
      <c r="HR30" s="309"/>
      <c r="HS30" s="307"/>
      <c r="HT30" s="307"/>
      <c r="HU30" s="307"/>
      <c r="HV30" s="307"/>
      <c r="HW30" s="307"/>
      <c r="HX30" s="310"/>
      <c r="HY30" s="311"/>
      <c r="HZ30" s="137">
        <v>0</v>
      </c>
      <c r="IA30" s="122">
        <v>0</v>
      </c>
      <c r="IB30" s="137">
        <v>0</v>
      </c>
      <c r="IC30" s="121">
        <v>0</v>
      </c>
      <c r="ID30" s="122">
        <v>352528</v>
      </c>
      <c r="IE30" s="123">
        <v>51898</v>
      </c>
      <c r="IF30" s="124">
        <v>0</v>
      </c>
      <c r="IG30" s="122">
        <v>0</v>
      </c>
      <c r="IH30" s="124">
        <v>0</v>
      </c>
      <c r="II30" s="125">
        <v>404426</v>
      </c>
      <c r="IJ30" s="137">
        <v>404426</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153246</v>
      </c>
      <c r="JL30" s="109">
        <v>51898</v>
      </c>
      <c r="JM30" s="109">
        <v>0</v>
      </c>
      <c r="JN30" s="109">
        <v>0</v>
      </c>
      <c r="JO30" s="109">
        <v>0</v>
      </c>
      <c r="JP30" s="110">
        <v>205144</v>
      </c>
      <c r="JQ30" s="298">
        <v>205144</v>
      </c>
      <c r="JR30" s="129">
        <v>0</v>
      </c>
      <c r="JS30" s="109">
        <v>0</v>
      </c>
      <c r="JT30" s="128">
        <v>0</v>
      </c>
      <c r="JU30" s="108">
        <v>0</v>
      </c>
      <c r="JV30" s="109">
        <v>0</v>
      </c>
      <c r="JW30" s="109">
        <v>0</v>
      </c>
      <c r="JX30" s="109">
        <v>0</v>
      </c>
      <c r="JY30" s="109">
        <v>0</v>
      </c>
      <c r="JZ30" s="109">
        <v>0</v>
      </c>
      <c r="KA30" s="110">
        <v>0</v>
      </c>
      <c r="KB30" s="298">
        <v>0</v>
      </c>
      <c r="KC30" s="221">
        <v>0</v>
      </c>
      <c r="KD30" s="217">
        <v>0</v>
      </c>
      <c r="KE30" s="110">
        <v>0</v>
      </c>
      <c r="KF30" s="108">
        <v>0</v>
      </c>
      <c r="KG30" s="109">
        <v>0</v>
      </c>
      <c r="KH30" s="109">
        <v>0</v>
      </c>
      <c r="KI30" s="109">
        <v>0</v>
      </c>
      <c r="KJ30" s="109">
        <v>0</v>
      </c>
      <c r="KK30" s="109">
        <v>0</v>
      </c>
      <c r="KL30" s="110">
        <v>0</v>
      </c>
      <c r="KM30" s="130">
        <v>0</v>
      </c>
      <c r="KN30" s="219">
        <v>0</v>
      </c>
      <c r="KO30" s="223">
        <v>0</v>
      </c>
      <c r="KP30" s="224">
        <v>0</v>
      </c>
      <c r="KQ30" s="127"/>
      <c r="KR30" s="109">
        <v>199282</v>
      </c>
      <c r="KS30" s="109">
        <v>0</v>
      </c>
      <c r="KT30" s="109">
        <v>0</v>
      </c>
      <c r="KU30" s="109">
        <v>0</v>
      </c>
      <c r="KV30" s="109">
        <v>0</v>
      </c>
      <c r="KW30" s="110">
        <v>199282</v>
      </c>
      <c r="KX30" s="298">
        <v>199282</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468085</v>
      </c>
      <c r="MK30" s="109">
        <v>612877</v>
      </c>
      <c r="ML30" s="109">
        <v>400188</v>
      </c>
      <c r="MM30" s="109">
        <v>775503</v>
      </c>
      <c r="MN30" s="109">
        <v>370218</v>
      </c>
      <c r="MO30" s="110">
        <v>2626871</v>
      </c>
      <c r="MP30" s="130">
        <v>2626871</v>
      </c>
      <c r="MQ30" s="129">
        <v>0</v>
      </c>
      <c r="MR30" s="109">
        <v>0</v>
      </c>
      <c r="MS30" s="110">
        <v>0</v>
      </c>
      <c r="MT30" s="132"/>
      <c r="MU30" s="109">
        <v>0</v>
      </c>
      <c r="MV30" s="109">
        <v>0</v>
      </c>
      <c r="MW30" s="109">
        <v>400188</v>
      </c>
      <c r="MX30" s="109">
        <v>220525</v>
      </c>
      <c r="MY30" s="109">
        <v>370218</v>
      </c>
      <c r="MZ30" s="110">
        <v>990931</v>
      </c>
      <c r="NA30" s="130">
        <v>990931</v>
      </c>
      <c r="NB30" s="129">
        <v>0</v>
      </c>
      <c r="NC30" s="109">
        <v>0</v>
      </c>
      <c r="ND30" s="110">
        <v>0</v>
      </c>
      <c r="NE30" s="132"/>
      <c r="NF30" s="109">
        <v>468085</v>
      </c>
      <c r="NG30" s="109">
        <v>612877</v>
      </c>
      <c r="NH30" s="109">
        <v>0</v>
      </c>
      <c r="NI30" s="109">
        <v>554978</v>
      </c>
      <c r="NJ30" s="109">
        <v>0</v>
      </c>
      <c r="NK30" s="110">
        <v>1635940</v>
      </c>
      <c r="NL30" s="298">
        <v>1635940</v>
      </c>
      <c r="NM30" s="129">
        <v>0</v>
      </c>
      <c r="NN30" s="109">
        <v>0</v>
      </c>
      <c r="NO30" s="110">
        <v>0</v>
      </c>
      <c r="NP30" s="132">
        <v>0</v>
      </c>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0</v>
      </c>
      <c r="OG30" s="110">
        <v>0</v>
      </c>
      <c r="OH30" s="111">
        <v>0</v>
      </c>
      <c r="OI30" s="129">
        <v>62755</v>
      </c>
      <c r="OJ30" s="109">
        <v>122301</v>
      </c>
      <c r="OK30" s="128">
        <v>185056</v>
      </c>
      <c r="OL30" s="108">
        <v>0</v>
      </c>
      <c r="OM30" s="109">
        <v>1333607</v>
      </c>
      <c r="ON30" s="109">
        <v>1602850</v>
      </c>
      <c r="OO30" s="109">
        <v>920823</v>
      </c>
      <c r="OP30" s="109">
        <v>1153295</v>
      </c>
      <c r="OQ30" s="109">
        <v>1374262</v>
      </c>
      <c r="OR30" s="110">
        <v>6384837</v>
      </c>
      <c r="OS30" s="130">
        <v>6569893</v>
      </c>
    </row>
    <row r="31" spans="2:409" ht="21" customHeight="1" x14ac:dyDescent="0.2">
      <c r="B31" s="472" t="s">
        <v>26</v>
      </c>
      <c r="C31" s="100">
        <v>140710</v>
      </c>
      <c r="D31" s="104">
        <v>177396</v>
      </c>
      <c r="E31" s="103">
        <v>318106</v>
      </c>
      <c r="F31" s="99">
        <v>0</v>
      </c>
      <c r="G31" s="104">
        <v>1225708</v>
      </c>
      <c r="H31" s="104">
        <v>1671283</v>
      </c>
      <c r="I31" s="104">
        <v>463706</v>
      </c>
      <c r="J31" s="104">
        <v>682706</v>
      </c>
      <c r="K31" s="104">
        <v>1567604</v>
      </c>
      <c r="L31" s="160">
        <v>5611007</v>
      </c>
      <c r="M31" s="106">
        <v>5929113</v>
      </c>
      <c r="N31" s="100">
        <v>45514</v>
      </c>
      <c r="O31" s="104">
        <v>82500</v>
      </c>
      <c r="P31" s="103">
        <v>128014</v>
      </c>
      <c r="Q31" s="100">
        <v>0</v>
      </c>
      <c r="R31" s="104">
        <v>280822</v>
      </c>
      <c r="S31" s="104">
        <v>526114</v>
      </c>
      <c r="T31" s="104">
        <v>89855</v>
      </c>
      <c r="U31" s="104">
        <v>357422</v>
      </c>
      <c r="V31" s="104">
        <v>1194380</v>
      </c>
      <c r="W31" s="103">
        <v>2448593</v>
      </c>
      <c r="X31" s="106">
        <v>2576607</v>
      </c>
      <c r="Y31" s="100">
        <v>0</v>
      </c>
      <c r="Z31" s="104">
        <v>0</v>
      </c>
      <c r="AA31" s="103">
        <v>0</v>
      </c>
      <c r="AB31" s="100">
        <v>0</v>
      </c>
      <c r="AC31" s="104">
        <v>119408</v>
      </c>
      <c r="AD31" s="104">
        <v>184936</v>
      </c>
      <c r="AE31" s="104">
        <v>10632</v>
      </c>
      <c r="AF31" s="104">
        <v>130474</v>
      </c>
      <c r="AG31" s="104">
        <v>508444</v>
      </c>
      <c r="AH31" s="103">
        <v>953894</v>
      </c>
      <c r="AI31" s="106">
        <v>953894</v>
      </c>
      <c r="AJ31" s="100">
        <v>0</v>
      </c>
      <c r="AK31" s="104">
        <v>0</v>
      </c>
      <c r="AL31" s="103">
        <v>0</v>
      </c>
      <c r="AM31" s="100">
        <v>0</v>
      </c>
      <c r="AN31" s="104">
        <v>0</v>
      </c>
      <c r="AO31" s="104">
        <v>0</v>
      </c>
      <c r="AP31" s="104">
        <v>0</v>
      </c>
      <c r="AQ31" s="104">
        <v>0</v>
      </c>
      <c r="AR31" s="104">
        <v>214554</v>
      </c>
      <c r="AS31" s="103">
        <v>214554</v>
      </c>
      <c r="AT31" s="106">
        <v>214554</v>
      </c>
      <c r="AU31" s="100">
        <v>0</v>
      </c>
      <c r="AV31" s="104">
        <v>0</v>
      </c>
      <c r="AW31" s="103">
        <v>0</v>
      </c>
      <c r="AX31" s="100">
        <v>0</v>
      </c>
      <c r="AY31" s="104">
        <v>106198</v>
      </c>
      <c r="AZ31" s="104">
        <v>268441</v>
      </c>
      <c r="BA31" s="104">
        <v>34108</v>
      </c>
      <c r="BB31" s="104">
        <v>189904</v>
      </c>
      <c r="BC31" s="104">
        <v>420002</v>
      </c>
      <c r="BD31" s="103">
        <v>1018653</v>
      </c>
      <c r="BE31" s="106">
        <v>1018653</v>
      </c>
      <c r="BF31" s="100">
        <v>0</v>
      </c>
      <c r="BG31" s="104">
        <v>61108</v>
      </c>
      <c r="BH31" s="102">
        <v>61108</v>
      </c>
      <c r="BI31" s="101">
        <v>0</v>
      </c>
      <c r="BJ31" s="104">
        <v>0</v>
      </c>
      <c r="BK31" s="104">
        <v>0</v>
      </c>
      <c r="BL31" s="104">
        <v>0</v>
      </c>
      <c r="BM31" s="104">
        <v>0</v>
      </c>
      <c r="BN31" s="104">
        <v>0</v>
      </c>
      <c r="BO31" s="103">
        <v>0</v>
      </c>
      <c r="BP31" s="106">
        <v>61108</v>
      </c>
      <c r="BQ31" s="100">
        <v>45514</v>
      </c>
      <c r="BR31" s="104">
        <v>21392</v>
      </c>
      <c r="BS31" s="103">
        <v>66906</v>
      </c>
      <c r="BT31" s="100">
        <v>0</v>
      </c>
      <c r="BU31" s="104">
        <v>55216</v>
      </c>
      <c r="BV31" s="104">
        <v>72737</v>
      </c>
      <c r="BW31" s="104">
        <v>45115</v>
      </c>
      <c r="BX31" s="104">
        <v>37044</v>
      </c>
      <c r="BY31" s="104">
        <v>51380</v>
      </c>
      <c r="BZ31" s="103">
        <v>261492</v>
      </c>
      <c r="CA31" s="106">
        <v>328398</v>
      </c>
      <c r="CB31" s="100">
        <v>0</v>
      </c>
      <c r="CC31" s="104">
        <v>0</v>
      </c>
      <c r="CD31" s="103">
        <v>0</v>
      </c>
      <c r="CE31" s="100">
        <v>0</v>
      </c>
      <c r="CF31" s="104">
        <v>556130</v>
      </c>
      <c r="CG31" s="104">
        <v>208036</v>
      </c>
      <c r="CH31" s="104">
        <v>125476</v>
      </c>
      <c r="CI31" s="104">
        <v>251246</v>
      </c>
      <c r="CJ31" s="104">
        <v>0</v>
      </c>
      <c r="CK31" s="103">
        <v>1140888</v>
      </c>
      <c r="CL31" s="106">
        <v>1140888</v>
      </c>
      <c r="CM31" s="100">
        <v>0</v>
      </c>
      <c r="CN31" s="104">
        <v>0</v>
      </c>
      <c r="CO31" s="103">
        <v>0</v>
      </c>
      <c r="CP31" s="101">
        <v>0</v>
      </c>
      <c r="CQ31" s="104">
        <v>377258</v>
      </c>
      <c r="CR31" s="104">
        <v>97778</v>
      </c>
      <c r="CS31" s="104">
        <v>84354</v>
      </c>
      <c r="CT31" s="104">
        <v>251246</v>
      </c>
      <c r="CU31" s="104">
        <v>0</v>
      </c>
      <c r="CV31" s="103">
        <v>810636</v>
      </c>
      <c r="CW31" s="106">
        <v>810636</v>
      </c>
      <c r="CX31" s="100">
        <v>0</v>
      </c>
      <c r="CY31" s="104">
        <v>0</v>
      </c>
      <c r="CZ31" s="103">
        <v>0</v>
      </c>
      <c r="DA31" s="100">
        <v>0</v>
      </c>
      <c r="DB31" s="104">
        <v>178872</v>
      </c>
      <c r="DC31" s="104">
        <v>110258</v>
      </c>
      <c r="DD31" s="104">
        <v>41122</v>
      </c>
      <c r="DE31" s="104">
        <v>0</v>
      </c>
      <c r="DF31" s="104">
        <v>0</v>
      </c>
      <c r="DG31" s="103">
        <v>330252</v>
      </c>
      <c r="DH31" s="106">
        <v>330252</v>
      </c>
      <c r="DI31" s="100">
        <v>0</v>
      </c>
      <c r="DJ31" s="104">
        <v>0</v>
      </c>
      <c r="DK31" s="102">
        <v>0</v>
      </c>
      <c r="DL31" s="101">
        <v>0</v>
      </c>
      <c r="DM31" s="104">
        <v>36110</v>
      </c>
      <c r="DN31" s="104">
        <v>8101</v>
      </c>
      <c r="DO31" s="104">
        <v>60894</v>
      </c>
      <c r="DP31" s="104">
        <v>0</v>
      </c>
      <c r="DQ31" s="104">
        <v>0</v>
      </c>
      <c r="DR31" s="103">
        <v>105105</v>
      </c>
      <c r="DS31" s="106">
        <v>105105</v>
      </c>
      <c r="DT31" s="100">
        <v>0</v>
      </c>
      <c r="DU31" s="104">
        <v>0</v>
      </c>
      <c r="DV31" s="103">
        <v>0</v>
      </c>
      <c r="DW31" s="100">
        <v>0</v>
      </c>
      <c r="DX31" s="104">
        <v>36110</v>
      </c>
      <c r="DY31" s="104">
        <v>8101</v>
      </c>
      <c r="DZ31" s="104">
        <v>60894</v>
      </c>
      <c r="EA31" s="104">
        <v>0</v>
      </c>
      <c r="EB31" s="104">
        <v>0</v>
      </c>
      <c r="EC31" s="103">
        <v>105105</v>
      </c>
      <c r="ED31" s="106">
        <v>105105</v>
      </c>
      <c r="EE31" s="100">
        <v>0</v>
      </c>
      <c r="EF31" s="102">
        <v>0</v>
      </c>
      <c r="EG31" s="103">
        <v>0</v>
      </c>
      <c r="EH31" s="100">
        <v>0</v>
      </c>
      <c r="EI31" s="104">
        <v>0</v>
      </c>
      <c r="EJ31" s="104">
        <v>0</v>
      </c>
      <c r="EK31" s="104">
        <v>0</v>
      </c>
      <c r="EL31" s="104">
        <v>0</v>
      </c>
      <c r="EM31" s="104">
        <v>0</v>
      </c>
      <c r="EN31" s="102">
        <v>0</v>
      </c>
      <c r="EO31" s="106">
        <v>0</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0</v>
      </c>
      <c r="FM31" s="104">
        <v>15470</v>
      </c>
      <c r="FN31" s="103">
        <v>15470</v>
      </c>
      <c r="FO31" s="100">
        <v>0</v>
      </c>
      <c r="FP31" s="104">
        <v>79380</v>
      </c>
      <c r="FQ31" s="104">
        <v>107646</v>
      </c>
      <c r="FR31" s="104">
        <v>15862</v>
      </c>
      <c r="FS31" s="104">
        <v>61047</v>
      </c>
      <c r="FT31" s="104">
        <v>170107</v>
      </c>
      <c r="FU31" s="103">
        <v>434042</v>
      </c>
      <c r="FV31" s="106">
        <v>449512</v>
      </c>
      <c r="FW31" s="105">
        <v>0</v>
      </c>
      <c r="FX31" s="104">
        <v>15470</v>
      </c>
      <c r="FY31" s="102">
        <v>15470</v>
      </c>
      <c r="FZ31" s="101">
        <v>0</v>
      </c>
      <c r="GA31" s="104">
        <v>79380</v>
      </c>
      <c r="GB31" s="104">
        <v>107646</v>
      </c>
      <c r="GC31" s="104">
        <v>15862</v>
      </c>
      <c r="GD31" s="104">
        <v>61047</v>
      </c>
      <c r="GE31" s="104">
        <v>170107</v>
      </c>
      <c r="GF31" s="103">
        <v>434042</v>
      </c>
      <c r="GG31" s="296">
        <v>449512</v>
      </c>
      <c r="GH31" s="105">
        <v>0</v>
      </c>
      <c r="GI31" s="104">
        <v>0</v>
      </c>
      <c r="GJ31" s="102">
        <v>0</v>
      </c>
      <c r="GK31" s="101">
        <v>0</v>
      </c>
      <c r="GL31" s="104">
        <v>0</v>
      </c>
      <c r="GM31" s="104">
        <v>0</v>
      </c>
      <c r="GN31" s="104">
        <v>0</v>
      </c>
      <c r="GO31" s="104">
        <v>0</v>
      </c>
      <c r="GP31" s="104">
        <v>0</v>
      </c>
      <c r="GQ31" s="103">
        <v>0</v>
      </c>
      <c r="GR31" s="106">
        <v>0</v>
      </c>
      <c r="GS31" s="100">
        <v>0</v>
      </c>
      <c r="GT31" s="104">
        <v>0</v>
      </c>
      <c r="GU31" s="103">
        <v>0</v>
      </c>
      <c r="GV31" s="100">
        <v>0</v>
      </c>
      <c r="GW31" s="104">
        <v>0</v>
      </c>
      <c r="GX31" s="104">
        <v>0</v>
      </c>
      <c r="GY31" s="104">
        <v>0</v>
      </c>
      <c r="GZ31" s="104">
        <v>0</v>
      </c>
      <c r="HA31" s="104">
        <v>0</v>
      </c>
      <c r="HB31" s="102">
        <v>0</v>
      </c>
      <c r="HC31" s="106">
        <v>0</v>
      </c>
      <c r="HD31" s="100">
        <v>95196</v>
      </c>
      <c r="HE31" s="104">
        <v>79426</v>
      </c>
      <c r="HF31" s="102">
        <v>174622</v>
      </c>
      <c r="HG31" s="101">
        <v>0</v>
      </c>
      <c r="HH31" s="104">
        <v>273266</v>
      </c>
      <c r="HI31" s="104">
        <v>821386</v>
      </c>
      <c r="HJ31" s="104">
        <v>171619</v>
      </c>
      <c r="HK31" s="104">
        <v>12991</v>
      </c>
      <c r="HL31" s="104">
        <v>203117</v>
      </c>
      <c r="HM31" s="103">
        <v>1482379</v>
      </c>
      <c r="HN31" s="99">
        <v>1657001</v>
      </c>
      <c r="HO31" s="306"/>
      <c r="HP31" s="307"/>
      <c r="HQ31" s="308"/>
      <c r="HR31" s="309"/>
      <c r="HS31" s="307"/>
      <c r="HT31" s="307"/>
      <c r="HU31" s="307"/>
      <c r="HV31" s="307"/>
      <c r="HW31" s="307"/>
      <c r="HX31" s="310"/>
      <c r="HY31" s="311"/>
      <c r="HZ31" s="118">
        <v>0</v>
      </c>
      <c r="IA31" s="119">
        <v>0</v>
      </c>
      <c r="IB31" s="120">
        <v>0</v>
      </c>
      <c r="IC31" s="133">
        <v>0</v>
      </c>
      <c r="ID31" s="119">
        <v>236321</v>
      </c>
      <c r="IE31" s="134">
        <v>112903</v>
      </c>
      <c r="IF31" s="120">
        <v>500761</v>
      </c>
      <c r="IG31" s="119">
        <v>221133</v>
      </c>
      <c r="IH31" s="120">
        <v>27519</v>
      </c>
      <c r="II31" s="135">
        <v>1098637</v>
      </c>
      <c r="IJ31" s="126">
        <v>1098637</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75462</v>
      </c>
      <c r="JL31" s="109">
        <v>112903</v>
      </c>
      <c r="JM31" s="109">
        <v>106589</v>
      </c>
      <c r="JN31" s="109">
        <v>0</v>
      </c>
      <c r="JO31" s="109">
        <v>27519</v>
      </c>
      <c r="JP31" s="110">
        <v>322473</v>
      </c>
      <c r="JQ31" s="298">
        <v>322473</v>
      </c>
      <c r="JR31" s="129">
        <v>0</v>
      </c>
      <c r="JS31" s="109">
        <v>0</v>
      </c>
      <c r="JT31" s="128">
        <v>0</v>
      </c>
      <c r="JU31" s="108">
        <v>0</v>
      </c>
      <c r="JV31" s="109">
        <v>0</v>
      </c>
      <c r="JW31" s="109">
        <v>0</v>
      </c>
      <c r="JX31" s="109">
        <v>0</v>
      </c>
      <c r="JY31" s="109">
        <v>0</v>
      </c>
      <c r="JZ31" s="109">
        <v>0</v>
      </c>
      <c r="KA31" s="110">
        <v>0</v>
      </c>
      <c r="KB31" s="298">
        <v>0</v>
      </c>
      <c r="KC31" s="221">
        <v>0</v>
      </c>
      <c r="KD31" s="217">
        <v>0</v>
      </c>
      <c r="KE31" s="110">
        <v>0</v>
      </c>
      <c r="KF31" s="108">
        <v>0</v>
      </c>
      <c r="KG31" s="109">
        <v>160859</v>
      </c>
      <c r="KH31" s="109">
        <v>0</v>
      </c>
      <c r="KI31" s="109">
        <v>0</v>
      </c>
      <c r="KJ31" s="109">
        <v>0</v>
      </c>
      <c r="KK31" s="109">
        <v>0</v>
      </c>
      <c r="KL31" s="110">
        <v>160859</v>
      </c>
      <c r="KM31" s="130">
        <v>160859</v>
      </c>
      <c r="KN31" s="219">
        <v>0</v>
      </c>
      <c r="KO31" s="223">
        <v>0</v>
      </c>
      <c r="KP31" s="224">
        <v>0</v>
      </c>
      <c r="KQ31" s="127"/>
      <c r="KR31" s="109">
        <v>0</v>
      </c>
      <c r="KS31" s="109">
        <v>0</v>
      </c>
      <c r="KT31" s="109">
        <v>394172</v>
      </c>
      <c r="KU31" s="109">
        <v>221133</v>
      </c>
      <c r="KV31" s="109">
        <v>0</v>
      </c>
      <c r="KW31" s="110">
        <v>615305</v>
      </c>
      <c r="KX31" s="298">
        <v>615305</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0</v>
      </c>
      <c r="MK31" s="109">
        <v>662761</v>
      </c>
      <c r="ML31" s="109">
        <v>208821</v>
      </c>
      <c r="MM31" s="109">
        <v>760776</v>
      </c>
      <c r="MN31" s="109">
        <v>0</v>
      </c>
      <c r="MO31" s="110">
        <v>1632358</v>
      </c>
      <c r="MP31" s="130">
        <v>1632358</v>
      </c>
      <c r="MQ31" s="129">
        <v>0</v>
      </c>
      <c r="MR31" s="109">
        <v>0</v>
      </c>
      <c r="MS31" s="110">
        <v>0</v>
      </c>
      <c r="MT31" s="132"/>
      <c r="MU31" s="109">
        <v>0</v>
      </c>
      <c r="MV31" s="109">
        <v>0</v>
      </c>
      <c r="MW31" s="109">
        <v>208821</v>
      </c>
      <c r="MX31" s="109">
        <v>0</v>
      </c>
      <c r="MY31" s="109">
        <v>0</v>
      </c>
      <c r="MZ31" s="110">
        <v>208821</v>
      </c>
      <c r="NA31" s="130">
        <v>208821</v>
      </c>
      <c r="NB31" s="129">
        <v>0</v>
      </c>
      <c r="NC31" s="109">
        <v>0</v>
      </c>
      <c r="ND31" s="110">
        <v>0</v>
      </c>
      <c r="NE31" s="132"/>
      <c r="NF31" s="109">
        <v>0</v>
      </c>
      <c r="NG31" s="109">
        <v>662761</v>
      </c>
      <c r="NH31" s="109">
        <v>0</v>
      </c>
      <c r="NI31" s="109">
        <v>760776</v>
      </c>
      <c r="NJ31" s="109">
        <v>0</v>
      </c>
      <c r="NK31" s="110">
        <v>1423537</v>
      </c>
      <c r="NL31" s="298">
        <v>1423537</v>
      </c>
      <c r="NM31" s="129">
        <v>0</v>
      </c>
      <c r="NN31" s="109">
        <v>0</v>
      </c>
      <c r="NO31" s="110">
        <v>0</v>
      </c>
      <c r="NP31" s="132">
        <v>0</v>
      </c>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140710</v>
      </c>
      <c r="OJ31" s="109">
        <v>177396</v>
      </c>
      <c r="OK31" s="128">
        <v>318106</v>
      </c>
      <c r="OL31" s="108">
        <v>0</v>
      </c>
      <c r="OM31" s="109">
        <v>1462029</v>
      </c>
      <c r="ON31" s="109">
        <v>2446947</v>
      </c>
      <c r="OO31" s="109">
        <v>1173288</v>
      </c>
      <c r="OP31" s="109">
        <v>1664615</v>
      </c>
      <c r="OQ31" s="109">
        <v>1595123</v>
      </c>
      <c r="OR31" s="110">
        <v>8342002</v>
      </c>
      <c r="OS31" s="130">
        <v>8660108</v>
      </c>
    </row>
    <row r="32" spans="2:409" ht="21" customHeight="1" x14ac:dyDescent="0.2">
      <c r="B32" s="472" t="s">
        <v>27</v>
      </c>
      <c r="C32" s="100">
        <v>64756</v>
      </c>
      <c r="D32" s="104">
        <v>75398</v>
      </c>
      <c r="E32" s="103">
        <v>140154</v>
      </c>
      <c r="F32" s="99">
        <v>0</v>
      </c>
      <c r="G32" s="104">
        <v>690952</v>
      </c>
      <c r="H32" s="104">
        <v>842254</v>
      </c>
      <c r="I32" s="104">
        <v>1430631</v>
      </c>
      <c r="J32" s="104">
        <v>803110</v>
      </c>
      <c r="K32" s="104">
        <v>495191</v>
      </c>
      <c r="L32" s="160">
        <v>4262138</v>
      </c>
      <c r="M32" s="106">
        <v>4402292</v>
      </c>
      <c r="N32" s="100">
        <v>24551</v>
      </c>
      <c r="O32" s="104">
        <v>30458</v>
      </c>
      <c r="P32" s="103">
        <v>55009</v>
      </c>
      <c r="Q32" s="100">
        <v>0</v>
      </c>
      <c r="R32" s="104">
        <v>65545</v>
      </c>
      <c r="S32" s="104">
        <v>362928</v>
      </c>
      <c r="T32" s="104">
        <v>528668</v>
      </c>
      <c r="U32" s="104">
        <v>214598</v>
      </c>
      <c r="V32" s="104">
        <v>54166</v>
      </c>
      <c r="W32" s="103">
        <v>1225905</v>
      </c>
      <c r="X32" s="106">
        <v>1280914</v>
      </c>
      <c r="Y32" s="100">
        <v>0</v>
      </c>
      <c r="Z32" s="104">
        <v>0</v>
      </c>
      <c r="AA32" s="103">
        <v>0</v>
      </c>
      <c r="AB32" s="100">
        <v>0</v>
      </c>
      <c r="AC32" s="104">
        <v>22334</v>
      </c>
      <c r="AD32" s="104">
        <v>168560</v>
      </c>
      <c r="AE32" s="104">
        <v>334078</v>
      </c>
      <c r="AF32" s="104">
        <v>0</v>
      </c>
      <c r="AG32" s="104">
        <v>0</v>
      </c>
      <c r="AH32" s="103">
        <v>524972</v>
      </c>
      <c r="AI32" s="106">
        <v>524972</v>
      </c>
      <c r="AJ32" s="100">
        <v>0</v>
      </c>
      <c r="AK32" s="104">
        <v>0</v>
      </c>
      <c r="AL32" s="103">
        <v>0</v>
      </c>
      <c r="AM32" s="100">
        <v>0</v>
      </c>
      <c r="AN32" s="104">
        <v>0</v>
      </c>
      <c r="AO32" s="104">
        <v>0</v>
      </c>
      <c r="AP32" s="104">
        <v>0</v>
      </c>
      <c r="AQ32" s="104">
        <v>106453</v>
      </c>
      <c r="AR32" s="104">
        <v>0</v>
      </c>
      <c r="AS32" s="103">
        <v>106453</v>
      </c>
      <c r="AT32" s="106">
        <v>106453</v>
      </c>
      <c r="AU32" s="100">
        <v>24551</v>
      </c>
      <c r="AV32" s="104">
        <v>30458</v>
      </c>
      <c r="AW32" s="103">
        <v>55009</v>
      </c>
      <c r="AX32" s="100">
        <v>0</v>
      </c>
      <c r="AY32" s="104">
        <v>0</v>
      </c>
      <c r="AZ32" s="104">
        <v>185968</v>
      </c>
      <c r="BA32" s="104">
        <v>103324</v>
      </c>
      <c r="BB32" s="104">
        <v>60041</v>
      </c>
      <c r="BC32" s="104">
        <v>0</v>
      </c>
      <c r="BD32" s="103">
        <v>349333</v>
      </c>
      <c r="BE32" s="106">
        <v>404342</v>
      </c>
      <c r="BF32" s="100">
        <v>0</v>
      </c>
      <c r="BG32" s="104">
        <v>0</v>
      </c>
      <c r="BH32" s="102">
        <v>0</v>
      </c>
      <c r="BI32" s="101">
        <v>0</v>
      </c>
      <c r="BJ32" s="104">
        <v>0</v>
      </c>
      <c r="BK32" s="104">
        <v>0</v>
      </c>
      <c r="BL32" s="104">
        <v>0</v>
      </c>
      <c r="BM32" s="104">
        <v>0</v>
      </c>
      <c r="BN32" s="104">
        <v>0</v>
      </c>
      <c r="BO32" s="103">
        <v>0</v>
      </c>
      <c r="BP32" s="106">
        <v>0</v>
      </c>
      <c r="BQ32" s="100">
        <v>0</v>
      </c>
      <c r="BR32" s="104">
        <v>0</v>
      </c>
      <c r="BS32" s="103">
        <v>0</v>
      </c>
      <c r="BT32" s="100">
        <v>0</v>
      </c>
      <c r="BU32" s="104">
        <v>43211</v>
      </c>
      <c r="BV32" s="104">
        <v>8400</v>
      </c>
      <c r="BW32" s="104">
        <v>91266</v>
      </c>
      <c r="BX32" s="104">
        <v>48104</v>
      </c>
      <c r="BY32" s="104">
        <v>54166</v>
      </c>
      <c r="BZ32" s="103">
        <v>245147</v>
      </c>
      <c r="CA32" s="106">
        <v>245147</v>
      </c>
      <c r="CB32" s="100">
        <v>19205</v>
      </c>
      <c r="CC32" s="104">
        <v>0</v>
      </c>
      <c r="CD32" s="103">
        <v>19205</v>
      </c>
      <c r="CE32" s="100">
        <v>0</v>
      </c>
      <c r="CF32" s="104">
        <v>294882</v>
      </c>
      <c r="CG32" s="104">
        <v>238182</v>
      </c>
      <c r="CH32" s="104">
        <v>123767</v>
      </c>
      <c r="CI32" s="104">
        <v>82537</v>
      </c>
      <c r="CJ32" s="104">
        <v>0</v>
      </c>
      <c r="CK32" s="103">
        <v>739368</v>
      </c>
      <c r="CL32" s="106">
        <v>758573</v>
      </c>
      <c r="CM32" s="100">
        <v>0</v>
      </c>
      <c r="CN32" s="104">
        <v>0</v>
      </c>
      <c r="CO32" s="103">
        <v>0</v>
      </c>
      <c r="CP32" s="101">
        <v>0</v>
      </c>
      <c r="CQ32" s="104">
        <v>240491</v>
      </c>
      <c r="CR32" s="104">
        <v>159686</v>
      </c>
      <c r="CS32" s="104">
        <v>66202</v>
      </c>
      <c r="CT32" s="104">
        <v>82537</v>
      </c>
      <c r="CU32" s="104">
        <v>0</v>
      </c>
      <c r="CV32" s="103">
        <v>548916</v>
      </c>
      <c r="CW32" s="106">
        <v>548916</v>
      </c>
      <c r="CX32" s="100">
        <v>19205</v>
      </c>
      <c r="CY32" s="104">
        <v>0</v>
      </c>
      <c r="CZ32" s="103">
        <v>19205</v>
      </c>
      <c r="DA32" s="100">
        <v>0</v>
      </c>
      <c r="DB32" s="104">
        <v>54391</v>
      </c>
      <c r="DC32" s="104">
        <v>78496</v>
      </c>
      <c r="DD32" s="104">
        <v>57565</v>
      </c>
      <c r="DE32" s="104">
        <v>0</v>
      </c>
      <c r="DF32" s="104">
        <v>0</v>
      </c>
      <c r="DG32" s="103">
        <v>190452</v>
      </c>
      <c r="DH32" s="106">
        <v>209657</v>
      </c>
      <c r="DI32" s="100">
        <v>0</v>
      </c>
      <c r="DJ32" s="104">
        <v>0</v>
      </c>
      <c r="DK32" s="102">
        <v>0</v>
      </c>
      <c r="DL32" s="101">
        <v>0</v>
      </c>
      <c r="DM32" s="104">
        <v>40965</v>
      </c>
      <c r="DN32" s="104">
        <v>19639</v>
      </c>
      <c r="DO32" s="104">
        <v>0</v>
      </c>
      <c r="DP32" s="104">
        <v>62070</v>
      </c>
      <c r="DQ32" s="104">
        <v>0</v>
      </c>
      <c r="DR32" s="103">
        <v>122674</v>
      </c>
      <c r="DS32" s="106">
        <v>122674</v>
      </c>
      <c r="DT32" s="100">
        <v>0</v>
      </c>
      <c r="DU32" s="104">
        <v>0</v>
      </c>
      <c r="DV32" s="103">
        <v>0</v>
      </c>
      <c r="DW32" s="100">
        <v>0</v>
      </c>
      <c r="DX32" s="104">
        <v>40965</v>
      </c>
      <c r="DY32" s="104">
        <v>19639</v>
      </c>
      <c r="DZ32" s="104">
        <v>0</v>
      </c>
      <c r="EA32" s="104">
        <v>62070</v>
      </c>
      <c r="EB32" s="104">
        <v>0</v>
      </c>
      <c r="EC32" s="103">
        <v>122674</v>
      </c>
      <c r="ED32" s="106">
        <v>122674</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21000</v>
      </c>
      <c r="FM32" s="104">
        <v>44940</v>
      </c>
      <c r="FN32" s="103">
        <v>65940</v>
      </c>
      <c r="FO32" s="100">
        <v>0</v>
      </c>
      <c r="FP32" s="104">
        <v>5250</v>
      </c>
      <c r="FQ32" s="104">
        <v>63672</v>
      </c>
      <c r="FR32" s="104">
        <v>91826</v>
      </c>
      <c r="FS32" s="104">
        <v>61656</v>
      </c>
      <c r="FT32" s="104">
        <v>0</v>
      </c>
      <c r="FU32" s="103">
        <v>222404</v>
      </c>
      <c r="FV32" s="106">
        <v>288344</v>
      </c>
      <c r="FW32" s="105">
        <v>21000</v>
      </c>
      <c r="FX32" s="104">
        <v>44940</v>
      </c>
      <c r="FY32" s="102">
        <v>65940</v>
      </c>
      <c r="FZ32" s="101">
        <v>0</v>
      </c>
      <c r="GA32" s="104">
        <v>5250</v>
      </c>
      <c r="GB32" s="104">
        <v>63672</v>
      </c>
      <c r="GC32" s="104">
        <v>91826</v>
      </c>
      <c r="GD32" s="104">
        <v>44100</v>
      </c>
      <c r="GE32" s="104">
        <v>0</v>
      </c>
      <c r="GF32" s="103">
        <v>204848</v>
      </c>
      <c r="GG32" s="296">
        <v>270788</v>
      </c>
      <c r="GH32" s="105">
        <v>0</v>
      </c>
      <c r="GI32" s="104">
        <v>0</v>
      </c>
      <c r="GJ32" s="102">
        <v>0</v>
      </c>
      <c r="GK32" s="101">
        <v>0</v>
      </c>
      <c r="GL32" s="104">
        <v>0</v>
      </c>
      <c r="GM32" s="104">
        <v>0</v>
      </c>
      <c r="GN32" s="104">
        <v>0</v>
      </c>
      <c r="GO32" s="104">
        <v>17556</v>
      </c>
      <c r="GP32" s="104">
        <v>0</v>
      </c>
      <c r="GQ32" s="103">
        <v>17556</v>
      </c>
      <c r="GR32" s="106">
        <v>17556</v>
      </c>
      <c r="GS32" s="100">
        <v>0</v>
      </c>
      <c r="GT32" s="104">
        <v>0</v>
      </c>
      <c r="GU32" s="103">
        <v>0</v>
      </c>
      <c r="GV32" s="100">
        <v>0</v>
      </c>
      <c r="GW32" s="104">
        <v>0</v>
      </c>
      <c r="GX32" s="104">
        <v>0</v>
      </c>
      <c r="GY32" s="104">
        <v>0</v>
      </c>
      <c r="GZ32" s="104">
        <v>0</v>
      </c>
      <c r="HA32" s="104">
        <v>0</v>
      </c>
      <c r="HB32" s="102">
        <v>0</v>
      </c>
      <c r="HC32" s="106">
        <v>0</v>
      </c>
      <c r="HD32" s="100">
        <v>0</v>
      </c>
      <c r="HE32" s="104">
        <v>0</v>
      </c>
      <c r="HF32" s="102">
        <v>0</v>
      </c>
      <c r="HG32" s="101">
        <v>0</v>
      </c>
      <c r="HH32" s="104">
        <v>284310</v>
      </c>
      <c r="HI32" s="104">
        <v>157833</v>
      </c>
      <c r="HJ32" s="104">
        <v>686370</v>
      </c>
      <c r="HK32" s="104">
        <v>382249</v>
      </c>
      <c r="HL32" s="104">
        <v>441025</v>
      </c>
      <c r="HM32" s="103">
        <v>1951787</v>
      </c>
      <c r="HN32" s="99">
        <v>1951787</v>
      </c>
      <c r="HO32" s="306"/>
      <c r="HP32" s="307"/>
      <c r="HQ32" s="308"/>
      <c r="HR32" s="309"/>
      <c r="HS32" s="307"/>
      <c r="HT32" s="307"/>
      <c r="HU32" s="307"/>
      <c r="HV32" s="307"/>
      <c r="HW32" s="307"/>
      <c r="HX32" s="310"/>
      <c r="HY32" s="311"/>
      <c r="HZ32" s="137">
        <v>0</v>
      </c>
      <c r="IA32" s="122">
        <v>0</v>
      </c>
      <c r="IB32" s="137">
        <v>0</v>
      </c>
      <c r="IC32" s="121">
        <v>0</v>
      </c>
      <c r="ID32" s="122">
        <v>116085</v>
      </c>
      <c r="IE32" s="123">
        <v>79244</v>
      </c>
      <c r="IF32" s="124">
        <v>41174</v>
      </c>
      <c r="IG32" s="122">
        <v>0</v>
      </c>
      <c r="IH32" s="124">
        <v>0</v>
      </c>
      <c r="II32" s="125">
        <v>236503</v>
      </c>
      <c r="IJ32" s="137">
        <v>236503</v>
      </c>
      <c r="IK32" s="219">
        <v>0</v>
      </c>
      <c r="IL32" s="223">
        <v>0</v>
      </c>
      <c r="IM32" s="224">
        <v>0</v>
      </c>
      <c r="IN32" s="127"/>
      <c r="IO32" s="109">
        <v>0</v>
      </c>
      <c r="IP32" s="109">
        <v>0</v>
      </c>
      <c r="IQ32" s="109">
        <v>0</v>
      </c>
      <c r="IR32" s="109">
        <v>0</v>
      </c>
      <c r="IS32" s="109">
        <v>0</v>
      </c>
      <c r="IT32" s="128">
        <v>0</v>
      </c>
      <c r="IU32" s="298">
        <v>0</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116085</v>
      </c>
      <c r="JL32" s="109">
        <v>32148</v>
      </c>
      <c r="JM32" s="109">
        <v>0</v>
      </c>
      <c r="JN32" s="109">
        <v>0</v>
      </c>
      <c r="JO32" s="109">
        <v>0</v>
      </c>
      <c r="JP32" s="110">
        <v>148233</v>
      </c>
      <c r="JQ32" s="298">
        <v>148233</v>
      </c>
      <c r="JR32" s="129">
        <v>0</v>
      </c>
      <c r="JS32" s="109">
        <v>0</v>
      </c>
      <c r="JT32" s="128">
        <v>0</v>
      </c>
      <c r="JU32" s="108">
        <v>0</v>
      </c>
      <c r="JV32" s="109">
        <v>0</v>
      </c>
      <c r="JW32" s="109">
        <v>47096</v>
      </c>
      <c r="JX32" s="109">
        <v>41174</v>
      </c>
      <c r="JY32" s="109">
        <v>0</v>
      </c>
      <c r="JZ32" s="109">
        <v>0</v>
      </c>
      <c r="KA32" s="110">
        <v>88270</v>
      </c>
      <c r="KB32" s="298">
        <v>88270</v>
      </c>
      <c r="KC32" s="221">
        <v>0</v>
      </c>
      <c r="KD32" s="217">
        <v>0</v>
      </c>
      <c r="KE32" s="110">
        <v>0</v>
      </c>
      <c r="KF32" s="108">
        <v>0</v>
      </c>
      <c r="KG32" s="109">
        <v>0</v>
      </c>
      <c r="KH32" s="109">
        <v>0</v>
      </c>
      <c r="KI32" s="109">
        <v>0</v>
      </c>
      <c r="KJ32" s="109">
        <v>0</v>
      </c>
      <c r="KK32" s="109">
        <v>0</v>
      </c>
      <c r="KL32" s="110">
        <v>0</v>
      </c>
      <c r="KM32" s="130">
        <v>0</v>
      </c>
      <c r="KN32" s="219">
        <v>0</v>
      </c>
      <c r="KO32" s="223">
        <v>0</v>
      </c>
      <c r="KP32" s="224">
        <v>0</v>
      </c>
      <c r="KQ32" s="127"/>
      <c r="KR32" s="109">
        <v>0</v>
      </c>
      <c r="KS32" s="109">
        <v>0</v>
      </c>
      <c r="KT32" s="109">
        <v>0</v>
      </c>
      <c r="KU32" s="109">
        <v>0</v>
      </c>
      <c r="KV32" s="109">
        <v>0</v>
      </c>
      <c r="KW32" s="110">
        <v>0</v>
      </c>
      <c r="KX32" s="298">
        <v>0</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0</v>
      </c>
      <c r="LQ32" s="109">
        <v>0</v>
      </c>
      <c r="LR32" s="109">
        <v>0</v>
      </c>
      <c r="LS32" s="110">
        <v>0</v>
      </c>
      <c r="LT32" s="298">
        <v>0</v>
      </c>
      <c r="LU32" s="129">
        <v>0</v>
      </c>
      <c r="LV32" s="109">
        <v>0</v>
      </c>
      <c r="LW32" s="110">
        <v>0</v>
      </c>
      <c r="LX32" s="132"/>
      <c r="LY32" s="109">
        <v>0</v>
      </c>
      <c r="LZ32" s="109">
        <v>0</v>
      </c>
      <c r="MA32" s="109">
        <v>0</v>
      </c>
      <c r="MB32" s="109">
        <v>0</v>
      </c>
      <c r="MC32" s="109">
        <v>0</v>
      </c>
      <c r="MD32" s="110">
        <v>0</v>
      </c>
      <c r="ME32" s="111">
        <v>0</v>
      </c>
      <c r="MF32" s="129">
        <v>0</v>
      </c>
      <c r="MG32" s="109">
        <v>0</v>
      </c>
      <c r="MH32" s="110">
        <v>0</v>
      </c>
      <c r="MI32" s="132"/>
      <c r="MJ32" s="109">
        <v>179928</v>
      </c>
      <c r="MK32" s="109">
        <v>0</v>
      </c>
      <c r="ML32" s="109">
        <v>198494</v>
      </c>
      <c r="MM32" s="109">
        <v>219616</v>
      </c>
      <c r="MN32" s="109">
        <v>479266</v>
      </c>
      <c r="MO32" s="110">
        <v>1077304</v>
      </c>
      <c r="MP32" s="130">
        <v>1077304</v>
      </c>
      <c r="MQ32" s="129">
        <v>0</v>
      </c>
      <c r="MR32" s="109">
        <v>0</v>
      </c>
      <c r="MS32" s="110">
        <v>0</v>
      </c>
      <c r="MT32" s="132"/>
      <c r="MU32" s="109">
        <v>0</v>
      </c>
      <c r="MV32" s="109">
        <v>0</v>
      </c>
      <c r="MW32" s="109">
        <v>198494</v>
      </c>
      <c r="MX32" s="109">
        <v>219616</v>
      </c>
      <c r="MY32" s="109">
        <v>232376</v>
      </c>
      <c r="MZ32" s="110">
        <v>650486</v>
      </c>
      <c r="NA32" s="130">
        <v>650486</v>
      </c>
      <c r="NB32" s="129">
        <v>0</v>
      </c>
      <c r="NC32" s="109">
        <v>0</v>
      </c>
      <c r="ND32" s="110">
        <v>0</v>
      </c>
      <c r="NE32" s="132"/>
      <c r="NF32" s="109">
        <v>179928</v>
      </c>
      <c r="NG32" s="109">
        <v>0</v>
      </c>
      <c r="NH32" s="109">
        <v>0</v>
      </c>
      <c r="NI32" s="109">
        <v>0</v>
      </c>
      <c r="NJ32" s="109">
        <v>246890</v>
      </c>
      <c r="NK32" s="110">
        <v>426818</v>
      </c>
      <c r="NL32" s="298">
        <v>426818</v>
      </c>
      <c r="NM32" s="129">
        <v>0</v>
      </c>
      <c r="NN32" s="109">
        <v>0</v>
      </c>
      <c r="NO32" s="110">
        <v>0</v>
      </c>
      <c r="NP32" s="132">
        <v>0</v>
      </c>
      <c r="NQ32" s="109">
        <v>0</v>
      </c>
      <c r="NR32" s="109">
        <v>0</v>
      </c>
      <c r="NS32" s="109">
        <v>0</v>
      </c>
      <c r="NT32" s="109">
        <v>0</v>
      </c>
      <c r="NU32" s="109">
        <v>0</v>
      </c>
      <c r="NV32" s="110">
        <v>0</v>
      </c>
      <c r="NW32" s="111">
        <v>0</v>
      </c>
      <c r="NX32" s="129">
        <v>0</v>
      </c>
      <c r="NY32" s="109">
        <v>0</v>
      </c>
      <c r="NZ32" s="110">
        <v>0</v>
      </c>
      <c r="OA32" s="132"/>
      <c r="OB32" s="109">
        <v>0</v>
      </c>
      <c r="OC32" s="109">
        <v>0</v>
      </c>
      <c r="OD32" s="109">
        <v>0</v>
      </c>
      <c r="OE32" s="109">
        <v>0</v>
      </c>
      <c r="OF32" s="109">
        <v>0</v>
      </c>
      <c r="OG32" s="110">
        <v>0</v>
      </c>
      <c r="OH32" s="111">
        <v>0</v>
      </c>
      <c r="OI32" s="129">
        <v>64756</v>
      </c>
      <c r="OJ32" s="109">
        <v>75398</v>
      </c>
      <c r="OK32" s="128">
        <v>140154</v>
      </c>
      <c r="OL32" s="108">
        <v>0</v>
      </c>
      <c r="OM32" s="109">
        <v>986965</v>
      </c>
      <c r="ON32" s="109">
        <v>921498</v>
      </c>
      <c r="OO32" s="109">
        <v>1670299</v>
      </c>
      <c r="OP32" s="109">
        <v>1022726</v>
      </c>
      <c r="OQ32" s="109">
        <v>974457</v>
      </c>
      <c r="OR32" s="110">
        <v>5575945</v>
      </c>
      <c r="OS32" s="130">
        <v>5716099</v>
      </c>
    </row>
    <row r="33" spans="2:409" ht="21" customHeight="1" x14ac:dyDescent="0.2">
      <c r="B33" s="472" t="s">
        <v>28</v>
      </c>
      <c r="C33" s="100">
        <v>0</v>
      </c>
      <c r="D33" s="104">
        <v>7700</v>
      </c>
      <c r="E33" s="103">
        <v>7700</v>
      </c>
      <c r="F33" s="99">
        <v>0</v>
      </c>
      <c r="G33" s="104">
        <v>38659</v>
      </c>
      <c r="H33" s="104">
        <v>277885</v>
      </c>
      <c r="I33" s="104">
        <v>361551</v>
      </c>
      <c r="J33" s="104">
        <v>393980</v>
      </c>
      <c r="K33" s="104">
        <v>0</v>
      </c>
      <c r="L33" s="160">
        <v>1072075</v>
      </c>
      <c r="M33" s="106">
        <v>1079775</v>
      </c>
      <c r="N33" s="100">
        <v>0</v>
      </c>
      <c r="O33" s="104">
        <v>0</v>
      </c>
      <c r="P33" s="103">
        <v>0</v>
      </c>
      <c r="Q33" s="100">
        <v>0</v>
      </c>
      <c r="R33" s="104">
        <v>27242</v>
      </c>
      <c r="S33" s="104">
        <v>104297</v>
      </c>
      <c r="T33" s="104">
        <v>58233</v>
      </c>
      <c r="U33" s="104">
        <v>87836</v>
      </c>
      <c r="V33" s="104">
        <v>0</v>
      </c>
      <c r="W33" s="103">
        <v>277608</v>
      </c>
      <c r="X33" s="106">
        <v>277608</v>
      </c>
      <c r="Y33" s="100">
        <v>0</v>
      </c>
      <c r="Z33" s="104">
        <v>0</v>
      </c>
      <c r="AA33" s="103">
        <v>0</v>
      </c>
      <c r="AB33" s="100">
        <v>0</v>
      </c>
      <c r="AC33" s="104">
        <v>27242</v>
      </c>
      <c r="AD33" s="104">
        <v>43617</v>
      </c>
      <c r="AE33" s="104">
        <v>0</v>
      </c>
      <c r="AF33" s="104">
        <v>68026</v>
      </c>
      <c r="AG33" s="104">
        <v>0</v>
      </c>
      <c r="AH33" s="103">
        <v>138885</v>
      </c>
      <c r="AI33" s="106">
        <v>138885</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43530</v>
      </c>
      <c r="BA33" s="104">
        <v>29064</v>
      </c>
      <c r="BB33" s="104">
        <v>0</v>
      </c>
      <c r="BC33" s="104">
        <v>0</v>
      </c>
      <c r="BD33" s="103">
        <v>72594</v>
      </c>
      <c r="BE33" s="106">
        <v>72594</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0</v>
      </c>
      <c r="BV33" s="104">
        <v>17150</v>
      </c>
      <c r="BW33" s="104">
        <v>29169</v>
      </c>
      <c r="BX33" s="104">
        <v>19810</v>
      </c>
      <c r="BY33" s="104">
        <v>0</v>
      </c>
      <c r="BZ33" s="103">
        <v>66129</v>
      </c>
      <c r="CA33" s="106">
        <v>66129</v>
      </c>
      <c r="CB33" s="100">
        <v>0</v>
      </c>
      <c r="CC33" s="104">
        <v>0</v>
      </c>
      <c r="CD33" s="103">
        <v>0</v>
      </c>
      <c r="CE33" s="100">
        <v>0</v>
      </c>
      <c r="CF33" s="104">
        <v>11417</v>
      </c>
      <c r="CG33" s="104">
        <v>107014</v>
      </c>
      <c r="CH33" s="104">
        <v>88332</v>
      </c>
      <c r="CI33" s="104">
        <v>94283</v>
      </c>
      <c r="CJ33" s="104">
        <v>0</v>
      </c>
      <c r="CK33" s="103">
        <v>301046</v>
      </c>
      <c r="CL33" s="106">
        <v>301046</v>
      </c>
      <c r="CM33" s="100">
        <v>0</v>
      </c>
      <c r="CN33" s="104">
        <v>0</v>
      </c>
      <c r="CO33" s="103">
        <v>0</v>
      </c>
      <c r="CP33" s="101">
        <v>0</v>
      </c>
      <c r="CQ33" s="104">
        <v>11417</v>
      </c>
      <c r="CR33" s="104">
        <v>87318</v>
      </c>
      <c r="CS33" s="104">
        <v>88332</v>
      </c>
      <c r="CT33" s="104">
        <v>94283</v>
      </c>
      <c r="CU33" s="104">
        <v>0</v>
      </c>
      <c r="CV33" s="103">
        <v>281350</v>
      </c>
      <c r="CW33" s="106">
        <v>281350</v>
      </c>
      <c r="CX33" s="100">
        <v>0</v>
      </c>
      <c r="CY33" s="104">
        <v>0</v>
      </c>
      <c r="CZ33" s="103">
        <v>0</v>
      </c>
      <c r="DA33" s="100">
        <v>0</v>
      </c>
      <c r="DB33" s="104">
        <v>0</v>
      </c>
      <c r="DC33" s="104">
        <v>19696</v>
      </c>
      <c r="DD33" s="104">
        <v>0</v>
      </c>
      <c r="DE33" s="104">
        <v>0</v>
      </c>
      <c r="DF33" s="104">
        <v>0</v>
      </c>
      <c r="DG33" s="103">
        <v>19696</v>
      </c>
      <c r="DH33" s="106">
        <v>19696</v>
      </c>
      <c r="DI33" s="100">
        <v>0</v>
      </c>
      <c r="DJ33" s="104">
        <v>0</v>
      </c>
      <c r="DK33" s="102">
        <v>0</v>
      </c>
      <c r="DL33" s="101">
        <v>0</v>
      </c>
      <c r="DM33" s="104">
        <v>0</v>
      </c>
      <c r="DN33" s="104">
        <v>36068</v>
      </c>
      <c r="DO33" s="104">
        <v>48068</v>
      </c>
      <c r="DP33" s="104">
        <v>0</v>
      </c>
      <c r="DQ33" s="104">
        <v>0</v>
      </c>
      <c r="DR33" s="103">
        <v>84136</v>
      </c>
      <c r="DS33" s="106">
        <v>84136</v>
      </c>
      <c r="DT33" s="100">
        <v>0</v>
      </c>
      <c r="DU33" s="104">
        <v>0</v>
      </c>
      <c r="DV33" s="103">
        <v>0</v>
      </c>
      <c r="DW33" s="100">
        <v>0</v>
      </c>
      <c r="DX33" s="104">
        <v>0</v>
      </c>
      <c r="DY33" s="104">
        <v>36068</v>
      </c>
      <c r="DZ33" s="104">
        <v>48068</v>
      </c>
      <c r="EA33" s="104">
        <v>0</v>
      </c>
      <c r="EB33" s="104">
        <v>0</v>
      </c>
      <c r="EC33" s="103">
        <v>84136</v>
      </c>
      <c r="ED33" s="106">
        <v>84136</v>
      </c>
      <c r="EE33" s="100">
        <v>0</v>
      </c>
      <c r="EF33" s="102">
        <v>0</v>
      </c>
      <c r="EG33" s="103">
        <v>0</v>
      </c>
      <c r="EH33" s="100">
        <v>0</v>
      </c>
      <c r="EI33" s="104">
        <v>0</v>
      </c>
      <c r="EJ33" s="104">
        <v>0</v>
      </c>
      <c r="EK33" s="104">
        <v>0</v>
      </c>
      <c r="EL33" s="104">
        <v>0</v>
      </c>
      <c r="EM33" s="104">
        <v>0</v>
      </c>
      <c r="EN33" s="102">
        <v>0</v>
      </c>
      <c r="EO33" s="106">
        <v>0</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0</v>
      </c>
      <c r="FM33" s="104">
        <v>7700</v>
      </c>
      <c r="FN33" s="103">
        <v>7700</v>
      </c>
      <c r="FO33" s="100">
        <v>0</v>
      </c>
      <c r="FP33" s="104">
        <v>0</v>
      </c>
      <c r="FQ33" s="104">
        <v>30506</v>
      </c>
      <c r="FR33" s="104">
        <v>37632</v>
      </c>
      <c r="FS33" s="104">
        <v>21350</v>
      </c>
      <c r="FT33" s="104">
        <v>0</v>
      </c>
      <c r="FU33" s="103">
        <v>89488</v>
      </c>
      <c r="FV33" s="106">
        <v>97188</v>
      </c>
      <c r="FW33" s="105">
        <v>0</v>
      </c>
      <c r="FX33" s="104">
        <v>7700</v>
      </c>
      <c r="FY33" s="102">
        <v>7700</v>
      </c>
      <c r="FZ33" s="101">
        <v>0</v>
      </c>
      <c r="GA33" s="104">
        <v>0</v>
      </c>
      <c r="GB33" s="104">
        <v>30506</v>
      </c>
      <c r="GC33" s="104">
        <v>37632</v>
      </c>
      <c r="GD33" s="104">
        <v>21350</v>
      </c>
      <c r="GE33" s="104">
        <v>0</v>
      </c>
      <c r="GF33" s="103">
        <v>89488</v>
      </c>
      <c r="GG33" s="296">
        <v>97188</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0</v>
      </c>
      <c r="HI33" s="104">
        <v>0</v>
      </c>
      <c r="HJ33" s="104">
        <v>129286</v>
      </c>
      <c r="HK33" s="104">
        <v>190511</v>
      </c>
      <c r="HL33" s="104">
        <v>0</v>
      </c>
      <c r="HM33" s="103">
        <v>319797</v>
      </c>
      <c r="HN33" s="99">
        <v>319797</v>
      </c>
      <c r="HO33" s="306"/>
      <c r="HP33" s="307"/>
      <c r="HQ33" s="308"/>
      <c r="HR33" s="309"/>
      <c r="HS33" s="307"/>
      <c r="HT33" s="307"/>
      <c r="HU33" s="307"/>
      <c r="HV33" s="307"/>
      <c r="HW33" s="307"/>
      <c r="HX33" s="310"/>
      <c r="HY33" s="311"/>
      <c r="HZ33" s="118">
        <v>0</v>
      </c>
      <c r="IA33" s="119">
        <v>0</v>
      </c>
      <c r="IB33" s="120">
        <v>0</v>
      </c>
      <c r="IC33" s="133">
        <v>0</v>
      </c>
      <c r="ID33" s="119">
        <v>68929</v>
      </c>
      <c r="IE33" s="134">
        <v>235914</v>
      </c>
      <c r="IF33" s="120">
        <v>0</v>
      </c>
      <c r="IG33" s="119">
        <v>0</v>
      </c>
      <c r="IH33" s="120">
        <v>0</v>
      </c>
      <c r="II33" s="135">
        <v>304843</v>
      </c>
      <c r="IJ33" s="126">
        <v>304843</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68929</v>
      </c>
      <c r="JL33" s="109">
        <v>21532</v>
      </c>
      <c r="JM33" s="109">
        <v>0</v>
      </c>
      <c r="JN33" s="109">
        <v>0</v>
      </c>
      <c r="JO33" s="109">
        <v>0</v>
      </c>
      <c r="JP33" s="110">
        <v>90461</v>
      </c>
      <c r="JQ33" s="298">
        <v>90461</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214382</v>
      </c>
      <c r="KT33" s="109">
        <v>0</v>
      </c>
      <c r="KU33" s="109">
        <v>0</v>
      </c>
      <c r="KV33" s="109">
        <v>0</v>
      </c>
      <c r="KW33" s="110">
        <v>214382</v>
      </c>
      <c r="KX33" s="298">
        <v>214382</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8">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0</v>
      </c>
      <c r="MK33" s="109">
        <v>0</v>
      </c>
      <c r="ML33" s="109">
        <v>0</v>
      </c>
      <c r="MM33" s="109">
        <v>0</v>
      </c>
      <c r="MN33" s="109">
        <v>0</v>
      </c>
      <c r="MO33" s="110">
        <v>0</v>
      </c>
      <c r="MP33" s="130">
        <v>0</v>
      </c>
      <c r="MQ33" s="129">
        <v>0</v>
      </c>
      <c r="MR33" s="109">
        <v>0</v>
      </c>
      <c r="MS33" s="110">
        <v>0</v>
      </c>
      <c r="MT33" s="132"/>
      <c r="MU33" s="109">
        <v>0</v>
      </c>
      <c r="MV33" s="109">
        <v>0</v>
      </c>
      <c r="MW33" s="109">
        <v>0</v>
      </c>
      <c r="MX33" s="109">
        <v>0</v>
      </c>
      <c r="MY33" s="109">
        <v>0</v>
      </c>
      <c r="MZ33" s="110">
        <v>0</v>
      </c>
      <c r="NA33" s="130">
        <v>0</v>
      </c>
      <c r="NB33" s="129">
        <v>0</v>
      </c>
      <c r="NC33" s="109">
        <v>0</v>
      </c>
      <c r="ND33" s="110">
        <v>0</v>
      </c>
      <c r="NE33" s="132"/>
      <c r="NF33" s="109">
        <v>0</v>
      </c>
      <c r="NG33" s="109">
        <v>0</v>
      </c>
      <c r="NH33" s="109">
        <v>0</v>
      </c>
      <c r="NI33" s="109">
        <v>0</v>
      </c>
      <c r="NJ33" s="109">
        <v>0</v>
      </c>
      <c r="NK33" s="110">
        <v>0</v>
      </c>
      <c r="NL33" s="298">
        <v>0</v>
      </c>
      <c r="NM33" s="129">
        <v>0</v>
      </c>
      <c r="NN33" s="109">
        <v>0</v>
      </c>
      <c r="NO33" s="110">
        <v>0</v>
      </c>
      <c r="NP33" s="132">
        <v>0</v>
      </c>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7700</v>
      </c>
      <c r="OK33" s="128">
        <v>7700</v>
      </c>
      <c r="OL33" s="108">
        <v>0</v>
      </c>
      <c r="OM33" s="109">
        <v>107588</v>
      </c>
      <c r="ON33" s="109">
        <v>513799</v>
      </c>
      <c r="OO33" s="109">
        <v>361551</v>
      </c>
      <c r="OP33" s="109">
        <v>393980</v>
      </c>
      <c r="OQ33" s="109">
        <v>0</v>
      </c>
      <c r="OR33" s="110">
        <v>1376918</v>
      </c>
      <c r="OS33" s="130">
        <v>1384618</v>
      </c>
    </row>
    <row r="34" spans="2:409" ht="21" customHeight="1" x14ac:dyDescent="0.2">
      <c r="B34" s="472" t="s">
        <v>29</v>
      </c>
      <c r="C34" s="100">
        <v>0</v>
      </c>
      <c r="D34" s="104">
        <v>50316</v>
      </c>
      <c r="E34" s="103">
        <v>50316</v>
      </c>
      <c r="F34" s="99">
        <v>0</v>
      </c>
      <c r="G34" s="104">
        <v>490623</v>
      </c>
      <c r="H34" s="104">
        <v>152646</v>
      </c>
      <c r="I34" s="104">
        <v>250670</v>
      </c>
      <c r="J34" s="104">
        <v>610719</v>
      </c>
      <c r="K34" s="104">
        <v>0</v>
      </c>
      <c r="L34" s="160">
        <v>1504658</v>
      </c>
      <c r="M34" s="106">
        <v>1554974</v>
      </c>
      <c r="N34" s="100">
        <v>0</v>
      </c>
      <c r="O34" s="104">
        <v>37716</v>
      </c>
      <c r="P34" s="103">
        <v>37716</v>
      </c>
      <c r="Q34" s="100">
        <v>0</v>
      </c>
      <c r="R34" s="104">
        <v>164054</v>
      </c>
      <c r="S34" s="104">
        <v>132416</v>
      </c>
      <c r="T34" s="104">
        <v>73542</v>
      </c>
      <c r="U34" s="104">
        <v>306993</v>
      </c>
      <c r="V34" s="104">
        <v>0</v>
      </c>
      <c r="W34" s="103">
        <v>677005</v>
      </c>
      <c r="X34" s="106">
        <v>714721</v>
      </c>
      <c r="Y34" s="100">
        <v>0</v>
      </c>
      <c r="Z34" s="104">
        <v>0</v>
      </c>
      <c r="AA34" s="103">
        <v>0</v>
      </c>
      <c r="AB34" s="100">
        <v>0</v>
      </c>
      <c r="AC34" s="104">
        <v>43729</v>
      </c>
      <c r="AD34" s="104">
        <v>82163</v>
      </c>
      <c r="AE34" s="104">
        <v>0</v>
      </c>
      <c r="AF34" s="104">
        <v>218268</v>
      </c>
      <c r="AG34" s="104">
        <v>0</v>
      </c>
      <c r="AH34" s="103">
        <v>344160</v>
      </c>
      <c r="AI34" s="106">
        <v>344160</v>
      </c>
      <c r="AJ34" s="100">
        <v>0</v>
      </c>
      <c r="AK34" s="104">
        <v>0</v>
      </c>
      <c r="AL34" s="103">
        <v>0</v>
      </c>
      <c r="AM34" s="100">
        <v>0</v>
      </c>
      <c r="AN34" s="104">
        <v>0</v>
      </c>
      <c r="AO34" s="104">
        <v>0</v>
      </c>
      <c r="AP34" s="104">
        <v>0</v>
      </c>
      <c r="AQ34" s="104">
        <v>0</v>
      </c>
      <c r="AR34" s="104">
        <v>0</v>
      </c>
      <c r="AS34" s="103">
        <v>0</v>
      </c>
      <c r="AT34" s="106">
        <v>0</v>
      </c>
      <c r="AU34" s="100">
        <v>0</v>
      </c>
      <c r="AV34" s="104">
        <v>37716</v>
      </c>
      <c r="AW34" s="103">
        <v>37716</v>
      </c>
      <c r="AX34" s="100">
        <v>0</v>
      </c>
      <c r="AY34" s="104">
        <v>75672</v>
      </c>
      <c r="AZ34" s="104">
        <v>39396</v>
      </c>
      <c r="BA34" s="104">
        <v>69370</v>
      </c>
      <c r="BB34" s="104">
        <v>32963</v>
      </c>
      <c r="BC34" s="104">
        <v>0</v>
      </c>
      <c r="BD34" s="103">
        <v>217401</v>
      </c>
      <c r="BE34" s="106">
        <v>255117</v>
      </c>
      <c r="BF34" s="100">
        <v>0</v>
      </c>
      <c r="BG34" s="104">
        <v>0</v>
      </c>
      <c r="BH34" s="102">
        <v>0</v>
      </c>
      <c r="BI34" s="101">
        <v>0</v>
      </c>
      <c r="BJ34" s="104">
        <v>20076</v>
      </c>
      <c r="BK34" s="104">
        <v>0</v>
      </c>
      <c r="BL34" s="104">
        <v>0</v>
      </c>
      <c r="BM34" s="104">
        <v>46844</v>
      </c>
      <c r="BN34" s="104">
        <v>0</v>
      </c>
      <c r="BO34" s="103">
        <v>66920</v>
      </c>
      <c r="BP34" s="106">
        <v>66920</v>
      </c>
      <c r="BQ34" s="100">
        <v>0</v>
      </c>
      <c r="BR34" s="104">
        <v>0</v>
      </c>
      <c r="BS34" s="103">
        <v>0</v>
      </c>
      <c r="BT34" s="100">
        <v>0</v>
      </c>
      <c r="BU34" s="104">
        <v>24577</v>
      </c>
      <c r="BV34" s="104">
        <v>10857</v>
      </c>
      <c r="BW34" s="104">
        <v>4172</v>
      </c>
      <c r="BX34" s="104">
        <v>8918</v>
      </c>
      <c r="BY34" s="104">
        <v>0</v>
      </c>
      <c r="BZ34" s="103">
        <v>48524</v>
      </c>
      <c r="CA34" s="106">
        <v>48524</v>
      </c>
      <c r="CB34" s="100">
        <v>0</v>
      </c>
      <c r="CC34" s="104">
        <v>0</v>
      </c>
      <c r="CD34" s="103">
        <v>0</v>
      </c>
      <c r="CE34" s="100">
        <v>0</v>
      </c>
      <c r="CF34" s="104">
        <v>173836</v>
      </c>
      <c r="CG34" s="104">
        <v>17080</v>
      </c>
      <c r="CH34" s="104">
        <v>115178</v>
      </c>
      <c r="CI34" s="104">
        <v>81129</v>
      </c>
      <c r="CJ34" s="104">
        <v>0</v>
      </c>
      <c r="CK34" s="103">
        <v>387223</v>
      </c>
      <c r="CL34" s="106">
        <v>387223</v>
      </c>
      <c r="CM34" s="100">
        <v>0</v>
      </c>
      <c r="CN34" s="104">
        <v>0</v>
      </c>
      <c r="CO34" s="103">
        <v>0</v>
      </c>
      <c r="CP34" s="101">
        <v>0</v>
      </c>
      <c r="CQ34" s="104">
        <v>75166</v>
      </c>
      <c r="CR34" s="104">
        <v>17080</v>
      </c>
      <c r="CS34" s="104">
        <v>14154</v>
      </c>
      <c r="CT34" s="104">
        <v>81129</v>
      </c>
      <c r="CU34" s="104">
        <v>0</v>
      </c>
      <c r="CV34" s="103">
        <v>187529</v>
      </c>
      <c r="CW34" s="106">
        <v>187529</v>
      </c>
      <c r="CX34" s="100">
        <v>0</v>
      </c>
      <c r="CY34" s="104">
        <v>0</v>
      </c>
      <c r="CZ34" s="103">
        <v>0</v>
      </c>
      <c r="DA34" s="100">
        <v>0</v>
      </c>
      <c r="DB34" s="104">
        <v>98670</v>
      </c>
      <c r="DC34" s="104">
        <v>0</v>
      </c>
      <c r="DD34" s="104">
        <v>101024</v>
      </c>
      <c r="DE34" s="104">
        <v>0</v>
      </c>
      <c r="DF34" s="104">
        <v>0</v>
      </c>
      <c r="DG34" s="103">
        <v>199694</v>
      </c>
      <c r="DH34" s="106">
        <v>199694</v>
      </c>
      <c r="DI34" s="100">
        <v>0</v>
      </c>
      <c r="DJ34" s="104">
        <v>0</v>
      </c>
      <c r="DK34" s="102">
        <v>0</v>
      </c>
      <c r="DL34" s="101">
        <v>0</v>
      </c>
      <c r="DM34" s="104">
        <v>14896</v>
      </c>
      <c r="DN34" s="104">
        <v>0</v>
      </c>
      <c r="DO34" s="104">
        <v>0</v>
      </c>
      <c r="DP34" s="104">
        <v>0</v>
      </c>
      <c r="DQ34" s="104">
        <v>0</v>
      </c>
      <c r="DR34" s="103">
        <v>14896</v>
      </c>
      <c r="DS34" s="106">
        <v>14896</v>
      </c>
      <c r="DT34" s="100">
        <v>0</v>
      </c>
      <c r="DU34" s="104">
        <v>0</v>
      </c>
      <c r="DV34" s="103">
        <v>0</v>
      </c>
      <c r="DW34" s="100">
        <v>0</v>
      </c>
      <c r="DX34" s="104">
        <v>0</v>
      </c>
      <c r="DY34" s="104">
        <v>0</v>
      </c>
      <c r="DZ34" s="104">
        <v>0</v>
      </c>
      <c r="EA34" s="104">
        <v>0</v>
      </c>
      <c r="EB34" s="104">
        <v>0</v>
      </c>
      <c r="EC34" s="103">
        <v>0</v>
      </c>
      <c r="ED34" s="106">
        <v>0</v>
      </c>
      <c r="EE34" s="100">
        <v>0</v>
      </c>
      <c r="EF34" s="102">
        <v>0</v>
      </c>
      <c r="EG34" s="103">
        <v>0</v>
      </c>
      <c r="EH34" s="100">
        <v>0</v>
      </c>
      <c r="EI34" s="104">
        <v>14896</v>
      </c>
      <c r="EJ34" s="104">
        <v>0</v>
      </c>
      <c r="EK34" s="104">
        <v>0</v>
      </c>
      <c r="EL34" s="104">
        <v>0</v>
      </c>
      <c r="EM34" s="104">
        <v>0</v>
      </c>
      <c r="EN34" s="102">
        <v>14896</v>
      </c>
      <c r="EO34" s="106">
        <v>14896</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0</v>
      </c>
      <c r="FM34" s="104">
        <v>12600</v>
      </c>
      <c r="FN34" s="103">
        <v>12600</v>
      </c>
      <c r="FO34" s="100">
        <v>0</v>
      </c>
      <c r="FP34" s="104">
        <v>4200</v>
      </c>
      <c r="FQ34" s="104">
        <v>3150</v>
      </c>
      <c r="FR34" s="104">
        <v>61950</v>
      </c>
      <c r="FS34" s="104">
        <v>36680</v>
      </c>
      <c r="FT34" s="104">
        <v>0</v>
      </c>
      <c r="FU34" s="103">
        <v>105980</v>
      </c>
      <c r="FV34" s="106">
        <v>118580</v>
      </c>
      <c r="FW34" s="105">
        <v>0</v>
      </c>
      <c r="FX34" s="104">
        <v>12600</v>
      </c>
      <c r="FY34" s="102">
        <v>12600</v>
      </c>
      <c r="FZ34" s="101">
        <v>0</v>
      </c>
      <c r="GA34" s="104">
        <v>4200</v>
      </c>
      <c r="GB34" s="104">
        <v>3150</v>
      </c>
      <c r="GC34" s="104">
        <v>61950</v>
      </c>
      <c r="GD34" s="104">
        <v>36680</v>
      </c>
      <c r="GE34" s="104">
        <v>0</v>
      </c>
      <c r="GF34" s="103">
        <v>105980</v>
      </c>
      <c r="GG34" s="296">
        <v>118580</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0</v>
      </c>
      <c r="HE34" s="104">
        <v>0</v>
      </c>
      <c r="HF34" s="102">
        <v>0</v>
      </c>
      <c r="HG34" s="101">
        <v>0</v>
      </c>
      <c r="HH34" s="104">
        <v>133637</v>
      </c>
      <c r="HI34" s="104">
        <v>0</v>
      </c>
      <c r="HJ34" s="104">
        <v>0</v>
      </c>
      <c r="HK34" s="104">
        <v>185917</v>
      </c>
      <c r="HL34" s="104">
        <v>0</v>
      </c>
      <c r="HM34" s="103">
        <v>319554</v>
      </c>
      <c r="HN34" s="99">
        <v>319554</v>
      </c>
      <c r="HO34" s="306"/>
      <c r="HP34" s="307"/>
      <c r="HQ34" s="308"/>
      <c r="HR34" s="309"/>
      <c r="HS34" s="307"/>
      <c r="HT34" s="307"/>
      <c r="HU34" s="307"/>
      <c r="HV34" s="307"/>
      <c r="HW34" s="307"/>
      <c r="HX34" s="310"/>
      <c r="HY34" s="311"/>
      <c r="HZ34" s="137">
        <v>0</v>
      </c>
      <c r="IA34" s="122">
        <v>0</v>
      </c>
      <c r="IB34" s="137">
        <v>0</v>
      </c>
      <c r="IC34" s="121">
        <v>0</v>
      </c>
      <c r="ID34" s="122">
        <v>441872</v>
      </c>
      <c r="IE34" s="123">
        <v>156359</v>
      </c>
      <c r="IF34" s="124">
        <v>0</v>
      </c>
      <c r="IG34" s="122">
        <v>227311</v>
      </c>
      <c r="IH34" s="124">
        <v>0</v>
      </c>
      <c r="II34" s="125">
        <v>825542</v>
      </c>
      <c r="IJ34" s="137">
        <v>825542</v>
      </c>
      <c r="IK34" s="219">
        <v>0</v>
      </c>
      <c r="IL34" s="223">
        <v>0</v>
      </c>
      <c r="IM34" s="224">
        <v>0</v>
      </c>
      <c r="IN34" s="127"/>
      <c r="IO34" s="109">
        <v>55062</v>
      </c>
      <c r="IP34" s="109">
        <v>0</v>
      </c>
      <c r="IQ34" s="109">
        <v>0</v>
      </c>
      <c r="IR34" s="109">
        <v>0</v>
      </c>
      <c r="IS34" s="109">
        <v>0</v>
      </c>
      <c r="IT34" s="128">
        <v>55062</v>
      </c>
      <c r="IU34" s="298">
        <v>55062</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46995</v>
      </c>
      <c r="JL34" s="109">
        <v>0</v>
      </c>
      <c r="JM34" s="109">
        <v>0</v>
      </c>
      <c r="JN34" s="109">
        <v>0</v>
      </c>
      <c r="JO34" s="109">
        <v>0</v>
      </c>
      <c r="JP34" s="110">
        <v>46995</v>
      </c>
      <c r="JQ34" s="298">
        <v>46995</v>
      </c>
      <c r="JR34" s="129">
        <v>0</v>
      </c>
      <c r="JS34" s="109">
        <v>0</v>
      </c>
      <c r="JT34" s="128">
        <v>0</v>
      </c>
      <c r="JU34" s="108">
        <v>0</v>
      </c>
      <c r="JV34" s="109">
        <v>0</v>
      </c>
      <c r="JW34" s="109">
        <v>0</v>
      </c>
      <c r="JX34" s="109">
        <v>0</v>
      </c>
      <c r="JY34" s="109">
        <v>0</v>
      </c>
      <c r="JZ34" s="109">
        <v>0</v>
      </c>
      <c r="KA34" s="110">
        <v>0</v>
      </c>
      <c r="KB34" s="298">
        <v>0</v>
      </c>
      <c r="KC34" s="221">
        <v>0</v>
      </c>
      <c r="KD34" s="217">
        <v>0</v>
      </c>
      <c r="KE34" s="110">
        <v>0</v>
      </c>
      <c r="KF34" s="108">
        <v>0</v>
      </c>
      <c r="KG34" s="109">
        <v>339815</v>
      </c>
      <c r="KH34" s="109">
        <v>156359</v>
      </c>
      <c r="KI34" s="109">
        <v>0</v>
      </c>
      <c r="KJ34" s="109">
        <v>0</v>
      </c>
      <c r="KK34" s="109">
        <v>0</v>
      </c>
      <c r="KL34" s="110">
        <v>496174</v>
      </c>
      <c r="KM34" s="130">
        <v>496174</v>
      </c>
      <c r="KN34" s="219">
        <v>0</v>
      </c>
      <c r="KO34" s="223">
        <v>0</v>
      </c>
      <c r="KP34" s="224">
        <v>0</v>
      </c>
      <c r="KQ34" s="127"/>
      <c r="KR34" s="109">
        <v>0</v>
      </c>
      <c r="KS34" s="109">
        <v>0</v>
      </c>
      <c r="KT34" s="109">
        <v>0</v>
      </c>
      <c r="KU34" s="109">
        <v>0</v>
      </c>
      <c r="KV34" s="109">
        <v>0</v>
      </c>
      <c r="KW34" s="110">
        <v>0</v>
      </c>
      <c r="KX34" s="298">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0</v>
      </c>
      <c r="LQ34" s="109">
        <v>227311</v>
      </c>
      <c r="LR34" s="109">
        <v>0</v>
      </c>
      <c r="LS34" s="110">
        <v>227311</v>
      </c>
      <c r="LT34" s="298">
        <v>227311</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0</v>
      </c>
      <c r="MK34" s="109">
        <v>0</v>
      </c>
      <c r="ML34" s="109">
        <v>0</v>
      </c>
      <c r="MM34" s="109">
        <v>490035</v>
      </c>
      <c r="MN34" s="109">
        <v>0</v>
      </c>
      <c r="MO34" s="110">
        <v>490035</v>
      </c>
      <c r="MP34" s="130">
        <v>490035</v>
      </c>
      <c r="MQ34" s="129">
        <v>0</v>
      </c>
      <c r="MR34" s="109">
        <v>0</v>
      </c>
      <c r="MS34" s="110">
        <v>0</v>
      </c>
      <c r="MT34" s="132"/>
      <c r="MU34" s="109">
        <v>0</v>
      </c>
      <c r="MV34" s="109">
        <v>0</v>
      </c>
      <c r="MW34" s="109">
        <v>0</v>
      </c>
      <c r="MX34" s="109">
        <v>241548</v>
      </c>
      <c r="MY34" s="109">
        <v>0</v>
      </c>
      <c r="MZ34" s="110">
        <v>241548</v>
      </c>
      <c r="NA34" s="130">
        <v>241548</v>
      </c>
      <c r="NB34" s="129">
        <v>0</v>
      </c>
      <c r="NC34" s="109">
        <v>0</v>
      </c>
      <c r="ND34" s="110">
        <v>0</v>
      </c>
      <c r="NE34" s="132"/>
      <c r="NF34" s="109">
        <v>0</v>
      </c>
      <c r="NG34" s="109">
        <v>0</v>
      </c>
      <c r="NH34" s="109">
        <v>0</v>
      </c>
      <c r="NI34" s="109">
        <v>248487</v>
      </c>
      <c r="NJ34" s="109">
        <v>0</v>
      </c>
      <c r="NK34" s="110">
        <v>248487</v>
      </c>
      <c r="NL34" s="298">
        <v>248487</v>
      </c>
      <c r="NM34" s="129">
        <v>0</v>
      </c>
      <c r="NN34" s="109">
        <v>0</v>
      </c>
      <c r="NO34" s="110">
        <v>0</v>
      </c>
      <c r="NP34" s="132">
        <v>0</v>
      </c>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0</v>
      </c>
      <c r="OJ34" s="109">
        <v>50316</v>
      </c>
      <c r="OK34" s="128">
        <v>50316</v>
      </c>
      <c r="OL34" s="108">
        <v>0</v>
      </c>
      <c r="OM34" s="109">
        <v>932495</v>
      </c>
      <c r="ON34" s="109">
        <v>309005</v>
      </c>
      <c r="OO34" s="109">
        <v>250670</v>
      </c>
      <c r="OP34" s="109">
        <v>1328065</v>
      </c>
      <c r="OQ34" s="109">
        <v>0</v>
      </c>
      <c r="OR34" s="110">
        <v>2820235</v>
      </c>
      <c r="OS34" s="130">
        <v>2870551</v>
      </c>
    </row>
    <row r="35" spans="2:409" ht="21" customHeight="1" x14ac:dyDescent="0.2">
      <c r="B35" s="472" t="s">
        <v>30</v>
      </c>
      <c r="C35" s="100">
        <v>0</v>
      </c>
      <c r="D35" s="104">
        <v>0</v>
      </c>
      <c r="E35" s="161">
        <v>0</v>
      </c>
      <c r="F35" s="162">
        <v>0</v>
      </c>
      <c r="G35" s="163">
        <v>414373</v>
      </c>
      <c r="H35" s="163">
        <v>295983</v>
      </c>
      <c r="I35" s="163">
        <v>551922</v>
      </c>
      <c r="J35" s="163">
        <v>325447</v>
      </c>
      <c r="K35" s="163">
        <v>0</v>
      </c>
      <c r="L35" s="164">
        <v>1587725</v>
      </c>
      <c r="M35" s="106">
        <v>1587725</v>
      </c>
      <c r="N35" s="100">
        <v>0</v>
      </c>
      <c r="O35" s="104">
        <v>0</v>
      </c>
      <c r="P35" s="103">
        <v>0</v>
      </c>
      <c r="Q35" s="100">
        <v>0</v>
      </c>
      <c r="R35" s="104">
        <v>122768</v>
      </c>
      <c r="S35" s="104">
        <v>0</v>
      </c>
      <c r="T35" s="104">
        <v>211134</v>
      </c>
      <c r="U35" s="104">
        <v>147945</v>
      </c>
      <c r="V35" s="104">
        <v>0</v>
      </c>
      <c r="W35" s="103">
        <v>481847</v>
      </c>
      <c r="X35" s="106">
        <v>481847</v>
      </c>
      <c r="Y35" s="100">
        <v>0</v>
      </c>
      <c r="Z35" s="104">
        <v>0</v>
      </c>
      <c r="AA35" s="103">
        <v>0</v>
      </c>
      <c r="AB35" s="100">
        <v>0</v>
      </c>
      <c r="AC35" s="104">
        <v>61096</v>
      </c>
      <c r="AD35" s="104">
        <v>0</v>
      </c>
      <c r="AE35" s="104">
        <v>188545</v>
      </c>
      <c r="AF35" s="104">
        <v>73430</v>
      </c>
      <c r="AG35" s="104">
        <v>0</v>
      </c>
      <c r="AH35" s="103">
        <v>323071</v>
      </c>
      <c r="AI35" s="106">
        <v>323071</v>
      </c>
      <c r="AJ35" s="100">
        <v>0</v>
      </c>
      <c r="AK35" s="104">
        <v>0</v>
      </c>
      <c r="AL35" s="103">
        <v>0</v>
      </c>
      <c r="AM35" s="100">
        <v>0</v>
      </c>
      <c r="AN35" s="104">
        <v>29890</v>
      </c>
      <c r="AO35" s="104">
        <v>0</v>
      </c>
      <c r="AP35" s="104">
        <v>0</v>
      </c>
      <c r="AQ35" s="104">
        <v>39802</v>
      </c>
      <c r="AR35" s="104">
        <v>0</v>
      </c>
      <c r="AS35" s="103">
        <v>69692</v>
      </c>
      <c r="AT35" s="106">
        <v>69692</v>
      </c>
      <c r="AU35" s="100">
        <v>0</v>
      </c>
      <c r="AV35" s="104">
        <v>0</v>
      </c>
      <c r="AW35" s="103">
        <v>0</v>
      </c>
      <c r="AX35" s="100">
        <v>0</v>
      </c>
      <c r="AY35" s="104">
        <v>25524</v>
      </c>
      <c r="AZ35" s="104">
        <v>0</v>
      </c>
      <c r="BA35" s="104">
        <v>0</v>
      </c>
      <c r="BB35" s="104">
        <v>34713</v>
      </c>
      <c r="BC35" s="104">
        <v>0</v>
      </c>
      <c r="BD35" s="103">
        <v>60237</v>
      </c>
      <c r="BE35" s="106">
        <v>60237</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6258</v>
      </c>
      <c r="BV35" s="104">
        <v>0</v>
      </c>
      <c r="BW35" s="104">
        <v>22589</v>
      </c>
      <c r="BX35" s="104">
        <v>0</v>
      </c>
      <c r="BY35" s="104">
        <v>0</v>
      </c>
      <c r="BZ35" s="103">
        <v>28847</v>
      </c>
      <c r="CA35" s="106">
        <v>28847</v>
      </c>
      <c r="CB35" s="100">
        <v>0</v>
      </c>
      <c r="CC35" s="104">
        <v>0</v>
      </c>
      <c r="CD35" s="103">
        <v>0</v>
      </c>
      <c r="CE35" s="100">
        <v>0</v>
      </c>
      <c r="CF35" s="104">
        <v>137344</v>
      </c>
      <c r="CG35" s="104">
        <v>78127</v>
      </c>
      <c r="CH35" s="104">
        <v>0</v>
      </c>
      <c r="CI35" s="104">
        <v>60209</v>
      </c>
      <c r="CJ35" s="104">
        <v>0</v>
      </c>
      <c r="CK35" s="103">
        <v>275680</v>
      </c>
      <c r="CL35" s="106">
        <v>275680</v>
      </c>
      <c r="CM35" s="100">
        <v>0</v>
      </c>
      <c r="CN35" s="104">
        <v>0</v>
      </c>
      <c r="CO35" s="103">
        <v>0</v>
      </c>
      <c r="CP35" s="101">
        <v>0</v>
      </c>
      <c r="CQ35" s="104">
        <v>97379</v>
      </c>
      <c r="CR35" s="104">
        <v>78127</v>
      </c>
      <c r="CS35" s="104">
        <v>0</v>
      </c>
      <c r="CT35" s="104">
        <v>0</v>
      </c>
      <c r="CU35" s="104">
        <v>0</v>
      </c>
      <c r="CV35" s="103">
        <v>175506</v>
      </c>
      <c r="CW35" s="106">
        <v>175506</v>
      </c>
      <c r="CX35" s="100">
        <v>0</v>
      </c>
      <c r="CY35" s="104">
        <v>0</v>
      </c>
      <c r="CZ35" s="103">
        <v>0</v>
      </c>
      <c r="DA35" s="100">
        <v>0</v>
      </c>
      <c r="DB35" s="104">
        <v>39965</v>
      </c>
      <c r="DC35" s="104">
        <v>0</v>
      </c>
      <c r="DD35" s="104">
        <v>0</v>
      </c>
      <c r="DE35" s="104">
        <v>60209</v>
      </c>
      <c r="DF35" s="104">
        <v>0</v>
      </c>
      <c r="DG35" s="103">
        <v>100174</v>
      </c>
      <c r="DH35" s="106">
        <v>100174</v>
      </c>
      <c r="DI35" s="100">
        <v>0</v>
      </c>
      <c r="DJ35" s="104">
        <v>0</v>
      </c>
      <c r="DK35" s="102">
        <v>0</v>
      </c>
      <c r="DL35" s="101">
        <v>0</v>
      </c>
      <c r="DM35" s="104">
        <v>16158</v>
      </c>
      <c r="DN35" s="104">
        <v>99402</v>
      </c>
      <c r="DO35" s="104">
        <v>0</v>
      </c>
      <c r="DP35" s="104">
        <v>94963</v>
      </c>
      <c r="DQ35" s="104">
        <v>0</v>
      </c>
      <c r="DR35" s="103">
        <v>210523</v>
      </c>
      <c r="DS35" s="106">
        <v>210523</v>
      </c>
      <c r="DT35" s="100">
        <v>0</v>
      </c>
      <c r="DU35" s="104">
        <v>0</v>
      </c>
      <c r="DV35" s="103">
        <v>0</v>
      </c>
      <c r="DW35" s="100">
        <v>0</v>
      </c>
      <c r="DX35" s="104">
        <v>0</v>
      </c>
      <c r="DY35" s="104">
        <v>99402</v>
      </c>
      <c r="DZ35" s="104">
        <v>0</v>
      </c>
      <c r="EA35" s="104">
        <v>94963</v>
      </c>
      <c r="EB35" s="104">
        <v>0</v>
      </c>
      <c r="EC35" s="103">
        <v>194365</v>
      </c>
      <c r="ED35" s="106">
        <v>194365</v>
      </c>
      <c r="EE35" s="100">
        <v>0</v>
      </c>
      <c r="EF35" s="102">
        <v>0</v>
      </c>
      <c r="EG35" s="103">
        <v>0</v>
      </c>
      <c r="EH35" s="100">
        <v>0</v>
      </c>
      <c r="EI35" s="104">
        <v>16158</v>
      </c>
      <c r="EJ35" s="104">
        <v>0</v>
      </c>
      <c r="EK35" s="104">
        <v>0</v>
      </c>
      <c r="EL35" s="104">
        <v>0</v>
      </c>
      <c r="EM35" s="104">
        <v>0</v>
      </c>
      <c r="EN35" s="102">
        <v>16158</v>
      </c>
      <c r="EO35" s="106">
        <v>16158</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0</v>
      </c>
      <c r="FM35" s="104">
        <v>0</v>
      </c>
      <c r="FN35" s="103">
        <v>0</v>
      </c>
      <c r="FO35" s="100">
        <v>0</v>
      </c>
      <c r="FP35" s="104">
        <v>3850</v>
      </c>
      <c r="FQ35" s="104">
        <v>16450</v>
      </c>
      <c r="FR35" s="104">
        <v>3010</v>
      </c>
      <c r="FS35" s="104">
        <v>22330</v>
      </c>
      <c r="FT35" s="104">
        <v>0</v>
      </c>
      <c r="FU35" s="103">
        <v>45640</v>
      </c>
      <c r="FV35" s="106">
        <v>45640</v>
      </c>
      <c r="FW35" s="105">
        <v>0</v>
      </c>
      <c r="FX35" s="104">
        <v>0</v>
      </c>
      <c r="FY35" s="102">
        <v>0</v>
      </c>
      <c r="FZ35" s="101">
        <v>0</v>
      </c>
      <c r="GA35" s="104">
        <v>3850</v>
      </c>
      <c r="GB35" s="104">
        <v>16450</v>
      </c>
      <c r="GC35" s="104">
        <v>3010</v>
      </c>
      <c r="GD35" s="104">
        <v>22330</v>
      </c>
      <c r="GE35" s="104">
        <v>0</v>
      </c>
      <c r="GF35" s="103">
        <v>45640</v>
      </c>
      <c r="GG35" s="296">
        <v>45640</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34253</v>
      </c>
      <c r="HI35" s="104">
        <v>102004</v>
      </c>
      <c r="HJ35" s="104">
        <v>337778</v>
      </c>
      <c r="HK35" s="104">
        <v>0</v>
      </c>
      <c r="HL35" s="104">
        <v>0</v>
      </c>
      <c r="HM35" s="103">
        <v>574035</v>
      </c>
      <c r="HN35" s="99">
        <v>574035</v>
      </c>
      <c r="HO35" s="306"/>
      <c r="HP35" s="307"/>
      <c r="HQ35" s="308"/>
      <c r="HR35" s="309"/>
      <c r="HS35" s="307"/>
      <c r="HT35" s="307"/>
      <c r="HU35" s="307"/>
      <c r="HV35" s="307"/>
      <c r="HW35" s="307"/>
      <c r="HX35" s="310"/>
      <c r="HY35" s="311"/>
      <c r="HZ35" s="118">
        <v>0</v>
      </c>
      <c r="IA35" s="119">
        <v>0</v>
      </c>
      <c r="IB35" s="120">
        <v>0</v>
      </c>
      <c r="IC35" s="133">
        <v>0</v>
      </c>
      <c r="ID35" s="119">
        <v>47138</v>
      </c>
      <c r="IE35" s="134">
        <v>37674</v>
      </c>
      <c r="IF35" s="120">
        <v>0</v>
      </c>
      <c r="IG35" s="119">
        <v>0</v>
      </c>
      <c r="IH35" s="120">
        <v>0</v>
      </c>
      <c r="II35" s="135">
        <v>84812</v>
      </c>
      <c r="IJ35" s="126">
        <v>84812</v>
      </c>
      <c r="IK35" s="219">
        <v>0</v>
      </c>
      <c r="IL35" s="223">
        <v>0</v>
      </c>
      <c r="IM35" s="224">
        <v>0</v>
      </c>
      <c r="IN35" s="127"/>
      <c r="IO35" s="109">
        <v>0</v>
      </c>
      <c r="IP35" s="109">
        <v>0</v>
      </c>
      <c r="IQ35" s="109">
        <v>0</v>
      </c>
      <c r="IR35" s="109">
        <v>0</v>
      </c>
      <c r="IS35" s="109">
        <v>0</v>
      </c>
      <c r="IT35" s="128">
        <v>0</v>
      </c>
      <c r="IU35" s="298">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47138</v>
      </c>
      <c r="JL35" s="109">
        <v>0</v>
      </c>
      <c r="JM35" s="109">
        <v>0</v>
      </c>
      <c r="JN35" s="109">
        <v>0</v>
      </c>
      <c r="JO35" s="109">
        <v>0</v>
      </c>
      <c r="JP35" s="110">
        <v>47138</v>
      </c>
      <c r="JQ35" s="298">
        <v>47138</v>
      </c>
      <c r="JR35" s="129">
        <v>0</v>
      </c>
      <c r="JS35" s="109">
        <v>0</v>
      </c>
      <c r="JT35" s="128">
        <v>0</v>
      </c>
      <c r="JU35" s="108">
        <v>0</v>
      </c>
      <c r="JV35" s="109">
        <v>0</v>
      </c>
      <c r="JW35" s="109">
        <v>37674</v>
      </c>
      <c r="JX35" s="109">
        <v>0</v>
      </c>
      <c r="JY35" s="109">
        <v>0</v>
      </c>
      <c r="JZ35" s="109">
        <v>0</v>
      </c>
      <c r="KA35" s="110">
        <v>37674</v>
      </c>
      <c r="KB35" s="298">
        <v>37674</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0</v>
      </c>
      <c r="KV35" s="109">
        <v>0</v>
      </c>
      <c r="KW35" s="110">
        <v>0</v>
      </c>
      <c r="KX35" s="298">
        <v>0</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0</v>
      </c>
      <c r="MK35" s="109">
        <v>0</v>
      </c>
      <c r="ML35" s="109">
        <v>213563</v>
      </c>
      <c r="MM35" s="109">
        <v>432299</v>
      </c>
      <c r="MN35" s="109">
        <v>257443</v>
      </c>
      <c r="MO35" s="110">
        <v>903305</v>
      </c>
      <c r="MP35" s="130">
        <v>903305</v>
      </c>
      <c r="MQ35" s="129">
        <v>0</v>
      </c>
      <c r="MR35" s="109">
        <v>0</v>
      </c>
      <c r="MS35" s="110">
        <v>0</v>
      </c>
      <c r="MT35" s="132"/>
      <c r="MU35" s="109">
        <v>0</v>
      </c>
      <c r="MV35" s="109">
        <v>0</v>
      </c>
      <c r="MW35" s="109">
        <v>213563</v>
      </c>
      <c r="MX35" s="109">
        <v>432299</v>
      </c>
      <c r="MY35" s="109">
        <v>0</v>
      </c>
      <c r="MZ35" s="110">
        <v>645862</v>
      </c>
      <c r="NA35" s="130">
        <v>645862</v>
      </c>
      <c r="NB35" s="129">
        <v>0</v>
      </c>
      <c r="NC35" s="109">
        <v>0</v>
      </c>
      <c r="ND35" s="110">
        <v>0</v>
      </c>
      <c r="NE35" s="132"/>
      <c r="NF35" s="109">
        <v>0</v>
      </c>
      <c r="NG35" s="109">
        <v>0</v>
      </c>
      <c r="NH35" s="109">
        <v>0</v>
      </c>
      <c r="NI35" s="109">
        <v>0</v>
      </c>
      <c r="NJ35" s="109">
        <v>257443</v>
      </c>
      <c r="NK35" s="110">
        <v>257443</v>
      </c>
      <c r="NL35" s="298">
        <v>257443</v>
      </c>
      <c r="NM35" s="129">
        <v>0</v>
      </c>
      <c r="NN35" s="109">
        <v>0</v>
      </c>
      <c r="NO35" s="110">
        <v>0</v>
      </c>
      <c r="NP35" s="132">
        <v>0</v>
      </c>
      <c r="NQ35" s="109">
        <v>0</v>
      </c>
      <c r="NR35" s="109">
        <v>0</v>
      </c>
      <c r="NS35" s="109">
        <v>0</v>
      </c>
      <c r="NT35" s="109">
        <v>0</v>
      </c>
      <c r="NU35" s="109">
        <v>0</v>
      </c>
      <c r="NV35" s="110">
        <v>0</v>
      </c>
      <c r="NW35" s="111">
        <v>0</v>
      </c>
      <c r="NX35" s="129">
        <v>0</v>
      </c>
      <c r="NY35" s="109">
        <v>0</v>
      </c>
      <c r="NZ35" s="110">
        <v>0</v>
      </c>
      <c r="OA35" s="132"/>
      <c r="OB35" s="109">
        <v>0</v>
      </c>
      <c r="OC35" s="109">
        <v>0</v>
      </c>
      <c r="OD35" s="109">
        <v>0</v>
      </c>
      <c r="OE35" s="109">
        <v>0</v>
      </c>
      <c r="OF35" s="109">
        <v>0</v>
      </c>
      <c r="OG35" s="110">
        <v>0</v>
      </c>
      <c r="OH35" s="111">
        <v>0</v>
      </c>
      <c r="OI35" s="129">
        <v>0</v>
      </c>
      <c r="OJ35" s="109">
        <v>0</v>
      </c>
      <c r="OK35" s="128">
        <v>0</v>
      </c>
      <c r="OL35" s="108">
        <v>0</v>
      </c>
      <c r="OM35" s="109">
        <v>461511</v>
      </c>
      <c r="ON35" s="109">
        <v>333657</v>
      </c>
      <c r="OO35" s="109">
        <v>765485</v>
      </c>
      <c r="OP35" s="109">
        <v>757746</v>
      </c>
      <c r="OQ35" s="109">
        <v>257443</v>
      </c>
      <c r="OR35" s="110">
        <v>2575842</v>
      </c>
      <c r="OS35" s="130">
        <v>2575842</v>
      </c>
    </row>
    <row r="36" spans="2:409" ht="21" customHeight="1" x14ac:dyDescent="0.2">
      <c r="B36" s="472" t="s">
        <v>31</v>
      </c>
      <c r="C36" s="100">
        <v>14700</v>
      </c>
      <c r="D36" s="104">
        <v>7000</v>
      </c>
      <c r="E36" s="103">
        <v>21700</v>
      </c>
      <c r="F36" s="99">
        <v>0</v>
      </c>
      <c r="G36" s="104">
        <v>286913</v>
      </c>
      <c r="H36" s="104">
        <v>348797</v>
      </c>
      <c r="I36" s="104">
        <v>235920</v>
      </c>
      <c r="J36" s="104">
        <v>61026</v>
      </c>
      <c r="K36" s="104">
        <v>182462</v>
      </c>
      <c r="L36" s="160">
        <v>1115118</v>
      </c>
      <c r="M36" s="106">
        <v>1136818</v>
      </c>
      <c r="N36" s="100">
        <v>0</v>
      </c>
      <c r="O36" s="104">
        <v>0</v>
      </c>
      <c r="P36" s="103">
        <v>0</v>
      </c>
      <c r="Q36" s="100">
        <v>0</v>
      </c>
      <c r="R36" s="104">
        <v>171766</v>
      </c>
      <c r="S36" s="104">
        <v>66885</v>
      </c>
      <c r="T36" s="104">
        <v>80878</v>
      </c>
      <c r="U36" s="104">
        <v>49756</v>
      </c>
      <c r="V36" s="104">
        <v>151312</v>
      </c>
      <c r="W36" s="103">
        <v>520597</v>
      </c>
      <c r="X36" s="106">
        <v>520597</v>
      </c>
      <c r="Y36" s="100">
        <v>0</v>
      </c>
      <c r="Z36" s="104">
        <v>0</v>
      </c>
      <c r="AA36" s="103">
        <v>0</v>
      </c>
      <c r="AB36" s="100">
        <v>0</v>
      </c>
      <c r="AC36" s="104">
        <v>56630</v>
      </c>
      <c r="AD36" s="104">
        <v>0</v>
      </c>
      <c r="AE36" s="104">
        <v>0</v>
      </c>
      <c r="AF36" s="104">
        <v>2030</v>
      </c>
      <c r="AG36" s="104">
        <v>0</v>
      </c>
      <c r="AH36" s="103">
        <v>58660</v>
      </c>
      <c r="AI36" s="106">
        <v>58660</v>
      </c>
      <c r="AJ36" s="100">
        <v>0</v>
      </c>
      <c r="AK36" s="104">
        <v>0</v>
      </c>
      <c r="AL36" s="103">
        <v>0</v>
      </c>
      <c r="AM36" s="100">
        <v>0</v>
      </c>
      <c r="AN36" s="104">
        <v>0</v>
      </c>
      <c r="AO36" s="104">
        <v>0</v>
      </c>
      <c r="AP36" s="104">
        <v>0</v>
      </c>
      <c r="AQ36" s="104">
        <v>0</v>
      </c>
      <c r="AR36" s="104">
        <v>86051</v>
      </c>
      <c r="AS36" s="103">
        <v>86051</v>
      </c>
      <c r="AT36" s="106">
        <v>86051</v>
      </c>
      <c r="AU36" s="100">
        <v>0</v>
      </c>
      <c r="AV36" s="104">
        <v>0</v>
      </c>
      <c r="AW36" s="103">
        <v>0</v>
      </c>
      <c r="AX36" s="100">
        <v>0</v>
      </c>
      <c r="AY36" s="104">
        <v>115136</v>
      </c>
      <c r="AZ36" s="104">
        <v>63259</v>
      </c>
      <c r="BA36" s="104">
        <v>80878</v>
      </c>
      <c r="BB36" s="104">
        <v>38752</v>
      </c>
      <c r="BC36" s="104">
        <v>65261</v>
      </c>
      <c r="BD36" s="103">
        <v>363286</v>
      </c>
      <c r="BE36" s="106">
        <v>363286</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3626</v>
      </c>
      <c r="BW36" s="104">
        <v>0</v>
      </c>
      <c r="BX36" s="104">
        <v>8974</v>
      </c>
      <c r="BY36" s="104">
        <v>0</v>
      </c>
      <c r="BZ36" s="103">
        <v>12600</v>
      </c>
      <c r="CA36" s="106">
        <v>12600</v>
      </c>
      <c r="CB36" s="100">
        <v>0</v>
      </c>
      <c r="CC36" s="104">
        <v>0</v>
      </c>
      <c r="CD36" s="103">
        <v>0</v>
      </c>
      <c r="CE36" s="100">
        <v>0</v>
      </c>
      <c r="CF36" s="104">
        <v>81396</v>
      </c>
      <c r="CG36" s="104">
        <v>260212</v>
      </c>
      <c r="CH36" s="104">
        <v>122107</v>
      </c>
      <c r="CI36" s="104">
        <v>0</v>
      </c>
      <c r="CJ36" s="104">
        <v>0</v>
      </c>
      <c r="CK36" s="103">
        <v>463715</v>
      </c>
      <c r="CL36" s="106">
        <v>463715</v>
      </c>
      <c r="CM36" s="100">
        <v>0</v>
      </c>
      <c r="CN36" s="104">
        <v>0</v>
      </c>
      <c r="CO36" s="103">
        <v>0</v>
      </c>
      <c r="CP36" s="101">
        <v>0</v>
      </c>
      <c r="CQ36" s="104">
        <v>62468</v>
      </c>
      <c r="CR36" s="104">
        <v>174406</v>
      </c>
      <c r="CS36" s="104">
        <v>122107</v>
      </c>
      <c r="CT36" s="104">
        <v>0</v>
      </c>
      <c r="CU36" s="104">
        <v>0</v>
      </c>
      <c r="CV36" s="103">
        <v>358981</v>
      </c>
      <c r="CW36" s="106">
        <v>358981</v>
      </c>
      <c r="CX36" s="100">
        <v>0</v>
      </c>
      <c r="CY36" s="104">
        <v>0</v>
      </c>
      <c r="CZ36" s="103">
        <v>0</v>
      </c>
      <c r="DA36" s="100">
        <v>0</v>
      </c>
      <c r="DB36" s="104">
        <v>18928</v>
      </c>
      <c r="DC36" s="104">
        <v>85806</v>
      </c>
      <c r="DD36" s="104">
        <v>0</v>
      </c>
      <c r="DE36" s="104">
        <v>0</v>
      </c>
      <c r="DF36" s="104">
        <v>0</v>
      </c>
      <c r="DG36" s="103">
        <v>104734</v>
      </c>
      <c r="DH36" s="106">
        <v>104734</v>
      </c>
      <c r="DI36" s="100">
        <v>0</v>
      </c>
      <c r="DJ36" s="104">
        <v>0</v>
      </c>
      <c r="DK36" s="102">
        <v>0</v>
      </c>
      <c r="DL36" s="101">
        <v>0</v>
      </c>
      <c r="DM36" s="104">
        <v>23321</v>
      </c>
      <c r="DN36" s="104">
        <v>0</v>
      </c>
      <c r="DO36" s="104">
        <v>0</v>
      </c>
      <c r="DP36" s="104">
        <v>0</v>
      </c>
      <c r="DQ36" s="104">
        <v>0</v>
      </c>
      <c r="DR36" s="103">
        <v>23321</v>
      </c>
      <c r="DS36" s="106">
        <v>23321</v>
      </c>
      <c r="DT36" s="100">
        <v>0</v>
      </c>
      <c r="DU36" s="104">
        <v>0</v>
      </c>
      <c r="DV36" s="103">
        <v>0</v>
      </c>
      <c r="DW36" s="100">
        <v>0</v>
      </c>
      <c r="DX36" s="104">
        <v>23321</v>
      </c>
      <c r="DY36" s="104">
        <v>0</v>
      </c>
      <c r="DZ36" s="104">
        <v>0</v>
      </c>
      <c r="EA36" s="104">
        <v>0</v>
      </c>
      <c r="EB36" s="104">
        <v>0</v>
      </c>
      <c r="EC36" s="103">
        <v>23321</v>
      </c>
      <c r="ED36" s="106">
        <v>23321</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14700</v>
      </c>
      <c r="FM36" s="104">
        <v>7000</v>
      </c>
      <c r="FN36" s="103">
        <v>21700</v>
      </c>
      <c r="FO36" s="100">
        <v>0</v>
      </c>
      <c r="FP36" s="104">
        <v>10430</v>
      </c>
      <c r="FQ36" s="104">
        <v>21700</v>
      </c>
      <c r="FR36" s="104">
        <v>32935</v>
      </c>
      <c r="FS36" s="104">
        <v>11270</v>
      </c>
      <c r="FT36" s="104">
        <v>31150</v>
      </c>
      <c r="FU36" s="103">
        <v>107485</v>
      </c>
      <c r="FV36" s="106">
        <v>129185</v>
      </c>
      <c r="FW36" s="105">
        <v>14700</v>
      </c>
      <c r="FX36" s="104">
        <v>7000</v>
      </c>
      <c r="FY36" s="102">
        <v>21700</v>
      </c>
      <c r="FZ36" s="101">
        <v>0</v>
      </c>
      <c r="GA36" s="104">
        <v>10430</v>
      </c>
      <c r="GB36" s="104">
        <v>21700</v>
      </c>
      <c r="GC36" s="104">
        <v>32935</v>
      </c>
      <c r="GD36" s="104">
        <v>11270</v>
      </c>
      <c r="GE36" s="104">
        <v>31150</v>
      </c>
      <c r="GF36" s="103">
        <v>107485</v>
      </c>
      <c r="GG36" s="296">
        <v>129185</v>
      </c>
      <c r="GH36" s="105">
        <v>0</v>
      </c>
      <c r="GI36" s="104">
        <v>0</v>
      </c>
      <c r="GJ36" s="102">
        <v>0</v>
      </c>
      <c r="GK36" s="101">
        <v>0</v>
      </c>
      <c r="GL36" s="104">
        <v>0</v>
      </c>
      <c r="GM36" s="104">
        <v>0</v>
      </c>
      <c r="GN36" s="104">
        <v>0</v>
      </c>
      <c r="GO36" s="104">
        <v>0</v>
      </c>
      <c r="GP36" s="104">
        <v>0</v>
      </c>
      <c r="GQ36" s="103">
        <v>0</v>
      </c>
      <c r="GR36" s="106">
        <v>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0</v>
      </c>
      <c r="HK36" s="104">
        <v>0</v>
      </c>
      <c r="HL36" s="104">
        <v>0</v>
      </c>
      <c r="HM36" s="103">
        <v>0</v>
      </c>
      <c r="HN36" s="99">
        <v>0</v>
      </c>
      <c r="HO36" s="306"/>
      <c r="HP36" s="307"/>
      <c r="HQ36" s="308"/>
      <c r="HR36" s="309"/>
      <c r="HS36" s="307"/>
      <c r="HT36" s="307"/>
      <c r="HU36" s="307"/>
      <c r="HV36" s="307"/>
      <c r="HW36" s="307"/>
      <c r="HX36" s="310"/>
      <c r="HY36" s="311"/>
      <c r="HZ36" s="137">
        <v>0</v>
      </c>
      <c r="IA36" s="122">
        <v>0</v>
      </c>
      <c r="IB36" s="137">
        <v>0</v>
      </c>
      <c r="IC36" s="121">
        <v>0</v>
      </c>
      <c r="ID36" s="122">
        <v>31861</v>
      </c>
      <c r="IE36" s="123">
        <v>256030</v>
      </c>
      <c r="IF36" s="124">
        <v>78869</v>
      </c>
      <c r="IG36" s="122">
        <v>127393</v>
      </c>
      <c r="IH36" s="124">
        <v>0</v>
      </c>
      <c r="II36" s="125">
        <v>494153</v>
      </c>
      <c r="IJ36" s="137">
        <v>494153</v>
      </c>
      <c r="IK36" s="219">
        <v>0</v>
      </c>
      <c r="IL36" s="223">
        <v>0</v>
      </c>
      <c r="IM36" s="224">
        <v>0</v>
      </c>
      <c r="IN36" s="127"/>
      <c r="IO36" s="109">
        <v>0</v>
      </c>
      <c r="IP36" s="109">
        <v>87472</v>
      </c>
      <c r="IQ36" s="109">
        <v>0</v>
      </c>
      <c r="IR36" s="109">
        <v>0</v>
      </c>
      <c r="IS36" s="109">
        <v>0</v>
      </c>
      <c r="IT36" s="128">
        <v>87472</v>
      </c>
      <c r="IU36" s="298">
        <v>87472</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31861</v>
      </c>
      <c r="JL36" s="109">
        <v>15998</v>
      </c>
      <c r="JM36" s="109">
        <v>78869</v>
      </c>
      <c r="JN36" s="109">
        <v>127393</v>
      </c>
      <c r="JO36" s="109">
        <v>0</v>
      </c>
      <c r="JP36" s="110">
        <v>254121</v>
      </c>
      <c r="JQ36" s="298">
        <v>254121</v>
      </c>
      <c r="JR36" s="129">
        <v>0</v>
      </c>
      <c r="JS36" s="109">
        <v>0</v>
      </c>
      <c r="JT36" s="128">
        <v>0</v>
      </c>
      <c r="JU36" s="108">
        <v>0</v>
      </c>
      <c r="JV36" s="109">
        <v>0</v>
      </c>
      <c r="JW36" s="109">
        <v>0</v>
      </c>
      <c r="JX36" s="109">
        <v>0</v>
      </c>
      <c r="JY36" s="109">
        <v>0</v>
      </c>
      <c r="JZ36" s="109">
        <v>0</v>
      </c>
      <c r="KA36" s="110">
        <v>0</v>
      </c>
      <c r="KB36" s="298">
        <v>0</v>
      </c>
      <c r="KC36" s="221">
        <v>0</v>
      </c>
      <c r="KD36" s="217">
        <v>0</v>
      </c>
      <c r="KE36" s="110">
        <v>0</v>
      </c>
      <c r="KF36" s="108">
        <v>0</v>
      </c>
      <c r="KG36" s="109">
        <v>0</v>
      </c>
      <c r="KH36" s="109">
        <v>152560</v>
      </c>
      <c r="KI36" s="109">
        <v>0</v>
      </c>
      <c r="KJ36" s="109">
        <v>0</v>
      </c>
      <c r="KK36" s="109">
        <v>0</v>
      </c>
      <c r="KL36" s="110">
        <v>152560</v>
      </c>
      <c r="KM36" s="130">
        <v>152560</v>
      </c>
      <c r="KN36" s="219">
        <v>0</v>
      </c>
      <c r="KO36" s="223">
        <v>0</v>
      </c>
      <c r="KP36" s="224">
        <v>0</v>
      </c>
      <c r="KQ36" s="127"/>
      <c r="KR36" s="109">
        <v>0</v>
      </c>
      <c r="KS36" s="109">
        <v>0</v>
      </c>
      <c r="KT36" s="109">
        <v>0</v>
      </c>
      <c r="KU36" s="109">
        <v>0</v>
      </c>
      <c r="KV36" s="109">
        <v>0</v>
      </c>
      <c r="KW36" s="110">
        <v>0</v>
      </c>
      <c r="KX36" s="298">
        <v>0</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0</v>
      </c>
      <c r="LP36" s="109">
        <v>0</v>
      </c>
      <c r="LQ36" s="109">
        <v>0</v>
      </c>
      <c r="LR36" s="109">
        <v>0</v>
      </c>
      <c r="LS36" s="110">
        <v>0</v>
      </c>
      <c r="LT36" s="298">
        <v>0</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0</v>
      </c>
      <c r="MK36" s="109">
        <v>102592</v>
      </c>
      <c r="ML36" s="109">
        <v>830436</v>
      </c>
      <c r="MM36" s="109">
        <v>0</v>
      </c>
      <c r="MN36" s="109">
        <v>225673</v>
      </c>
      <c r="MO36" s="110">
        <v>1158701</v>
      </c>
      <c r="MP36" s="130">
        <v>1158701</v>
      </c>
      <c r="MQ36" s="129">
        <v>0</v>
      </c>
      <c r="MR36" s="109">
        <v>0</v>
      </c>
      <c r="MS36" s="110">
        <v>0</v>
      </c>
      <c r="MT36" s="132"/>
      <c r="MU36" s="109">
        <v>0</v>
      </c>
      <c r="MV36" s="109">
        <v>0</v>
      </c>
      <c r="MW36" s="109">
        <v>611667</v>
      </c>
      <c r="MX36" s="109">
        <v>0</v>
      </c>
      <c r="MY36" s="109">
        <v>225673</v>
      </c>
      <c r="MZ36" s="110">
        <v>837340</v>
      </c>
      <c r="NA36" s="130">
        <v>837340</v>
      </c>
      <c r="NB36" s="129">
        <v>0</v>
      </c>
      <c r="NC36" s="109">
        <v>0</v>
      </c>
      <c r="ND36" s="110">
        <v>0</v>
      </c>
      <c r="NE36" s="132"/>
      <c r="NF36" s="109">
        <v>0</v>
      </c>
      <c r="NG36" s="109">
        <v>102592</v>
      </c>
      <c r="NH36" s="109">
        <v>218769</v>
      </c>
      <c r="NI36" s="109">
        <v>0</v>
      </c>
      <c r="NJ36" s="109">
        <v>0</v>
      </c>
      <c r="NK36" s="110">
        <v>321361</v>
      </c>
      <c r="NL36" s="298">
        <v>321361</v>
      </c>
      <c r="NM36" s="129">
        <v>0</v>
      </c>
      <c r="NN36" s="109">
        <v>0</v>
      </c>
      <c r="NO36" s="110">
        <v>0</v>
      </c>
      <c r="NP36" s="132">
        <v>0</v>
      </c>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14700</v>
      </c>
      <c r="OJ36" s="109">
        <v>7000</v>
      </c>
      <c r="OK36" s="128">
        <v>21700</v>
      </c>
      <c r="OL36" s="108">
        <v>0</v>
      </c>
      <c r="OM36" s="109">
        <v>318774</v>
      </c>
      <c r="ON36" s="109">
        <v>707419</v>
      </c>
      <c r="OO36" s="109">
        <v>1145225</v>
      </c>
      <c r="OP36" s="109">
        <v>188419</v>
      </c>
      <c r="OQ36" s="109">
        <v>408135</v>
      </c>
      <c r="OR36" s="110">
        <v>2767972</v>
      </c>
      <c r="OS36" s="130">
        <v>2789672</v>
      </c>
    </row>
    <row r="37" spans="2:409" ht="21" customHeight="1" x14ac:dyDescent="0.2">
      <c r="B37" s="472" t="s">
        <v>32</v>
      </c>
      <c r="C37" s="100">
        <v>1960</v>
      </c>
      <c r="D37" s="104">
        <v>12620</v>
      </c>
      <c r="E37" s="161">
        <v>14580</v>
      </c>
      <c r="F37" s="162">
        <v>0</v>
      </c>
      <c r="G37" s="163">
        <v>297614</v>
      </c>
      <c r="H37" s="163">
        <v>389769</v>
      </c>
      <c r="I37" s="163">
        <v>325086</v>
      </c>
      <c r="J37" s="163">
        <v>503521</v>
      </c>
      <c r="K37" s="163">
        <v>518537</v>
      </c>
      <c r="L37" s="164">
        <v>2034527</v>
      </c>
      <c r="M37" s="106">
        <v>2049107</v>
      </c>
      <c r="N37" s="100">
        <v>0</v>
      </c>
      <c r="O37" s="104">
        <v>0</v>
      </c>
      <c r="P37" s="103">
        <v>0</v>
      </c>
      <c r="Q37" s="100">
        <v>0</v>
      </c>
      <c r="R37" s="104">
        <v>27566</v>
      </c>
      <c r="S37" s="104">
        <v>99841</v>
      </c>
      <c r="T37" s="104">
        <v>26964</v>
      </c>
      <c r="U37" s="104">
        <v>30562</v>
      </c>
      <c r="V37" s="104">
        <v>337589</v>
      </c>
      <c r="W37" s="103">
        <v>522522</v>
      </c>
      <c r="X37" s="106">
        <v>522522</v>
      </c>
      <c r="Y37" s="100">
        <v>0</v>
      </c>
      <c r="Z37" s="104">
        <v>0</v>
      </c>
      <c r="AA37" s="103">
        <v>0</v>
      </c>
      <c r="AB37" s="100">
        <v>0</v>
      </c>
      <c r="AC37" s="104">
        <v>0</v>
      </c>
      <c r="AD37" s="104">
        <v>23954</v>
      </c>
      <c r="AE37" s="104">
        <v>0</v>
      </c>
      <c r="AF37" s="104">
        <v>0</v>
      </c>
      <c r="AG37" s="104">
        <v>237503</v>
      </c>
      <c r="AH37" s="103">
        <v>261457</v>
      </c>
      <c r="AI37" s="106">
        <v>261457</v>
      </c>
      <c r="AJ37" s="100">
        <v>0</v>
      </c>
      <c r="AK37" s="104">
        <v>0</v>
      </c>
      <c r="AL37" s="103">
        <v>0</v>
      </c>
      <c r="AM37" s="100">
        <v>0</v>
      </c>
      <c r="AN37" s="104">
        <v>0</v>
      </c>
      <c r="AO37" s="104">
        <v>0</v>
      </c>
      <c r="AP37" s="104">
        <v>0</v>
      </c>
      <c r="AQ37" s="104">
        <v>0</v>
      </c>
      <c r="AR37" s="104">
        <v>0</v>
      </c>
      <c r="AS37" s="103">
        <v>0</v>
      </c>
      <c r="AT37" s="106">
        <v>0</v>
      </c>
      <c r="AU37" s="100">
        <v>0</v>
      </c>
      <c r="AV37" s="104">
        <v>0</v>
      </c>
      <c r="AW37" s="103">
        <v>0</v>
      </c>
      <c r="AX37" s="100">
        <v>0</v>
      </c>
      <c r="AY37" s="104">
        <v>27566</v>
      </c>
      <c r="AZ37" s="104">
        <v>50379</v>
      </c>
      <c r="BA37" s="104">
        <v>0</v>
      </c>
      <c r="BB37" s="104">
        <v>0</v>
      </c>
      <c r="BC37" s="104">
        <v>66283</v>
      </c>
      <c r="BD37" s="103">
        <v>144228</v>
      </c>
      <c r="BE37" s="106">
        <v>144228</v>
      </c>
      <c r="BF37" s="100">
        <v>0</v>
      </c>
      <c r="BG37" s="104">
        <v>0</v>
      </c>
      <c r="BH37" s="102">
        <v>0</v>
      </c>
      <c r="BI37" s="101">
        <v>0</v>
      </c>
      <c r="BJ37" s="104">
        <v>0</v>
      </c>
      <c r="BK37" s="104">
        <v>20076</v>
      </c>
      <c r="BL37" s="104">
        <v>0</v>
      </c>
      <c r="BM37" s="104">
        <v>20076</v>
      </c>
      <c r="BN37" s="104">
        <v>0</v>
      </c>
      <c r="BO37" s="103">
        <v>40152</v>
      </c>
      <c r="BP37" s="106">
        <v>40152</v>
      </c>
      <c r="BQ37" s="100">
        <v>0</v>
      </c>
      <c r="BR37" s="104">
        <v>0</v>
      </c>
      <c r="BS37" s="103">
        <v>0</v>
      </c>
      <c r="BT37" s="100">
        <v>0</v>
      </c>
      <c r="BU37" s="104">
        <v>0</v>
      </c>
      <c r="BV37" s="104">
        <v>5432</v>
      </c>
      <c r="BW37" s="104">
        <v>26964</v>
      </c>
      <c r="BX37" s="104">
        <v>10486</v>
      </c>
      <c r="BY37" s="104">
        <v>33803</v>
      </c>
      <c r="BZ37" s="103">
        <v>76685</v>
      </c>
      <c r="CA37" s="106">
        <v>76685</v>
      </c>
      <c r="CB37" s="100">
        <v>0</v>
      </c>
      <c r="CC37" s="104">
        <v>0</v>
      </c>
      <c r="CD37" s="103">
        <v>0</v>
      </c>
      <c r="CE37" s="100">
        <v>0</v>
      </c>
      <c r="CF37" s="104">
        <v>125645</v>
      </c>
      <c r="CG37" s="104">
        <v>39200</v>
      </c>
      <c r="CH37" s="104">
        <v>84225</v>
      </c>
      <c r="CI37" s="104">
        <v>214660</v>
      </c>
      <c r="CJ37" s="104">
        <v>94983</v>
      </c>
      <c r="CK37" s="103">
        <v>558713</v>
      </c>
      <c r="CL37" s="106">
        <v>558713</v>
      </c>
      <c r="CM37" s="100">
        <v>0</v>
      </c>
      <c r="CN37" s="104">
        <v>0</v>
      </c>
      <c r="CO37" s="103">
        <v>0</v>
      </c>
      <c r="CP37" s="101">
        <v>0</v>
      </c>
      <c r="CQ37" s="104">
        <v>125645</v>
      </c>
      <c r="CR37" s="104">
        <v>39200</v>
      </c>
      <c r="CS37" s="104">
        <v>8028</v>
      </c>
      <c r="CT37" s="104">
        <v>97501</v>
      </c>
      <c r="CU37" s="104">
        <v>39060</v>
      </c>
      <c r="CV37" s="103">
        <v>309434</v>
      </c>
      <c r="CW37" s="106">
        <v>309434</v>
      </c>
      <c r="CX37" s="100">
        <v>0</v>
      </c>
      <c r="CY37" s="104">
        <v>0</v>
      </c>
      <c r="CZ37" s="103">
        <v>0</v>
      </c>
      <c r="DA37" s="100">
        <v>0</v>
      </c>
      <c r="DB37" s="104">
        <v>0</v>
      </c>
      <c r="DC37" s="104">
        <v>0</v>
      </c>
      <c r="DD37" s="104">
        <v>76197</v>
      </c>
      <c r="DE37" s="104">
        <v>117159</v>
      </c>
      <c r="DF37" s="104">
        <v>55923</v>
      </c>
      <c r="DG37" s="103">
        <v>249279</v>
      </c>
      <c r="DH37" s="106">
        <v>249279</v>
      </c>
      <c r="DI37" s="100">
        <v>0</v>
      </c>
      <c r="DJ37" s="104">
        <v>12620</v>
      </c>
      <c r="DK37" s="102">
        <v>12620</v>
      </c>
      <c r="DL37" s="101">
        <v>0</v>
      </c>
      <c r="DM37" s="104">
        <v>0</v>
      </c>
      <c r="DN37" s="104">
        <v>18860</v>
      </c>
      <c r="DO37" s="104">
        <v>0</v>
      </c>
      <c r="DP37" s="104">
        <v>54781</v>
      </c>
      <c r="DQ37" s="104">
        <v>54885</v>
      </c>
      <c r="DR37" s="103">
        <v>128526</v>
      </c>
      <c r="DS37" s="106">
        <v>141146</v>
      </c>
      <c r="DT37" s="100">
        <v>0</v>
      </c>
      <c r="DU37" s="104">
        <v>12620</v>
      </c>
      <c r="DV37" s="103">
        <v>12620</v>
      </c>
      <c r="DW37" s="100">
        <v>0</v>
      </c>
      <c r="DX37" s="104">
        <v>0</v>
      </c>
      <c r="DY37" s="104">
        <v>18860</v>
      </c>
      <c r="DZ37" s="104">
        <v>0</v>
      </c>
      <c r="EA37" s="104">
        <v>54781</v>
      </c>
      <c r="EB37" s="104">
        <v>25898</v>
      </c>
      <c r="EC37" s="103">
        <v>99539</v>
      </c>
      <c r="ED37" s="106">
        <v>112159</v>
      </c>
      <c r="EE37" s="100">
        <v>0</v>
      </c>
      <c r="EF37" s="102">
        <v>0</v>
      </c>
      <c r="EG37" s="103">
        <v>0</v>
      </c>
      <c r="EH37" s="100">
        <v>0</v>
      </c>
      <c r="EI37" s="104">
        <v>0</v>
      </c>
      <c r="EJ37" s="104">
        <v>0</v>
      </c>
      <c r="EK37" s="104">
        <v>0</v>
      </c>
      <c r="EL37" s="104">
        <v>0</v>
      </c>
      <c r="EM37" s="104">
        <v>28987</v>
      </c>
      <c r="EN37" s="102">
        <v>28987</v>
      </c>
      <c r="EO37" s="106">
        <v>28987</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1960</v>
      </c>
      <c r="FM37" s="104">
        <v>0</v>
      </c>
      <c r="FN37" s="103">
        <v>1960</v>
      </c>
      <c r="FO37" s="100">
        <v>0</v>
      </c>
      <c r="FP37" s="104">
        <v>10150</v>
      </c>
      <c r="FQ37" s="104">
        <v>86310</v>
      </c>
      <c r="FR37" s="104">
        <v>34650</v>
      </c>
      <c r="FS37" s="104">
        <v>21448</v>
      </c>
      <c r="FT37" s="104">
        <v>31080</v>
      </c>
      <c r="FU37" s="103">
        <v>183638</v>
      </c>
      <c r="FV37" s="106">
        <v>185598</v>
      </c>
      <c r="FW37" s="105">
        <v>1960</v>
      </c>
      <c r="FX37" s="104">
        <v>0</v>
      </c>
      <c r="FY37" s="102">
        <v>1960</v>
      </c>
      <c r="FZ37" s="101">
        <v>0</v>
      </c>
      <c r="GA37" s="104">
        <v>10150</v>
      </c>
      <c r="GB37" s="104">
        <v>86310</v>
      </c>
      <c r="GC37" s="104">
        <v>34650</v>
      </c>
      <c r="GD37" s="104">
        <v>21448</v>
      </c>
      <c r="GE37" s="104">
        <v>31080</v>
      </c>
      <c r="GF37" s="103">
        <v>183638</v>
      </c>
      <c r="GG37" s="296">
        <v>185598</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134253</v>
      </c>
      <c r="HI37" s="104">
        <v>145558</v>
      </c>
      <c r="HJ37" s="104">
        <v>179247</v>
      </c>
      <c r="HK37" s="104">
        <v>182070</v>
      </c>
      <c r="HL37" s="104">
        <v>0</v>
      </c>
      <c r="HM37" s="103">
        <v>641128</v>
      </c>
      <c r="HN37" s="99">
        <v>641128</v>
      </c>
      <c r="HO37" s="306"/>
      <c r="HP37" s="307"/>
      <c r="HQ37" s="308"/>
      <c r="HR37" s="309"/>
      <c r="HS37" s="307"/>
      <c r="HT37" s="307"/>
      <c r="HU37" s="307"/>
      <c r="HV37" s="307"/>
      <c r="HW37" s="307"/>
      <c r="HX37" s="310"/>
      <c r="HY37" s="311"/>
      <c r="HZ37" s="118">
        <v>0</v>
      </c>
      <c r="IA37" s="119">
        <v>0</v>
      </c>
      <c r="IB37" s="120">
        <v>0</v>
      </c>
      <c r="IC37" s="133">
        <v>0</v>
      </c>
      <c r="ID37" s="119">
        <v>112161</v>
      </c>
      <c r="IE37" s="134">
        <v>331730</v>
      </c>
      <c r="IF37" s="120">
        <v>211502</v>
      </c>
      <c r="IG37" s="119">
        <v>0</v>
      </c>
      <c r="IH37" s="120">
        <v>425824</v>
      </c>
      <c r="II37" s="135">
        <v>1081217</v>
      </c>
      <c r="IJ37" s="126">
        <v>1081217</v>
      </c>
      <c r="IK37" s="219">
        <v>0</v>
      </c>
      <c r="IL37" s="223">
        <v>0</v>
      </c>
      <c r="IM37" s="224">
        <v>0</v>
      </c>
      <c r="IN37" s="127"/>
      <c r="IO37" s="109">
        <v>0</v>
      </c>
      <c r="IP37" s="109">
        <v>62153</v>
      </c>
      <c r="IQ37" s="109">
        <v>0</v>
      </c>
      <c r="IR37" s="109">
        <v>0</v>
      </c>
      <c r="IS37" s="109">
        <v>0</v>
      </c>
      <c r="IT37" s="128">
        <v>62153</v>
      </c>
      <c r="IU37" s="298">
        <v>62153</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0</v>
      </c>
      <c r="JL37" s="109">
        <v>0</v>
      </c>
      <c r="JM37" s="109">
        <v>34255</v>
      </c>
      <c r="JN37" s="109">
        <v>0</v>
      </c>
      <c r="JO37" s="109">
        <v>0</v>
      </c>
      <c r="JP37" s="110">
        <v>34255</v>
      </c>
      <c r="JQ37" s="298">
        <v>34255</v>
      </c>
      <c r="JR37" s="129">
        <v>0</v>
      </c>
      <c r="JS37" s="109">
        <v>0</v>
      </c>
      <c r="JT37" s="128">
        <v>0</v>
      </c>
      <c r="JU37" s="108">
        <v>0</v>
      </c>
      <c r="JV37" s="109">
        <v>112161</v>
      </c>
      <c r="JW37" s="109">
        <v>0</v>
      </c>
      <c r="JX37" s="109">
        <v>0</v>
      </c>
      <c r="JY37" s="109">
        <v>0</v>
      </c>
      <c r="JZ37" s="109">
        <v>0</v>
      </c>
      <c r="KA37" s="110">
        <v>112161</v>
      </c>
      <c r="KB37" s="298">
        <v>112161</v>
      </c>
      <c r="KC37" s="221">
        <v>0</v>
      </c>
      <c r="KD37" s="217">
        <v>0</v>
      </c>
      <c r="KE37" s="110">
        <v>0</v>
      </c>
      <c r="KF37" s="108">
        <v>0</v>
      </c>
      <c r="KG37" s="109">
        <v>0</v>
      </c>
      <c r="KH37" s="109">
        <v>269577</v>
      </c>
      <c r="KI37" s="109">
        <v>0</v>
      </c>
      <c r="KJ37" s="109">
        <v>0</v>
      </c>
      <c r="KK37" s="109">
        <v>0</v>
      </c>
      <c r="KL37" s="110">
        <v>269577</v>
      </c>
      <c r="KM37" s="130">
        <v>269577</v>
      </c>
      <c r="KN37" s="219">
        <v>0</v>
      </c>
      <c r="KO37" s="223">
        <v>0</v>
      </c>
      <c r="KP37" s="224">
        <v>0</v>
      </c>
      <c r="KQ37" s="127"/>
      <c r="KR37" s="109">
        <v>0</v>
      </c>
      <c r="KS37" s="109">
        <v>0</v>
      </c>
      <c r="KT37" s="109">
        <v>0</v>
      </c>
      <c r="KU37" s="109">
        <v>0</v>
      </c>
      <c r="KV37" s="109">
        <v>228788</v>
      </c>
      <c r="KW37" s="110">
        <v>228788</v>
      </c>
      <c r="KX37" s="298">
        <v>228788</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177247</v>
      </c>
      <c r="LQ37" s="109">
        <v>0</v>
      </c>
      <c r="LR37" s="109">
        <v>197036</v>
      </c>
      <c r="LS37" s="110">
        <v>374283</v>
      </c>
      <c r="LT37" s="298">
        <v>374283</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0</v>
      </c>
      <c r="MK37" s="109">
        <v>0</v>
      </c>
      <c r="ML37" s="109">
        <v>204017</v>
      </c>
      <c r="MM37" s="109">
        <v>292872</v>
      </c>
      <c r="MN37" s="109">
        <v>261371</v>
      </c>
      <c r="MO37" s="110">
        <v>758260</v>
      </c>
      <c r="MP37" s="130">
        <v>758260</v>
      </c>
      <c r="MQ37" s="129">
        <v>0</v>
      </c>
      <c r="MR37" s="109">
        <v>0</v>
      </c>
      <c r="MS37" s="110">
        <v>0</v>
      </c>
      <c r="MT37" s="132"/>
      <c r="MU37" s="109">
        <v>0</v>
      </c>
      <c r="MV37" s="109">
        <v>0</v>
      </c>
      <c r="MW37" s="109">
        <v>204017</v>
      </c>
      <c r="MX37" s="109">
        <v>0</v>
      </c>
      <c r="MY37" s="109">
        <v>261371</v>
      </c>
      <c r="MZ37" s="110">
        <v>465388</v>
      </c>
      <c r="NA37" s="130">
        <v>465388</v>
      </c>
      <c r="NB37" s="129">
        <v>0</v>
      </c>
      <c r="NC37" s="109">
        <v>0</v>
      </c>
      <c r="ND37" s="110">
        <v>0</v>
      </c>
      <c r="NE37" s="132"/>
      <c r="NF37" s="109">
        <v>0</v>
      </c>
      <c r="NG37" s="109">
        <v>0</v>
      </c>
      <c r="NH37" s="109">
        <v>0</v>
      </c>
      <c r="NI37" s="109">
        <v>292872</v>
      </c>
      <c r="NJ37" s="109">
        <v>0</v>
      </c>
      <c r="NK37" s="110">
        <v>292872</v>
      </c>
      <c r="NL37" s="298">
        <v>292872</v>
      </c>
      <c r="NM37" s="129">
        <v>0</v>
      </c>
      <c r="NN37" s="109">
        <v>0</v>
      </c>
      <c r="NO37" s="110">
        <v>0</v>
      </c>
      <c r="NP37" s="132">
        <v>0</v>
      </c>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1960</v>
      </c>
      <c r="OJ37" s="109">
        <v>12620</v>
      </c>
      <c r="OK37" s="128">
        <v>14580</v>
      </c>
      <c r="OL37" s="108">
        <v>0</v>
      </c>
      <c r="OM37" s="109">
        <v>409775</v>
      </c>
      <c r="ON37" s="109">
        <v>721499</v>
      </c>
      <c r="OO37" s="109">
        <v>740605</v>
      </c>
      <c r="OP37" s="109">
        <v>796393</v>
      </c>
      <c r="OQ37" s="109">
        <v>1205732</v>
      </c>
      <c r="OR37" s="110">
        <v>3874004</v>
      </c>
      <c r="OS37" s="130">
        <v>3888584</v>
      </c>
    </row>
    <row r="38" spans="2:409" ht="21" customHeight="1" x14ac:dyDescent="0.2">
      <c r="B38" s="472" t="s">
        <v>33</v>
      </c>
      <c r="C38" s="100">
        <v>4200</v>
      </c>
      <c r="D38" s="104">
        <v>4900</v>
      </c>
      <c r="E38" s="103">
        <v>9100</v>
      </c>
      <c r="F38" s="99">
        <v>0</v>
      </c>
      <c r="G38" s="104">
        <v>472960</v>
      </c>
      <c r="H38" s="104">
        <v>85915</v>
      </c>
      <c r="I38" s="104">
        <v>801368</v>
      </c>
      <c r="J38" s="104">
        <v>225231</v>
      </c>
      <c r="K38" s="104">
        <v>570703</v>
      </c>
      <c r="L38" s="160">
        <v>2156177</v>
      </c>
      <c r="M38" s="106">
        <v>2165277</v>
      </c>
      <c r="N38" s="100">
        <v>0</v>
      </c>
      <c r="O38" s="104">
        <v>0</v>
      </c>
      <c r="P38" s="103">
        <v>0</v>
      </c>
      <c r="Q38" s="100">
        <v>0</v>
      </c>
      <c r="R38" s="104">
        <v>158428</v>
      </c>
      <c r="S38" s="104">
        <v>74365</v>
      </c>
      <c r="T38" s="104">
        <v>58065</v>
      </c>
      <c r="U38" s="104">
        <v>17661</v>
      </c>
      <c r="V38" s="104">
        <v>241762</v>
      </c>
      <c r="W38" s="103">
        <v>550281</v>
      </c>
      <c r="X38" s="106">
        <v>550281</v>
      </c>
      <c r="Y38" s="100">
        <v>0</v>
      </c>
      <c r="Z38" s="104">
        <v>0</v>
      </c>
      <c r="AA38" s="103">
        <v>0</v>
      </c>
      <c r="AB38" s="100">
        <v>0</v>
      </c>
      <c r="AC38" s="104">
        <v>54534</v>
      </c>
      <c r="AD38" s="104">
        <v>0</v>
      </c>
      <c r="AE38" s="104">
        <v>0</v>
      </c>
      <c r="AF38" s="104">
        <v>0</v>
      </c>
      <c r="AG38" s="104">
        <v>170412</v>
      </c>
      <c r="AH38" s="103">
        <v>224946</v>
      </c>
      <c r="AI38" s="106">
        <v>224946</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0</v>
      </c>
      <c r="AZ38" s="104">
        <v>27573</v>
      </c>
      <c r="BA38" s="104">
        <v>0</v>
      </c>
      <c r="BB38" s="104">
        <v>0</v>
      </c>
      <c r="BC38" s="104">
        <v>11384</v>
      </c>
      <c r="BD38" s="103">
        <v>38957</v>
      </c>
      <c r="BE38" s="106">
        <v>38957</v>
      </c>
      <c r="BF38" s="100">
        <v>0</v>
      </c>
      <c r="BG38" s="104">
        <v>0</v>
      </c>
      <c r="BH38" s="102">
        <v>0</v>
      </c>
      <c r="BI38" s="101">
        <v>0</v>
      </c>
      <c r="BJ38" s="104">
        <v>100268</v>
      </c>
      <c r="BK38" s="104">
        <v>46792</v>
      </c>
      <c r="BL38" s="104">
        <v>13370</v>
      </c>
      <c r="BM38" s="104">
        <v>0</v>
      </c>
      <c r="BN38" s="104">
        <v>46792</v>
      </c>
      <c r="BO38" s="103">
        <v>207222</v>
      </c>
      <c r="BP38" s="106">
        <v>207222</v>
      </c>
      <c r="BQ38" s="100">
        <v>0</v>
      </c>
      <c r="BR38" s="104">
        <v>0</v>
      </c>
      <c r="BS38" s="103">
        <v>0</v>
      </c>
      <c r="BT38" s="100">
        <v>0</v>
      </c>
      <c r="BU38" s="104">
        <v>3626</v>
      </c>
      <c r="BV38" s="104">
        <v>0</v>
      </c>
      <c r="BW38" s="104">
        <v>44695</v>
      </c>
      <c r="BX38" s="104">
        <v>17661</v>
      </c>
      <c r="BY38" s="104">
        <v>13174</v>
      </c>
      <c r="BZ38" s="103">
        <v>79156</v>
      </c>
      <c r="CA38" s="106">
        <v>79156</v>
      </c>
      <c r="CB38" s="100">
        <v>0</v>
      </c>
      <c r="CC38" s="104">
        <v>0</v>
      </c>
      <c r="CD38" s="103">
        <v>0</v>
      </c>
      <c r="CE38" s="100">
        <v>0</v>
      </c>
      <c r="CF38" s="104">
        <v>121042</v>
      </c>
      <c r="CG38" s="104">
        <v>0</v>
      </c>
      <c r="CH38" s="104">
        <v>2364</v>
      </c>
      <c r="CI38" s="104">
        <v>0</v>
      </c>
      <c r="CJ38" s="104">
        <v>61145</v>
      </c>
      <c r="CK38" s="103">
        <v>184551</v>
      </c>
      <c r="CL38" s="106">
        <v>184551</v>
      </c>
      <c r="CM38" s="100">
        <v>0</v>
      </c>
      <c r="CN38" s="104">
        <v>0</v>
      </c>
      <c r="CO38" s="103">
        <v>0</v>
      </c>
      <c r="CP38" s="101">
        <v>0</v>
      </c>
      <c r="CQ38" s="104">
        <v>68613</v>
      </c>
      <c r="CR38" s="104">
        <v>0</v>
      </c>
      <c r="CS38" s="104">
        <v>0</v>
      </c>
      <c r="CT38" s="104">
        <v>0</v>
      </c>
      <c r="CU38" s="104">
        <v>61145</v>
      </c>
      <c r="CV38" s="103">
        <v>129758</v>
      </c>
      <c r="CW38" s="106">
        <v>129758</v>
      </c>
      <c r="CX38" s="100">
        <v>0</v>
      </c>
      <c r="CY38" s="104">
        <v>0</v>
      </c>
      <c r="CZ38" s="103">
        <v>0</v>
      </c>
      <c r="DA38" s="100">
        <v>0</v>
      </c>
      <c r="DB38" s="104">
        <v>52429</v>
      </c>
      <c r="DC38" s="104">
        <v>0</v>
      </c>
      <c r="DD38" s="104">
        <v>2364</v>
      </c>
      <c r="DE38" s="104">
        <v>0</v>
      </c>
      <c r="DF38" s="104">
        <v>0</v>
      </c>
      <c r="DG38" s="103">
        <v>54793</v>
      </c>
      <c r="DH38" s="106">
        <v>54793</v>
      </c>
      <c r="DI38" s="100">
        <v>0</v>
      </c>
      <c r="DJ38" s="104">
        <v>0</v>
      </c>
      <c r="DK38" s="102">
        <v>0</v>
      </c>
      <c r="DL38" s="101">
        <v>0</v>
      </c>
      <c r="DM38" s="104">
        <v>46988</v>
      </c>
      <c r="DN38" s="104">
        <v>0</v>
      </c>
      <c r="DO38" s="104">
        <v>21420</v>
      </c>
      <c r="DP38" s="104">
        <v>-189413</v>
      </c>
      <c r="DQ38" s="104">
        <v>0</v>
      </c>
      <c r="DR38" s="103">
        <v>-121005</v>
      </c>
      <c r="DS38" s="106">
        <v>-121005</v>
      </c>
      <c r="DT38" s="100">
        <v>0</v>
      </c>
      <c r="DU38" s="104">
        <v>0</v>
      </c>
      <c r="DV38" s="103">
        <v>0</v>
      </c>
      <c r="DW38" s="100">
        <v>0</v>
      </c>
      <c r="DX38" s="104">
        <v>0</v>
      </c>
      <c r="DY38" s="104">
        <v>0</v>
      </c>
      <c r="DZ38" s="104">
        <v>21420</v>
      </c>
      <c r="EA38" s="104">
        <v>-189413</v>
      </c>
      <c r="EB38" s="104">
        <v>0</v>
      </c>
      <c r="EC38" s="103">
        <v>-167993</v>
      </c>
      <c r="ED38" s="106">
        <v>-167993</v>
      </c>
      <c r="EE38" s="100">
        <v>0</v>
      </c>
      <c r="EF38" s="102">
        <v>0</v>
      </c>
      <c r="EG38" s="103">
        <v>0</v>
      </c>
      <c r="EH38" s="100">
        <v>0</v>
      </c>
      <c r="EI38" s="104">
        <v>46988</v>
      </c>
      <c r="EJ38" s="104">
        <v>0</v>
      </c>
      <c r="EK38" s="104">
        <v>0</v>
      </c>
      <c r="EL38" s="104">
        <v>0</v>
      </c>
      <c r="EM38" s="104">
        <v>0</v>
      </c>
      <c r="EN38" s="102">
        <v>46988</v>
      </c>
      <c r="EO38" s="106">
        <v>46988</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4200</v>
      </c>
      <c r="FM38" s="104">
        <v>4900</v>
      </c>
      <c r="FN38" s="103">
        <v>9100</v>
      </c>
      <c r="FO38" s="100">
        <v>0</v>
      </c>
      <c r="FP38" s="104">
        <v>9660</v>
      </c>
      <c r="FQ38" s="104">
        <v>11550</v>
      </c>
      <c r="FR38" s="104">
        <v>21728</v>
      </c>
      <c r="FS38" s="104">
        <v>0</v>
      </c>
      <c r="FT38" s="104">
        <v>60256</v>
      </c>
      <c r="FU38" s="103">
        <v>103194</v>
      </c>
      <c r="FV38" s="106">
        <v>112294</v>
      </c>
      <c r="FW38" s="105">
        <v>4200</v>
      </c>
      <c r="FX38" s="104">
        <v>4900</v>
      </c>
      <c r="FY38" s="102">
        <v>9100</v>
      </c>
      <c r="FZ38" s="101">
        <v>0</v>
      </c>
      <c r="GA38" s="104">
        <v>9660</v>
      </c>
      <c r="GB38" s="104">
        <v>11550</v>
      </c>
      <c r="GC38" s="104">
        <v>21728</v>
      </c>
      <c r="GD38" s="104">
        <v>0</v>
      </c>
      <c r="GE38" s="104">
        <v>60256</v>
      </c>
      <c r="GF38" s="103">
        <v>103194</v>
      </c>
      <c r="GG38" s="296">
        <v>112294</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0</v>
      </c>
      <c r="HF38" s="102">
        <v>0</v>
      </c>
      <c r="HG38" s="101">
        <v>0</v>
      </c>
      <c r="HH38" s="104">
        <v>136842</v>
      </c>
      <c r="HI38" s="104">
        <v>0</v>
      </c>
      <c r="HJ38" s="104">
        <v>697791</v>
      </c>
      <c r="HK38" s="104">
        <v>396983</v>
      </c>
      <c r="HL38" s="104">
        <v>207540</v>
      </c>
      <c r="HM38" s="103">
        <v>1439156</v>
      </c>
      <c r="HN38" s="99">
        <v>1439156</v>
      </c>
      <c r="HO38" s="306"/>
      <c r="HP38" s="307"/>
      <c r="HQ38" s="308"/>
      <c r="HR38" s="309"/>
      <c r="HS38" s="307"/>
      <c r="HT38" s="307"/>
      <c r="HU38" s="307"/>
      <c r="HV38" s="307"/>
      <c r="HW38" s="307"/>
      <c r="HX38" s="310"/>
      <c r="HY38" s="311"/>
      <c r="HZ38" s="137">
        <v>0</v>
      </c>
      <c r="IA38" s="122">
        <v>0</v>
      </c>
      <c r="IB38" s="137">
        <v>0</v>
      </c>
      <c r="IC38" s="133">
        <v>0</v>
      </c>
      <c r="ID38" s="119">
        <v>41515</v>
      </c>
      <c r="IE38" s="134">
        <v>0</v>
      </c>
      <c r="IF38" s="120">
        <v>66969</v>
      </c>
      <c r="IG38" s="119">
        <v>70361</v>
      </c>
      <c r="IH38" s="120">
        <v>239532</v>
      </c>
      <c r="II38" s="135">
        <v>418377</v>
      </c>
      <c r="IJ38" s="137">
        <v>418377</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41515</v>
      </c>
      <c r="JL38" s="109">
        <v>0</v>
      </c>
      <c r="JM38" s="109">
        <v>66969</v>
      </c>
      <c r="JN38" s="109">
        <v>70361</v>
      </c>
      <c r="JO38" s="109">
        <v>0</v>
      </c>
      <c r="JP38" s="110">
        <v>178845</v>
      </c>
      <c r="JQ38" s="298">
        <v>178845</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0</v>
      </c>
      <c r="KU38" s="109">
        <v>0</v>
      </c>
      <c r="KV38" s="109">
        <v>0</v>
      </c>
      <c r="KW38" s="110">
        <v>0</v>
      </c>
      <c r="KX38" s="298">
        <v>0</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0</v>
      </c>
      <c r="LZ38" s="109">
        <v>0</v>
      </c>
      <c r="MA38" s="109">
        <v>0</v>
      </c>
      <c r="MB38" s="109">
        <v>0</v>
      </c>
      <c r="MC38" s="109">
        <v>239532</v>
      </c>
      <c r="MD38" s="110">
        <v>239532</v>
      </c>
      <c r="ME38" s="111">
        <v>239532</v>
      </c>
      <c r="MF38" s="129">
        <v>0</v>
      </c>
      <c r="MG38" s="109">
        <v>0</v>
      </c>
      <c r="MH38" s="110">
        <v>0</v>
      </c>
      <c r="MI38" s="132"/>
      <c r="MJ38" s="109">
        <v>0</v>
      </c>
      <c r="MK38" s="109">
        <v>0</v>
      </c>
      <c r="ML38" s="109">
        <v>271503</v>
      </c>
      <c r="MM38" s="109">
        <v>536748</v>
      </c>
      <c r="MN38" s="109">
        <v>947355</v>
      </c>
      <c r="MO38" s="110">
        <v>1755606</v>
      </c>
      <c r="MP38" s="130">
        <v>1755606</v>
      </c>
      <c r="MQ38" s="129">
        <v>0</v>
      </c>
      <c r="MR38" s="109">
        <v>0</v>
      </c>
      <c r="MS38" s="110">
        <v>0</v>
      </c>
      <c r="MT38" s="132"/>
      <c r="MU38" s="109">
        <v>0</v>
      </c>
      <c r="MV38" s="109">
        <v>0</v>
      </c>
      <c r="MW38" s="109">
        <v>0</v>
      </c>
      <c r="MX38" s="109">
        <v>0</v>
      </c>
      <c r="MY38" s="109">
        <v>0</v>
      </c>
      <c r="MZ38" s="110">
        <v>0</v>
      </c>
      <c r="NA38" s="130">
        <v>0</v>
      </c>
      <c r="NB38" s="129">
        <v>0</v>
      </c>
      <c r="NC38" s="109">
        <v>0</v>
      </c>
      <c r="ND38" s="110">
        <v>0</v>
      </c>
      <c r="NE38" s="132"/>
      <c r="NF38" s="109">
        <v>0</v>
      </c>
      <c r="NG38" s="109">
        <v>0</v>
      </c>
      <c r="NH38" s="109">
        <v>271503</v>
      </c>
      <c r="NI38" s="109">
        <v>238421</v>
      </c>
      <c r="NJ38" s="109">
        <v>0</v>
      </c>
      <c r="NK38" s="110">
        <v>509924</v>
      </c>
      <c r="NL38" s="298">
        <v>509924</v>
      </c>
      <c r="NM38" s="129">
        <v>0</v>
      </c>
      <c r="NN38" s="109">
        <v>0</v>
      </c>
      <c r="NO38" s="110">
        <v>0</v>
      </c>
      <c r="NP38" s="132">
        <v>0</v>
      </c>
      <c r="NQ38" s="109">
        <v>0</v>
      </c>
      <c r="NR38" s="109">
        <v>0</v>
      </c>
      <c r="NS38" s="109">
        <v>0</v>
      </c>
      <c r="NT38" s="109">
        <v>0</v>
      </c>
      <c r="NU38" s="109">
        <v>0</v>
      </c>
      <c r="NV38" s="110">
        <v>0</v>
      </c>
      <c r="NW38" s="111">
        <v>0</v>
      </c>
      <c r="NX38" s="129">
        <v>0</v>
      </c>
      <c r="NY38" s="109">
        <v>0</v>
      </c>
      <c r="NZ38" s="110">
        <v>0</v>
      </c>
      <c r="OA38" s="132"/>
      <c r="OB38" s="109">
        <v>0</v>
      </c>
      <c r="OC38" s="109">
        <v>0</v>
      </c>
      <c r="OD38" s="109">
        <v>0</v>
      </c>
      <c r="OE38" s="109">
        <v>298327</v>
      </c>
      <c r="OF38" s="109">
        <v>947355</v>
      </c>
      <c r="OG38" s="110">
        <v>1245682</v>
      </c>
      <c r="OH38" s="111">
        <v>1245682</v>
      </c>
      <c r="OI38" s="129">
        <v>4200</v>
      </c>
      <c r="OJ38" s="109">
        <v>4900</v>
      </c>
      <c r="OK38" s="128">
        <v>9100</v>
      </c>
      <c r="OL38" s="108">
        <v>0</v>
      </c>
      <c r="OM38" s="109">
        <v>514475</v>
      </c>
      <c r="ON38" s="109">
        <v>85915</v>
      </c>
      <c r="OO38" s="109">
        <v>1139840</v>
      </c>
      <c r="OP38" s="109">
        <v>832340</v>
      </c>
      <c r="OQ38" s="109">
        <v>1757590</v>
      </c>
      <c r="OR38" s="110">
        <v>4330160</v>
      </c>
      <c r="OS38" s="130">
        <v>4339260</v>
      </c>
    </row>
    <row r="39" spans="2:409" ht="21" customHeight="1" x14ac:dyDescent="0.2">
      <c r="B39" s="472" t="s">
        <v>34</v>
      </c>
      <c r="C39" s="100">
        <v>0</v>
      </c>
      <c r="D39" s="104">
        <v>40978</v>
      </c>
      <c r="E39" s="161">
        <v>40978</v>
      </c>
      <c r="F39" s="162">
        <v>0</v>
      </c>
      <c r="G39" s="163">
        <v>55909</v>
      </c>
      <c r="H39" s="163">
        <v>258510</v>
      </c>
      <c r="I39" s="163">
        <v>327817</v>
      </c>
      <c r="J39" s="163">
        <v>0</v>
      </c>
      <c r="K39" s="163">
        <v>20902</v>
      </c>
      <c r="L39" s="164">
        <v>663138</v>
      </c>
      <c r="M39" s="106">
        <v>704116</v>
      </c>
      <c r="N39" s="100">
        <v>0</v>
      </c>
      <c r="O39" s="104">
        <v>38178</v>
      </c>
      <c r="P39" s="103">
        <v>38178</v>
      </c>
      <c r="Q39" s="100">
        <v>0</v>
      </c>
      <c r="R39" s="104">
        <v>52409</v>
      </c>
      <c r="S39" s="104">
        <v>39438</v>
      </c>
      <c r="T39" s="104">
        <v>13538</v>
      </c>
      <c r="U39" s="104">
        <v>0</v>
      </c>
      <c r="V39" s="104">
        <v>4172</v>
      </c>
      <c r="W39" s="103">
        <v>109557</v>
      </c>
      <c r="X39" s="106">
        <v>147735</v>
      </c>
      <c r="Y39" s="100">
        <v>0</v>
      </c>
      <c r="Z39" s="104">
        <v>0</v>
      </c>
      <c r="AA39" s="103">
        <v>0</v>
      </c>
      <c r="AB39" s="100">
        <v>0</v>
      </c>
      <c r="AC39" s="104">
        <v>36876</v>
      </c>
      <c r="AD39" s="104">
        <v>0</v>
      </c>
      <c r="AE39" s="104">
        <v>0</v>
      </c>
      <c r="AF39" s="104">
        <v>0</v>
      </c>
      <c r="AG39" s="104">
        <v>0</v>
      </c>
      <c r="AH39" s="103">
        <v>36876</v>
      </c>
      <c r="AI39" s="106">
        <v>36876</v>
      </c>
      <c r="AJ39" s="100">
        <v>0</v>
      </c>
      <c r="AK39" s="104">
        <v>0</v>
      </c>
      <c r="AL39" s="103">
        <v>0</v>
      </c>
      <c r="AM39" s="100">
        <v>0</v>
      </c>
      <c r="AN39" s="104">
        <v>0</v>
      </c>
      <c r="AO39" s="104">
        <v>0</v>
      </c>
      <c r="AP39" s="104">
        <v>0</v>
      </c>
      <c r="AQ39" s="104">
        <v>0</v>
      </c>
      <c r="AR39" s="104">
        <v>0</v>
      </c>
      <c r="AS39" s="103">
        <v>0</v>
      </c>
      <c r="AT39" s="106">
        <v>0</v>
      </c>
      <c r="AU39" s="100">
        <v>0</v>
      </c>
      <c r="AV39" s="104">
        <v>38178</v>
      </c>
      <c r="AW39" s="103">
        <v>38178</v>
      </c>
      <c r="AX39" s="100">
        <v>0</v>
      </c>
      <c r="AY39" s="104">
        <v>0</v>
      </c>
      <c r="AZ39" s="104">
        <v>0</v>
      </c>
      <c r="BA39" s="104">
        <v>0</v>
      </c>
      <c r="BB39" s="104">
        <v>0</v>
      </c>
      <c r="BC39" s="104">
        <v>0</v>
      </c>
      <c r="BD39" s="103">
        <v>0</v>
      </c>
      <c r="BE39" s="106">
        <v>38178</v>
      </c>
      <c r="BF39" s="100">
        <v>0</v>
      </c>
      <c r="BG39" s="104">
        <v>0</v>
      </c>
      <c r="BH39" s="102">
        <v>0</v>
      </c>
      <c r="BI39" s="101">
        <v>0</v>
      </c>
      <c r="BJ39" s="104">
        <v>0</v>
      </c>
      <c r="BK39" s="104">
        <v>39438</v>
      </c>
      <c r="BL39" s="104">
        <v>0</v>
      </c>
      <c r="BM39" s="104">
        <v>0</v>
      </c>
      <c r="BN39" s="104">
        <v>0</v>
      </c>
      <c r="BO39" s="103">
        <v>39438</v>
      </c>
      <c r="BP39" s="106">
        <v>39438</v>
      </c>
      <c r="BQ39" s="100">
        <v>0</v>
      </c>
      <c r="BR39" s="104">
        <v>0</v>
      </c>
      <c r="BS39" s="103">
        <v>0</v>
      </c>
      <c r="BT39" s="100">
        <v>0</v>
      </c>
      <c r="BU39" s="104">
        <v>15533</v>
      </c>
      <c r="BV39" s="104">
        <v>0</v>
      </c>
      <c r="BW39" s="104">
        <v>13538</v>
      </c>
      <c r="BX39" s="104">
        <v>0</v>
      </c>
      <c r="BY39" s="104">
        <v>4172</v>
      </c>
      <c r="BZ39" s="103">
        <v>33243</v>
      </c>
      <c r="CA39" s="106">
        <v>33243</v>
      </c>
      <c r="CB39" s="100">
        <v>0</v>
      </c>
      <c r="CC39" s="104">
        <v>0</v>
      </c>
      <c r="CD39" s="103">
        <v>0</v>
      </c>
      <c r="CE39" s="100">
        <v>0</v>
      </c>
      <c r="CF39" s="104">
        <v>0</v>
      </c>
      <c r="CG39" s="104">
        <v>211372</v>
      </c>
      <c r="CH39" s="104">
        <v>148351</v>
      </c>
      <c r="CI39" s="104">
        <v>0</v>
      </c>
      <c r="CJ39" s="104">
        <v>0</v>
      </c>
      <c r="CK39" s="103">
        <v>359723</v>
      </c>
      <c r="CL39" s="106">
        <v>359723</v>
      </c>
      <c r="CM39" s="100">
        <v>0</v>
      </c>
      <c r="CN39" s="104">
        <v>0</v>
      </c>
      <c r="CO39" s="103">
        <v>0</v>
      </c>
      <c r="CP39" s="101">
        <v>0</v>
      </c>
      <c r="CQ39" s="104">
        <v>0</v>
      </c>
      <c r="CR39" s="104">
        <v>211372</v>
      </c>
      <c r="CS39" s="104">
        <v>148351</v>
      </c>
      <c r="CT39" s="104">
        <v>0</v>
      </c>
      <c r="CU39" s="104">
        <v>0</v>
      </c>
      <c r="CV39" s="103">
        <v>359723</v>
      </c>
      <c r="CW39" s="106">
        <v>359723</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0</v>
      </c>
      <c r="FM39" s="104">
        <v>2800</v>
      </c>
      <c r="FN39" s="103">
        <v>2800</v>
      </c>
      <c r="FO39" s="100">
        <v>0</v>
      </c>
      <c r="FP39" s="104">
        <v>3500</v>
      </c>
      <c r="FQ39" s="104">
        <v>7700</v>
      </c>
      <c r="FR39" s="104">
        <v>0</v>
      </c>
      <c r="FS39" s="104">
        <v>0</v>
      </c>
      <c r="FT39" s="104">
        <v>16730</v>
      </c>
      <c r="FU39" s="103">
        <v>27930</v>
      </c>
      <c r="FV39" s="106">
        <v>30730</v>
      </c>
      <c r="FW39" s="105">
        <v>0</v>
      </c>
      <c r="FX39" s="104">
        <v>2800</v>
      </c>
      <c r="FY39" s="102">
        <v>2800</v>
      </c>
      <c r="FZ39" s="101">
        <v>0</v>
      </c>
      <c r="GA39" s="104">
        <v>3500</v>
      </c>
      <c r="GB39" s="104">
        <v>7700</v>
      </c>
      <c r="GC39" s="104">
        <v>0</v>
      </c>
      <c r="GD39" s="104">
        <v>0</v>
      </c>
      <c r="GE39" s="104">
        <v>16730</v>
      </c>
      <c r="GF39" s="103">
        <v>27930</v>
      </c>
      <c r="GG39" s="296">
        <v>30730</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0</v>
      </c>
      <c r="HJ39" s="104">
        <v>165928</v>
      </c>
      <c r="HK39" s="104">
        <v>0</v>
      </c>
      <c r="HL39" s="104">
        <v>0</v>
      </c>
      <c r="HM39" s="103">
        <v>165928</v>
      </c>
      <c r="HN39" s="99">
        <v>165928</v>
      </c>
      <c r="HO39" s="306"/>
      <c r="HP39" s="307"/>
      <c r="HQ39" s="308"/>
      <c r="HR39" s="309"/>
      <c r="HS39" s="307"/>
      <c r="HT39" s="307"/>
      <c r="HU39" s="307"/>
      <c r="HV39" s="307"/>
      <c r="HW39" s="307"/>
      <c r="HX39" s="310"/>
      <c r="HY39" s="311"/>
      <c r="HZ39" s="118">
        <v>0</v>
      </c>
      <c r="IA39" s="119">
        <v>0</v>
      </c>
      <c r="IB39" s="120">
        <v>0</v>
      </c>
      <c r="IC39" s="133">
        <v>0</v>
      </c>
      <c r="ID39" s="119">
        <v>98350</v>
      </c>
      <c r="IE39" s="134">
        <v>0</v>
      </c>
      <c r="IF39" s="120">
        <v>0</v>
      </c>
      <c r="IG39" s="119">
        <v>0</v>
      </c>
      <c r="IH39" s="120">
        <v>273343</v>
      </c>
      <c r="II39" s="135">
        <v>371693</v>
      </c>
      <c r="IJ39" s="126">
        <v>371693</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0</v>
      </c>
      <c r="JL39" s="109">
        <v>0</v>
      </c>
      <c r="JM39" s="109">
        <v>0</v>
      </c>
      <c r="JN39" s="109">
        <v>0</v>
      </c>
      <c r="JO39" s="109">
        <v>0</v>
      </c>
      <c r="JP39" s="110">
        <v>0</v>
      </c>
      <c r="JQ39" s="298">
        <v>0</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98350</v>
      </c>
      <c r="KH39" s="109">
        <v>0</v>
      </c>
      <c r="KI39" s="109">
        <v>0</v>
      </c>
      <c r="KJ39" s="109">
        <v>0</v>
      </c>
      <c r="KK39" s="109">
        <v>0</v>
      </c>
      <c r="KL39" s="110">
        <v>98350</v>
      </c>
      <c r="KM39" s="130">
        <v>98350</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0</v>
      </c>
      <c r="LZ39" s="109">
        <v>0</v>
      </c>
      <c r="MA39" s="109">
        <v>0</v>
      </c>
      <c r="MB39" s="109">
        <v>0</v>
      </c>
      <c r="MC39" s="109">
        <v>273343</v>
      </c>
      <c r="MD39" s="110">
        <v>273343</v>
      </c>
      <c r="ME39" s="111">
        <v>273343</v>
      </c>
      <c r="MF39" s="129">
        <v>0</v>
      </c>
      <c r="MG39" s="109">
        <v>0</v>
      </c>
      <c r="MH39" s="110">
        <v>0</v>
      </c>
      <c r="MI39" s="132"/>
      <c r="MJ39" s="109">
        <v>0</v>
      </c>
      <c r="MK39" s="109">
        <v>0</v>
      </c>
      <c r="ML39" s="109">
        <v>0</v>
      </c>
      <c r="MM39" s="109">
        <v>0</v>
      </c>
      <c r="MN39" s="109">
        <v>0</v>
      </c>
      <c r="MO39" s="110">
        <v>0</v>
      </c>
      <c r="MP39" s="130">
        <v>0</v>
      </c>
      <c r="MQ39" s="129">
        <v>0</v>
      </c>
      <c r="MR39" s="109">
        <v>0</v>
      </c>
      <c r="MS39" s="110">
        <v>0</v>
      </c>
      <c r="MT39" s="132"/>
      <c r="MU39" s="109">
        <v>0</v>
      </c>
      <c r="MV39" s="109">
        <v>0</v>
      </c>
      <c r="MW39" s="109">
        <v>0</v>
      </c>
      <c r="MX39" s="109">
        <v>0</v>
      </c>
      <c r="MY39" s="109">
        <v>0</v>
      </c>
      <c r="MZ39" s="110">
        <v>0</v>
      </c>
      <c r="NA39" s="130">
        <v>0</v>
      </c>
      <c r="NB39" s="129">
        <v>0</v>
      </c>
      <c r="NC39" s="109">
        <v>0</v>
      </c>
      <c r="ND39" s="110">
        <v>0</v>
      </c>
      <c r="NE39" s="132"/>
      <c r="NF39" s="109">
        <v>0</v>
      </c>
      <c r="NG39" s="109">
        <v>0</v>
      </c>
      <c r="NH39" s="109">
        <v>0</v>
      </c>
      <c r="NI39" s="109">
        <v>0</v>
      </c>
      <c r="NJ39" s="109">
        <v>0</v>
      </c>
      <c r="NK39" s="110">
        <v>0</v>
      </c>
      <c r="NL39" s="298">
        <v>0</v>
      </c>
      <c r="NM39" s="129">
        <v>0</v>
      </c>
      <c r="NN39" s="109">
        <v>0</v>
      </c>
      <c r="NO39" s="110">
        <v>0</v>
      </c>
      <c r="NP39" s="132">
        <v>0</v>
      </c>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0</v>
      </c>
      <c r="OJ39" s="109">
        <v>40978</v>
      </c>
      <c r="OK39" s="128">
        <v>40978</v>
      </c>
      <c r="OL39" s="108">
        <v>0</v>
      </c>
      <c r="OM39" s="109">
        <v>154259</v>
      </c>
      <c r="ON39" s="109">
        <v>258510</v>
      </c>
      <c r="OO39" s="109">
        <v>327817</v>
      </c>
      <c r="OP39" s="109">
        <v>0</v>
      </c>
      <c r="OQ39" s="109">
        <v>294245</v>
      </c>
      <c r="OR39" s="110">
        <v>1034831</v>
      </c>
      <c r="OS39" s="130">
        <v>1075809</v>
      </c>
    </row>
    <row r="40" spans="2:409" ht="21" customHeight="1" x14ac:dyDescent="0.2">
      <c r="B40" s="472" t="s">
        <v>35</v>
      </c>
      <c r="C40" s="100">
        <v>282933</v>
      </c>
      <c r="D40" s="104">
        <v>111508</v>
      </c>
      <c r="E40" s="103">
        <v>394441</v>
      </c>
      <c r="F40" s="99">
        <v>0</v>
      </c>
      <c r="G40" s="104">
        <v>420514</v>
      </c>
      <c r="H40" s="104">
        <v>1070692</v>
      </c>
      <c r="I40" s="104">
        <v>846585</v>
      </c>
      <c r="J40" s="104">
        <v>1244098</v>
      </c>
      <c r="K40" s="104">
        <v>920895</v>
      </c>
      <c r="L40" s="160">
        <v>4502784</v>
      </c>
      <c r="M40" s="106">
        <v>4897225</v>
      </c>
      <c r="N40" s="100">
        <v>89313</v>
      </c>
      <c r="O40" s="104">
        <v>39058</v>
      </c>
      <c r="P40" s="103">
        <v>128371</v>
      </c>
      <c r="Q40" s="100">
        <v>0</v>
      </c>
      <c r="R40" s="104">
        <v>266402</v>
      </c>
      <c r="S40" s="104">
        <v>188398</v>
      </c>
      <c r="T40" s="104">
        <v>234192</v>
      </c>
      <c r="U40" s="104">
        <v>262094</v>
      </c>
      <c r="V40" s="104">
        <v>291228</v>
      </c>
      <c r="W40" s="103">
        <v>1242314</v>
      </c>
      <c r="X40" s="106">
        <v>1370685</v>
      </c>
      <c r="Y40" s="100">
        <v>0</v>
      </c>
      <c r="Z40" s="104">
        <v>0</v>
      </c>
      <c r="AA40" s="103">
        <v>0</v>
      </c>
      <c r="AB40" s="100">
        <v>0</v>
      </c>
      <c r="AC40" s="104">
        <v>155471</v>
      </c>
      <c r="AD40" s="104">
        <v>81879</v>
      </c>
      <c r="AE40" s="104">
        <v>55489</v>
      </c>
      <c r="AF40" s="104">
        <v>3430</v>
      </c>
      <c r="AG40" s="104">
        <v>153090</v>
      </c>
      <c r="AH40" s="103">
        <v>449359</v>
      </c>
      <c r="AI40" s="106">
        <v>449359</v>
      </c>
      <c r="AJ40" s="100">
        <v>0</v>
      </c>
      <c r="AK40" s="104">
        <v>0</v>
      </c>
      <c r="AL40" s="103">
        <v>0</v>
      </c>
      <c r="AM40" s="100">
        <v>0</v>
      </c>
      <c r="AN40" s="104">
        <v>0</v>
      </c>
      <c r="AO40" s="104">
        <v>0</v>
      </c>
      <c r="AP40" s="104">
        <v>21427</v>
      </c>
      <c r="AQ40" s="104">
        <v>9947</v>
      </c>
      <c r="AR40" s="104">
        <v>39802</v>
      </c>
      <c r="AS40" s="103">
        <v>71176</v>
      </c>
      <c r="AT40" s="106">
        <v>71176</v>
      </c>
      <c r="AU40" s="100">
        <v>31738</v>
      </c>
      <c r="AV40" s="104">
        <v>19276</v>
      </c>
      <c r="AW40" s="103">
        <v>51014</v>
      </c>
      <c r="AX40" s="100">
        <v>0</v>
      </c>
      <c r="AY40" s="104">
        <v>63492</v>
      </c>
      <c r="AZ40" s="104">
        <v>39046</v>
      </c>
      <c r="BA40" s="104">
        <v>112861</v>
      </c>
      <c r="BB40" s="104">
        <v>116438</v>
      </c>
      <c r="BC40" s="104">
        <v>81228</v>
      </c>
      <c r="BD40" s="103">
        <v>413065</v>
      </c>
      <c r="BE40" s="106">
        <v>464079</v>
      </c>
      <c r="BF40" s="100">
        <v>19719</v>
      </c>
      <c r="BG40" s="104">
        <v>0</v>
      </c>
      <c r="BH40" s="102">
        <v>19719</v>
      </c>
      <c r="BI40" s="101">
        <v>0</v>
      </c>
      <c r="BJ40" s="104">
        <v>29743</v>
      </c>
      <c r="BK40" s="104">
        <v>0</v>
      </c>
      <c r="BL40" s="104">
        <v>0</v>
      </c>
      <c r="BM40" s="104">
        <v>73017</v>
      </c>
      <c r="BN40" s="104">
        <v>0</v>
      </c>
      <c r="BO40" s="103">
        <v>102760</v>
      </c>
      <c r="BP40" s="106">
        <v>122479</v>
      </c>
      <c r="BQ40" s="100">
        <v>37856</v>
      </c>
      <c r="BR40" s="104">
        <v>19782</v>
      </c>
      <c r="BS40" s="103">
        <v>57638</v>
      </c>
      <c r="BT40" s="100">
        <v>0</v>
      </c>
      <c r="BU40" s="104">
        <v>17696</v>
      </c>
      <c r="BV40" s="104">
        <v>67473</v>
      </c>
      <c r="BW40" s="104">
        <v>44415</v>
      </c>
      <c r="BX40" s="104">
        <v>59262</v>
      </c>
      <c r="BY40" s="104">
        <v>17108</v>
      </c>
      <c r="BZ40" s="103">
        <v>205954</v>
      </c>
      <c r="CA40" s="106">
        <v>263592</v>
      </c>
      <c r="CB40" s="100">
        <v>0</v>
      </c>
      <c r="CC40" s="104">
        <v>64988</v>
      </c>
      <c r="CD40" s="103">
        <v>64988</v>
      </c>
      <c r="CE40" s="100">
        <v>0</v>
      </c>
      <c r="CF40" s="104">
        <v>115752</v>
      </c>
      <c r="CG40" s="104">
        <v>167181</v>
      </c>
      <c r="CH40" s="104">
        <v>13104</v>
      </c>
      <c r="CI40" s="104">
        <v>132097</v>
      </c>
      <c r="CJ40" s="104">
        <v>79345</v>
      </c>
      <c r="CK40" s="103">
        <v>507479</v>
      </c>
      <c r="CL40" s="106">
        <v>572467</v>
      </c>
      <c r="CM40" s="100">
        <v>0</v>
      </c>
      <c r="CN40" s="104">
        <v>0</v>
      </c>
      <c r="CO40" s="103">
        <v>0</v>
      </c>
      <c r="CP40" s="101">
        <v>0</v>
      </c>
      <c r="CQ40" s="104">
        <v>54180</v>
      </c>
      <c r="CR40" s="104">
        <v>117740</v>
      </c>
      <c r="CS40" s="104">
        <v>13104</v>
      </c>
      <c r="CT40" s="104">
        <v>42686</v>
      </c>
      <c r="CU40" s="104">
        <v>79345</v>
      </c>
      <c r="CV40" s="103">
        <v>307055</v>
      </c>
      <c r="CW40" s="106">
        <v>307055</v>
      </c>
      <c r="CX40" s="100">
        <v>0</v>
      </c>
      <c r="CY40" s="104">
        <v>64988</v>
      </c>
      <c r="CZ40" s="103">
        <v>64988</v>
      </c>
      <c r="DA40" s="100">
        <v>0</v>
      </c>
      <c r="DB40" s="104">
        <v>61572</v>
      </c>
      <c r="DC40" s="104">
        <v>49441</v>
      </c>
      <c r="DD40" s="104">
        <v>0</v>
      </c>
      <c r="DE40" s="104">
        <v>89411</v>
      </c>
      <c r="DF40" s="104">
        <v>0</v>
      </c>
      <c r="DG40" s="103">
        <v>200424</v>
      </c>
      <c r="DH40" s="106">
        <v>265412</v>
      </c>
      <c r="DI40" s="100">
        <v>0</v>
      </c>
      <c r="DJ40" s="104">
        <v>0</v>
      </c>
      <c r="DK40" s="102">
        <v>0</v>
      </c>
      <c r="DL40" s="101">
        <v>0</v>
      </c>
      <c r="DM40" s="104">
        <v>0</v>
      </c>
      <c r="DN40" s="104">
        <v>0</v>
      </c>
      <c r="DO40" s="104">
        <v>0</v>
      </c>
      <c r="DP40" s="104">
        <v>32865</v>
      </c>
      <c r="DQ40" s="104">
        <v>85414</v>
      </c>
      <c r="DR40" s="103">
        <v>118279</v>
      </c>
      <c r="DS40" s="106">
        <v>118279</v>
      </c>
      <c r="DT40" s="100">
        <v>0</v>
      </c>
      <c r="DU40" s="104">
        <v>0</v>
      </c>
      <c r="DV40" s="103">
        <v>0</v>
      </c>
      <c r="DW40" s="100">
        <v>0</v>
      </c>
      <c r="DX40" s="104">
        <v>0</v>
      </c>
      <c r="DY40" s="104">
        <v>0</v>
      </c>
      <c r="DZ40" s="104">
        <v>0</v>
      </c>
      <c r="EA40" s="104">
        <v>32865</v>
      </c>
      <c r="EB40" s="104">
        <v>85414</v>
      </c>
      <c r="EC40" s="103">
        <v>118279</v>
      </c>
      <c r="ED40" s="106">
        <v>118279</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4550</v>
      </c>
      <c r="FM40" s="104">
        <v>7462</v>
      </c>
      <c r="FN40" s="103">
        <v>12012</v>
      </c>
      <c r="FO40" s="100">
        <v>0</v>
      </c>
      <c r="FP40" s="104">
        <v>38360</v>
      </c>
      <c r="FQ40" s="104">
        <v>138320</v>
      </c>
      <c r="FR40" s="104">
        <v>102130</v>
      </c>
      <c r="FS40" s="104">
        <v>265020</v>
      </c>
      <c r="FT40" s="104">
        <v>37142</v>
      </c>
      <c r="FU40" s="103">
        <v>580972</v>
      </c>
      <c r="FV40" s="106">
        <v>592984</v>
      </c>
      <c r="FW40" s="105">
        <v>4550</v>
      </c>
      <c r="FX40" s="104">
        <v>7462</v>
      </c>
      <c r="FY40" s="102">
        <v>12012</v>
      </c>
      <c r="FZ40" s="101">
        <v>0</v>
      </c>
      <c r="GA40" s="104">
        <v>38360</v>
      </c>
      <c r="GB40" s="104">
        <v>105056</v>
      </c>
      <c r="GC40" s="104">
        <v>102130</v>
      </c>
      <c r="GD40" s="104">
        <v>125020</v>
      </c>
      <c r="GE40" s="104">
        <v>37142</v>
      </c>
      <c r="GF40" s="103">
        <v>407708</v>
      </c>
      <c r="GG40" s="296">
        <v>419720</v>
      </c>
      <c r="GH40" s="105">
        <v>0</v>
      </c>
      <c r="GI40" s="104">
        <v>0</v>
      </c>
      <c r="GJ40" s="102">
        <v>0</v>
      </c>
      <c r="GK40" s="101">
        <v>0</v>
      </c>
      <c r="GL40" s="104">
        <v>0</v>
      </c>
      <c r="GM40" s="104">
        <v>33264</v>
      </c>
      <c r="GN40" s="104">
        <v>0</v>
      </c>
      <c r="GO40" s="104">
        <v>0</v>
      </c>
      <c r="GP40" s="104">
        <v>0</v>
      </c>
      <c r="GQ40" s="103">
        <v>33264</v>
      </c>
      <c r="GR40" s="106">
        <v>33264</v>
      </c>
      <c r="GS40" s="100">
        <v>0</v>
      </c>
      <c r="GT40" s="104">
        <v>0</v>
      </c>
      <c r="GU40" s="103">
        <v>0</v>
      </c>
      <c r="GV40" s="100">
        <v>0</v>
      </c>
      <c r="GW40" s="104">
        <v>0</v>
      </c>
      <c r="GX40" s="104">
        <v>0</v>
      </c>
      <c r="GY40" s="104">
        <v>0</v>
      </c>
      <c r="GZ40" s="104">
        <v>140000</v>
      </c>
      <c r="HA40" s="104">
        <v>0</v>
      </c>
      <c r="HB40" s="102">
        <v>140000</v>
      </c>
      <c r="HC40" s="106">
        <v>140000</v>
      </c>
      <c r="HD40" s="100">
        <v>189070</v>
      </c>
      <c r="HE40" s="104">
        <v>0</v>
      </c>
      <c r="HF40" s="102">
        <v>189070</v>
      </c>
      <c r="HG40" s="101">
        <v>0</v>
      </c>
      <c r="HH40" s="104">
        <v>0</v>
      </c>
      <c r="HI40" s="104">
        <v>576793</v>
      </c>
      <c r="HJ40" s="104">
        <v>497159</v>
      </c>
      <c r="HK40" s="104">
        <v>552022</v>
      </c>
      <c r="HL40" s="104">
        <v>427766</v>
      </c>
      <c r="HM40" s="103">
        <v>2053740</v>
      </c>
      <c r="HN40" s="99">
        <v>2242810</v>
      </c>
      <c r="HO40" s="306"/>
      <c r="HP40" s="307"/>
      <c r="HQ40" s="308"/>
      <c r="HR40" s="309"/>
      <c r="HS40" s="307"/>
      <c r="HT40" s="307"/>
      <c r="HU40" s="307"/>
      <c r="HV40" s="307"/>
      <c r="HW40" s="307"/>
      <c r="HX40" s="310"/>
      <c r="HY40" s="311"/>
      <c r="HZ40" s="137">
        <v>0</v>
      </c>
      <c r="IA40" s="122">
        <v>0</v>
      </c>
      <c r="IB40" s="137">
        <v>0</v>
      </c>
      <c r="IC40" s="133">
        <v>0</v>
      </c>
      <c r="ID40" s="119">
        <v>286342</v>
      </c>
      <c r="IE40" s="134">
        <v>0</v>
      </c>
      <c r="IF40" s="120">
        <v>0</v>
      </c>
      <c r="IG40" s="119">
        <v>154623</v>
      </c>
      <c r="IH40" s="120">
        <v>66507</v>
      </c>
      <c r="II40" s="135">
        <v>507472</v>
      </c>
      <c r="IJ40" s="137">
        <v>507472</v>
      </c>
      <c r="IK40" s="219">
        <v>0</v>
      </c>
      <c r="IL40" s="223">
        <v>0</v>
      </c>
      <c r="IM40" s="224">
        <v>0</v>
      </c>
      <c r="IN40" s="127"/>
      <c r="IO40" s="109">
        <v>0</v>
      </c>
      <c r="IP40" s="109">
        <v>0</v>
      </c>
      <c r="IQ40" s="109">
        <v>0</v>
      </c>
      <c r="IR40" s="109">
        <v>0</v>
      </c>
      <c r="IS40" s="109">
        <v>0</v>
      </c>
      <c r="IT40" s="128">
        <v>0</v>
      </c>
      <c r="IU40" s="298">
        <v>0</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82838</v>
      </c>
      <c r="KH40" s="109">
        <v>0</v>
      </c>
      <c r="KI40" s="109">
        <v>0</v>
      </c>
      <c r="KJ40" s="109">
        <v>0</v>
      </c>
      <c r="KK40" s="109">
        <v>66507</v>
      </c>
      <c r="KL40" s="110">
        <v>149345</v>
      </c>
      <c r="KM40" s="130">
        <v>149345</v>
      </c>
      <c r="KN40" s="219">
        <v>0</v>
      </c>
      <c r="KO40" s="223">
        <v>0</v>
      </c>
      <c r="KP40" s="224">
        <v>0</v>
      </c>
      <c r="KQ40" s="127"/>
      <c r="KR40" s="109">
        <v>203504</v>
      </c>
      <c r="KS40" s="109">
        <v>0</v>
      </c>
      <c r="KT40" s="109">
        <v>0</v>
      </c>
      <c r="KU40" s="109">
        <v>154623</v>
      </c>
      <c r="KV40" s="109">
        <v>0</v>
      </c>
      <c r="KW40" s="110">
        <v>358127</v>
      </c>
      <c r="KX40" s="298">
        <v>358127</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0</v>
      </c>
      <c r="MK40" s="109">
        <v>0</v>
      </c>
      <c r="ML40" s="109">
        <v>0</v>
      </c>
      <c r="MM40" s="109">
        <v>231945</v>
      </c>
      <c r="MN40" s="109">
        <v>0</v>
      </c>
      <c r="MO40" s="110">
        <v>231945</v>
      </c>
      <c r="MP40" s="130">
        <v>231945</v>
      </c>
      <c r="MQ40" s="129">
        <v>0</v>
      </c>
      <c r="MR40" s="109">
        <v>0</v>
      </c>
      <c r="MS40" s="110">
        <v>0</v>
      </c>
      <c r="MT40" s="132"/>
      <c r="MU40" s="109">
        <v>0</v>
      </c>
      <c r="MV40" s="109">
        <v>0</v>
      </c>
      <c r="MW40" s="109">
        <v>0</v>
      </c>
      <c r="MX40" s="109">
        <v>231945</v>
      </c>
      <c r="MY40" s="109">
        <v>0</v>
      </c>
      <c r="MZ40" s="110">
        <v>231945</v>
      </c>
      <c r="NA40" s="130">
        <v>231945</v>
      </c>
      <c r="NB40" s="129">
        <v>0</v>
      </c>
      <c r="NC40" s="109">
        <v>0</v>
      </c>
      <c r="ND40" s="110">
        <v>0</v>
      </c>
      <c r="NE40" s="132"/>
      <c r="NF40" s="109">
        <v>0</v>
      </c>
      <c r="NG40" s="109">
        <v>0</v>
      </c>
      <c r="NH40" s="109">
        <v>0</v>
      </c>
      <c r="NI40" s="109">
        <v>0</v>
      </c>
      <c r="NJ40" s="109">
        <v>0</v>
      </c>
      <c r="NK40" s="110">
        <v>0</v>
      </c>
      <c r="NL40" s="298">
        <v>0</v>
      </c>
      <c r="NM40" s="129">
        <v>0</v>
      </c>
      <c r="NN40" s="109">
        <v>0</v>
      </c>
      <c r="NO40" s="110">
        <v>0</v>
      </c>
      <c r="NP40" s="132">
        <v>0</v>
      </c>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282933</v>
      </c>
      <c r="OJ40" s="109">
        <v>111508</v>
      </c>
      <c r="OK40" s="128">
        <v>394441</v>
      </c>
      <c r="OL40" s="108">
        <v>0</v>
      </c>
      <c r="OM40" s="109">
        <v>706856</v>
      </c>
      <c r="ON40" s="109">
        <v>1070692</v>
      </c>
      <c r="OO40" s="109">
        <v>846585</v>
      </c>
      <c r="OP40" s="109">
        <v>1630666</v>
      </c>
      <c r="OQ40" s="109">
        <v>987402</v>
      </c>
      <c r="OR40" s="110">
        <v>5242201</v>
      </c>
      <c r="OS40" s="130">
        <v>5636642</v>
      </c>
    </row>
    <row r="41" spans="2:409" ht="21" customHeight="1" x14ac:dyDescent="0.2">
      <c r="B41" s="472" t="s">
        <v>36</v>
      </c>
      <c r="C41" s="100">
        <v>2100</v>
      </c>
      <c r="D41" s="104">
        <v>73382</v>
      </c>
      <c r="E41" s="103">
        <v>75482</v>
      </c>
      <c r="F41" s="99">
        <v>0</v>
      </c>
      <c r="G41" s="104">
        <v>185317</v>
      </c>
      <c r="H41" s="104">
        <v>1051404</v>
      </c>
      <c r="I41" s="104">
        <v>186354</v>
      </c>
      <c r="J41" s="104">
        <v>862714</v>
      </c>
      <c r="K41" s="104">
        <v>396768</v>
      </c>
      <c r="L41" s="160">
        <v>2682557</v>
      </c>
      <c r="M41" s="106">
        <v>2758039</v>
      </c>
      <c r="N41" s="100">
        <v>0</v>
      </c>
      <c r="O41" s="104">
        <v>42582</v>
      </c>
      <c r="P41" s="103">
        <v>42582</v>
      </c>
      <c r="Q41" s="100">
        <v>0</v>
      </c>
      <c r="R41" s="104">
        <v>117295</v>
      </c>
      <c r="S41" s="104">
        <v>99831</v>
      </c>
      <c r="T41" s="104">
        <v>15925</v>
      </c>
      <c r="U41" s="104">
        <v>273531</v>
      </c>
      <c r="V41" s="104">
        <v>309613</v>
      </c>
      <c r="W41" s="103">
        <v>816195</v>
      </c>
      <c r="X41" s="106">
        <v>858777</v>
      </c>
      <c r="Y41" s="100">
        <v>0</v>
      </c>
      <c r="Z41" s="104">
        <v>0</v>
      </c>
      <c r="AA41" s="103">
        <v>0</v>
      </c>
      <c r="AB41" s="100">
        <v>0</v>
      </c>
      <c r="AC41" s="104">
        <v>47973</v>
      </c>
      <c r="AD41" s="104">
        <v>16207</v>
      </c>
      <c r="AE41" s="104">
        <v>0</v>
      </c>
      <c r="AF41" s="104">
        <v>219958</v>
      </c>
      <c r="AG41" s="104">
        <v>220380</v>
      </c>
      <c r="AH41" s="103">
        <v>504518</v>
      </c>
      <c r="AI41" s="106">
        <v>504518</v>
      </c>
      <c r="AJ41" s="100">
        <v>0</v>
      </c>
      <c r="AK41" s="104">
        <v>0</v>
      </c>
      <c r="AL41" s="103">
        <v>0</v>
      </c>
      <c r="AM41" s="100">
        <v>0</v>
      </c>
      <c r="AN41" s="104">
        <v>0</v>
      </c>
      <c r="AO41" s="104">
        <v>0</v>
      </c>
      <c r="AP41" s="104">
        <v>0</v>
      </c>
      <c r="AQ41" s="104">
        <v>0</v>
      </c>
      <c r="AR41" s="104">
        <v>0</v>
      </c>
      <c r="AS41" s="103">
        <v>0</v>
      </c>
      <c r="AT41" s="106">
        <v>0</v>
      </c>
      <c r="AU41" s="100">
        <v>0</v>
      </c>
      <c r="AV41" s="104">
        <v>42582</v>
      </c>
      <c r="AW41" s="103">
        <v>42582</v>
      </c>
      <c r="AX41" s="100">
        <v>0</v>
      </c>
      <c r="AY41" s="104">
        <v>30048</v>
      </c>
      <c r="AZ41" s="104">
        <v>8892</v>
      </c>
      <c r="BA41" s="104">
        <v>0</v>
      </c>
      <c r="BB41" s="104">
        <v>12140</v>
      </c>
      <c r="BC41" s="104">
        <v>64369</v>
      </c>
      <c r="BD41" s="103">
        <v>115449</v>
      </c>
      <c r="BE41" s="106">
        <v>158031</v>
      </c>
      <c r="BF41" s="100">
        <v>0</v>
      </c>
      <c r="BG41" s="104">
        <v>0</v>
      </c>
      <c r="BH41" s="102">
        <v>0</v>
      </c>
      <c r="BI41" s="101">
        <v>0</v>
      </c>
      <c r="BJ41" s="104">
        <v>32050</v>
      </c>
      <c r="BK41" s="104">
        <v>0</v>
      </c>
      <c r="BL41" s="104">
        <v>0</v>
      </c>
      <c r="BM41" s="104">
        <v>0</v>
      </c>
      <c r="BN41" s="104">
        <v>0</v>
      </c>
      <c r="BO41" s="103">
        <v>32050</v>
      </c>
      <c r="BP41" s="106">
        <v>32050</v>
      </c>
      <c r="BQ41" s="100">
        <v>0</v>
      </c>
      <c r="BR41" s="104">
        <v>0</v>
      </c>
      <c r="BS41" s="103">
        <v>0</v>
      </c>
      <c r="BT41" s="100">
        <v>0</v>
      </c>
      <c r="BU41" s="104">
        <v>7224</v>
      </c>
      <c r="BV41" s="104">
        <v>74732</v>
      </c>
      <c r="BW41" s="104">
        <v>15925</v>
      </c>
      <c r="BX41" s="104">
        <v>41433</v>
      </c>
      <c r="BY41" s="104">
        <v>24864</v>
      </c>
      <c r="BZ41" s="103">
        <v>164178</v>
      </c>
      <c r="CA41" s="106">
        <v>164178</v>
      </c>
      <c r="CB41" s="100">
        <v>0</v>
      </c>
      <c r="CC41" s="104">
        <v>0</v>
      </c>
      <c r="CD41" s="103">
        <v>0</v>
      </c>
      <c r="CE41" s="100">
        <v>0</v>
      </c>
      <c r="CF41" s="104">
        <v>48772</v>
      </c>
      <c r="CG41" s="104">
        <v>283807</v>
      </c>
      <c r="CH41" s="104">
        <v>0</v>
      </c>
      <c r="CI41" s="104">
        <v>108205</v>
      </c>
      <c r="CJ41" s="104">
        <v>50699</v>
      </c>
      <c r="CK41" s="103">
        <v>491483</v>
      </c>
      <c r="CL41" s="106">
        <v>491483</v>
      </c>
      <c r="CM41" s="100">
        <v>0</v>
      </c>
      <c r="CN41" s="104">
        <v>0</v>
      </c>
      <c r="CO41" s="103">
        <v>0</v>
      </c>
      <c r="CP41" s="101">
        <v>0</v>
      </c>
      <c r="CQ41" s="104">
        <v>24343</v>
      </c>
      <c r="CR41" s="104">
        <v>283807</v>
      </c>
      <c r="CS41" s="104">
        <v>0</v>
      </c>
      <c r="CT41" s="104">
        <v>108205</v>
      </c>
      <c r="CU41" s="104">
        <v>50699</v>
      </c>
      <c r="CV41" s="103">
        <v>467054</v>
      </c>
      <c r="CW41" s="106">
        <v>467054</v>
      </c>
      <c r="CX41" s="100">
        <v>0</v>
      </c>
      <c r="CY41" s="104">
        <v>0</v>
      </c>
      <c r="CZ41" s="103">
        <v>0</v>
      </c>
      <c r="DA41" s="100">
        <v>0</v>
      </c>
      <c r="DB41" s="104">
        <v>24429</v>
      </c>
      <c r="DC41" s="104">
        <v>0</v>
      </c>
      <c r="DD41" s="104">
        <v>0</v>
      </c>
      <c r="DE41" s="104">
        <v>0</v>
      </c>
      <c r="DF41" s="104">
        <v>0</v>
      </c>
      <c r="DG41" s="103">
        <v>24429</v>
      </c>
      <c r="DH41" s="106">
        <v>24429</v>
      </c>
      <c r="DI41" s="100">
        <v>0</v>
      </c>
      <c r="DJ41" s="104">
        <v>0</v>
      </c>
      <c r="DK41" s="102">
        <v>0</v>
      </c>
      <c r="DL41" s="101">
        <v>0</v>
      </c>
      <c r="DM41" s="104">
        <v>0</v>
      </c>
      <c r="DN41" s="104">
        <v>149711</v>
      </c>
      <c r="DO41" s="104">
        <v>0</v>
      </c>
      <c r="DP41" s="104">
        <v>69724</v>
      </c>
      <c r="DQ41" s="104">
        <v>0</v>
      </c>
      <c r="DR41" s="103">
        <v>219435</v>
      </c>
      <c r="DS41" s="106">
        <v>219435</v>
      </c>
      <c r="DT41" s="100">
        <v>0</v>
      </c>
      <c r="DU41" s="104">
        <v>0</v>
      </c>
      <c r="DV41" s="103">
        <v>0</v>
      </c>
      <c r="DW41" s="100">
        <v>0</v>
      </c>
      <c r="DX41" s="104">
        <v>0</v>
      </c>
      <c r="DY41" s="104">
        <v>149711</v>
      </c>
      <c r="DZ41" s="104">
        <v>0</v>
      </c>
      <c r="EA41" s="104">
        <v>69724</v>
      </c>
      <c r="EB41" s="104">
        <v>0</v>
      </c>
      <c r="EC41" s="103">
        <v>219435</v>
      </c>
      <c r="ED41" s="106">
        <v>219435</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2100</v>
      </c>
      <c r="FM41" s="104">
        <v>30800</v>
      </c>
      <c r="FN41" s="103">
        <v>32900</v>
      </c>
      <c r="FO41" s="100">
        <v>0</v>
      </c>
      <c r="FP41" s="104">
        <v>19250</v>
      </c>
      <c r="FQ41" s="104">
        <v>50610</v>
      </c>
      <c r="FR41" s="104">
        <v>0</v>
      </c>
      <c r="FS41" s="104">
        <v>38780</v>
      </c>
      <c r="FT41" s="104">
        <v>36456</v>
      </c>
      <c r="FU41" s="103">
        <v>145096</v>
      </c>
      <c r="FV41" s="106">
        <v>177996</v>
      </c>
      <c r="FW41" s="105">
        <v>2100</v>
      </c>
      <c r="FX41" s="104">
        <v>30800</v>
      </c>
      <c r="FY41" s="102">
        <v>32900</v>
      </c>
      <c r="FZ41" s="101">
        <v>0</v>
      </c>
      <c r="GA41" s="104">
        <v>19250</v>
      </c>
      <c r="GB41" s="104">
        <v>50610</v>
      </c>
      <c r="GC41" s="104">
        <v>0</v>
      </c>
      <c r="GD41" s="104">
        <v>38780</v>
      </c>
      <c r="GE41" s="104">
        <v>36456</v>
      </c>
      <c r="GF41" s="103">
        <v>145096</v>
      </c>
      <c r="GG41" s="296">
        <v>177996</v>
      </c>
      <c r="GH41" s="105">
        <v>0</v>
      </c>
      <c r="GI41" s="104">
        <v>0</v>
      </c>
      <c r="GJ41" s="102">
        <v>0</v>
      </c>
      <c r="GK41" s="101">
        <v>0</v>
      </c>
      <c r="GL41" s="104">
        <v>0</v>
      </c>
      <c r="GM41" s="104">
        <v>0</v>
      </c>
      <c r="GN41" s="104">
        <v>0</v>
      </c>
      <c r="GO41" s="104">
        <v>0</v>
      </c>
      <c r="GP41" s="104">
        <v>0</v>
      </c>
      <c r="GQ41" s="103">
        <v>0</v>
      </c>
      <c r="GR41" s="106">
        <v>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0</v>
      </c>
      <c r="HI41" s="104">
        <v>467445</v>
      </c>
      <c r="HJ41" s="104">
        <v>170429</v>
      </c>
      <c r="HK41" s="104">
        <v>372474</v>
      </c>
      <c r="HL41" s="104">
        <v>0</v>
      </c>
      <c r="HM41" s="103">
        <v>1010348</v>
      </c>
      <c r="HN41" s="99">
        <v>1010348</v>
      </c>
      <c r="HO41" s="306"/>
      <c r="HP41" s="307"/>
      <c r="HQ41" s="308"/>
      <c r="HR41" s="309"/>
      <c r="HS41" s="307"/>
      <c r="HT41" s="307"/>
      <c r="HU41" s="307"/>
      <c r="HV41" s="307"/>
      <c r="HW41" s="307"/>
      <c r="HX41" s="310"/>
      <c r="HY41" s="311"/>
      <c r="HZ41" s="118">
        <v>0</v>
      </c>
      <c r="IA41" s="119">
        <v>0</v>
      </c>
      <c r="IB41" s="120">
        <v>0</v>
      </c>
      <c r="IC41" s="133">
        <v>0</v>
      </c>
      <c r="ID41" s="119">
        <v>0</v>
      </c>
      <c r="IE41" s="134">
        <v>216713</v>
      </c>
      <c r="IF41" s="120">
        <v>424917</v>
      </c>
      <c r="IG41" s="119">
        <v>0</v>
      </c>
      <c r="IH41" s="120">
        <v>231672</v>
      </c>
      <c r="II41" s="135">
        <v>873302</v>
      </c>
      <c r="IJ41" s="126">
        <v>873302</v>
      </c>
      <c r="IK41" s="219">
        <v>0</v>
      </c>
      <c r="IL41" s="223">
        <v>0</v>
      </c>
      <c r="IM41" s="224">
        <v>0</v>
      </c>
      <c r="IN41" s="127"/>
      <c r="IO41" s="109">
        <v>0</v>
      </c>
      <c r="IP41" s="109">
        <v>0</v>
      </c>
      <c r="IQ41" s="109">
        <v>0</v>
      </c>
      <c r="IR41" s="109">
        <v>0</v>
      </c>
      <c r="IS41" s="109">
        <v>0</v>
      </c>
      <c r="IT41" s="128">
        <v>0</v>
      </c>
      <c r="IU41" s="298">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0</v>
      </c>
      <c r="JL41" s="109">
        <v>0</v>
      </c>
      <c r="JM41" s="109">
        <v>0</v>
      </c>
      <c r="JN41" s="109">
        <v>0</v>
      </c>
      <c r="JO41" s="109">
        <v>0</v>
      </c>
      <c r="JP41" s="110">
        <v>0</v>
      </c>
      <c r="JQ41" s="298">
        <v>0</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0</v>
      </c>
      <c r="KH41" s="109">
        <v>0</v>
      </c>
      <c r="KI41" s="109">
        <v>201905</v>
      </c>
      <c r="KJ41" s="109">
        <v>0</v>
      </c>
      <c r="KK41" s="109">
        <v>0</v>
      </c>
      <c r="KL41" s="110">
        <v>201905</v>
      </c>
      <c r="KM41" s="130">
        <v>201905</v>
      </c>
      <c r="KN41" s="219">
        <v>0</v>
      </c>
      <c r="KO41" s="223">
        <v>0</v>
      </c>
      <c r="KP41" s="224">
        <v>0</v>
      </c>
      <c r="KQ41" s="127"/>
      <c r="KR41" s="109">
        <v>0</v>
      </c>
      <c r="KS41" s="109">
        <v>216713</v>
      </c>
      <c r="KT41" s="109">
        <v>223012</v>
      </c>
      <c r="KU41" s="109">
        <v>0</v>
      </c>
      <c r="KV41" s="109">
        <v>231672</v>
      </c>
      <c r="KW41" s="110">
        <v>671397</v>
      </c>
      <c r="KX41" s="298">
        <v>671397</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19971</v>
      </c>
      <c r="MK41" s="109">
        <v>0</v>
      </c>
      <c r="ML41" s="109">
        <v>431423</v>
      </c>
      <c r="MM41" s="109">
        <v>846257</v>
      </c>
      <c r="MN41" s="109">
        <v>0</v>
      </c>
      <c r="MO41" s="110">
        <v>1297651</v>
      </c>
      <c r="MP41" s="130">
        <v>1297651</v>
      </c>
      <c r="MQ41" s="129">
        <v>0</v>
      </c>
      <c r="MR41" s="109">
        <v>0</v>
      </c>
      <c r="MS41" s="110">
        <v>0</v>
      </c>
      <c r="MT41" s="132"/>
      <c r="MU41" s="109">
        <v>0</v>
      </c>
      <c r="MV41" s="109">
        <v>0</v>
      </c>
      <c r="MW41" s="109">
        <v>203042</v>
      </c>
      <c r="MX41" s="109">
        <v>218901</v>
      </c>
      <c r="MY41" s="109">
        <v>0</v>
      </c>
      <c r="MZ41" s="110">
        <v>421943</v>
      </c>
      <c r="NA41" s="130">
        <v>421943</v>
      </c>
      <c r="NB41" s="129">
        <v>0</v>
      </c>
      <c r="NC41" s="109">
        <v>0</v>
      </c>
      <c r="ND41" s="110">
        <v>0</v>
      </c>
      <c r="NE41" s="132"/>
      <c r="NF41" s="109">
        <v>19971</v>
      </c>
      <c r="NG41" s="109">
        <v>0</v>
      </c>
      <c r="NH41" s="109">
        <v>228381</v>
      </c>
      <c r="NI41" s="109">
        <v>627356</v>
      </c>
      <c r="NJ41" s="109">
        <v>0</v>
      </c>
      <c r="NK41" s="110">
        <v>875708</v>
      </c>
      <c r="NL41" s="298">
        <v>875708</v>
      </c>
      <c r="NM41" s="129">
        <v>0</v>
      </c>
      <c r="NN41" s="109">
        <v>0</v>
      </c>
      <c r="NO41" s="110">
        <v>0</v>
      </c>
      <c r="NP41" s="132">
        <v>0</v>
      </c>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2100</v>
      </c>
      <c r="OJ41" s="109">
        <v>73382</v>
      </c>
      <c r="OK41" s="128">
        <v>75482</v>
      </c>
      <c r="OL41" s="108">
        <v>0</v>
      </c>
      <c r="OM41" s="109">
        <v>205288</v>
      </c>
      <c r="ON41" s="109">
        <v>1268117</v>
      </c>
      <c r="OO41" s="109">
        <v>1042694</v>
      </c>
      <c r="OP41" s="109">
        <v>1708971</v>
      </c>
      <c r="OQ41" s="109">
        <v>628440</v>
      </c>
      <c r="OR41" s="110">
        <v>4853510</v>
      </c>
      <c r="OS41" s="130">
        <v>4928992</v>
      </c>
    </row>
    <row r="42" spans="2:409" ht="21" customHeight="1" thickBot="1" x14ac:dyDescent="0.25">
      <c r="B42" s="473" t="s">
        <v>37</v>
      </c>
      <c r="C42" s="107">
        <v>0</v>
      </c>
      <c r="D42" s="165">
        <v>0</v>
      </c>
      <c r="E42" s="166">
        <v>0</v>
      </c>
      <c r="F42" s="167">
        <v>0</v>
      </c>
      <c r="G42" s="165">
        <v>0</v>
      </c>
      <c r="H42" s="165">
        <v>0</v>
      </c>
      <c r="I42" s="165">
        <v>0</v>
      </c>
      <c r="J42" s="165">
        <v>194465</v>
      </c>
      <c r="K42" s="165">
        <v>117147</v>
      </c>
      <c r="L42" s="167">
        <v>311612</v>
      </c>
      <c r="M42" s="168">
        <v>311612</v>
      </c>
      <c r="N42" s="107">
        <v>0</v>
      </c>
      <c r="O42" s="165">
        <v>0</v>
      </c>
      <c r="P42" s="166">
        <v>0</v>
      </c>
      <c r="Q42" s="107">
        <v>0</v>
      </c>
      <c r="R42" s="165">
        <v>0</v>
      </c>
      <c r="S42" s="165">
        <v>0</v>
      </c>
      <c r="T42" s="165">
        <v>0</v>
      </c>
      <c r="U42" s="165">
        <v>8400</v>
      </c>
      <c r="V42" s="165">
        <v>82987</v>
      </c>
      <c r="W42" s="166">
        <v>91387</v>
      </c>
      <c r="X42" s="168">
        <v>91387</v>
      </c>
      <c r="Y42" s="107">
        <v>0</v>
      </c>
      <c r="Z42" s="165">
        <v>0</v>
      </c>
      <c r="AA42" s="166">
        <v>0</v>
      </c>
      <c r="AB42" s="107">
        <v>0</v>
      </c>
      <c r="AC42" s="165">
        <v>0</v>
      </c>
      <c r="AD42" s="165">
        <v>0</v>
      </c>
      <c r="AE42" s="165">
        <v>0</v>
      </c>
      <c r="AF42" s="165">
        <v>0</v>
      </c>
      <c r="AG42" s="165">
        <v>49450</v>
      </c>
      <c r="AH42" s="166">
        <v>49450</v>
      </c>
      <c r="AI42" s="168">
        <v>49450</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0</v>
      </c>
      <c r="BC42" s="165">
        <v>29365</v>
      </c>
      <c r="BD42" s="166">
        <v>29365</v>
      </c>
      <c r="BE42" s="168">
        <v>29365</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8400</v>
      </c>
      <c r="BY42" s="165">
        <v>4172</v>
      </c>
      <c r="BZ42" s="166">
        <v>12572</v>
      </c>
      <c r="CA42" s="168">
        <v>12572</v>
      </c>
      <c r="CB42" s="107">
        <v>0</v>
      </c>
      <c r="CC42" s="165">
        <v>0</v>
      </c>
      <c r="CD42" s="166">
        <v>0</v>
      </c>
      <c r="CE42" s="107">
        <v>0</v>
      </c>
      <c r="CF42" s="165">
        <v>0</v>
      </c>
      <c r="CG42" s="165">
        <v>0</v>
      </c>
      <c r="CH42" s="165">
        <v>0</v>
      </c>
      <c r="CI42" s="165">
        <v>0</v>
      </c>
      <c r="CJ42" s="165">
        <v>0</v>
      </c>
      <c r="CK42" s="166">
        <v>0</v>
      </c>
      <c r="CL42" s="168">
        <v>0</v>
      </c>
      <c r="CM42" s="107">
        <v>0</v>
      </c>
      <c r="CN42" s="165">
        <v>0</v>
      </c>
      <c r="CO42" s="166">
        <v>0</v>
      </c>
      <c r="CP42" s="169">
        <v>0</v>
      </c>
      <c r="CQ42" s="165">
        <v>0</v>
      </c>
      <c r="CR42" s="165">
        <v>0</v>
      </c>
      <c r="CS42" s="165">
        <v>0</v>
      </c>
      <c r="CT42" s="165">
        <v>0</v>
      </c>
      <c r="CU42" s="165">
        <v>0</v>
      </c>
      <c r="CV42" s="166">
        <v>0</v>
      </c>
      <c r="CW42" s="168">
        <v>0</v>
      </c>
      <c r="CX42" s="107">
        <v>0</v>
      </c>
      <c r="CY42" s="165">
        <v>0</v>
      </c>
      <c r="CZ42" s="166">
        <v>0</v>
      </c>
      <c r="DA42" s="107">
        <v>0</v>
      </c>
      <c r="DB42" s="165">
        <v>0</v>
      </c>
      <c r="DC42" s="165">
        <v>0</v>
      </c>
      <c r="DD42" s="165">
        <v>0</v>
      </c>
      <c r="DE42" s="165">
        <v>0</v>
      </c>
      <c r="DF42" s="165">
        <v>0</v>
      </c>
      <c r="DG42" s="166">
        <v>0</v>
      </c>
      <c r="DH42" s="168">
        <v>0</v>
      </c>
      <c r="DI42" s="107">
        <v>0</v>
      </c>
      <c r="DJ42" s="165">
        <v>0</v>
      </c>
      <c r="DK42" s="170">
        <v>0</v>
      </c>
      <c r="DL42" s="169">
        <v>0</v>
      </c>
      <c r="DM42" s="165">
        <v>0</v>
      </c>
      <c r="DN42" s="165">
        <v>0</v>
      </c>
      <c r="DO42" s="165">
        <v>0</v>
      </c>
      <c r="DP42" s="165">
        <v>0</v>
      </c>
      <c r="DQ42" s="165">
        <v>0</v>
      </c>
      <c r="DR42" s="166">
        <v>0</v>
      </c>
      <c r="DS42" s="168">
        <v>0</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0</v>
      </c>
      <c r="EN42" s="170">
        <v>0</v>
      </c>
      <c r="EO42" s="168">
        <v>0</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0</v>
      </c>
      <c r="FM42" s="165">
        <v>0</v>
      </c>
      <c r="FN42" s="166">
        <v>0</v>
      </c>
      <c r="FO42" s="107">
        <v>0</v>
      </c>
      <c r="FP42" s="165">
        <v>0</v>
      </c>
      <c r="FQ42" s="165">
        <v>0</v>
      </c>
      <c r="FR42" s="165">
        <v>0</v>
      </c>
      <c r="FS42" s="165">
        <v>0</v>
      </c>
      <c r="FT42" s="165">
        <v>34160</v>
      </c>
      <c r="FU42" s="166">
        <v>34160</v>
      </c>
      <c r="FV42" s="168">
        <v>34160</v>
      </c>
      <c r="FW42" s="171">
        <v>0</v>
      </c>
      <c r="FX42" s="165">
        <v>0</v>
      </c>
      <c r="FY42" s="170">
        <v>0</v>
      </c>
      <c r="FZ42" s="169">
        <v>0</v>
      </c>
      <c r="GA42" s="165">
        <v>0</v>
      </c>
      <c r="GB42" s="165">
        <v>0</v>
      </c>
      <c r="GC42" s="165">
        <v>0</v>
      </c>
      <c r="GD42" s="165">
        <v>0</v>
      </c>
      <c r="GE42" s="165">
        <v>34160</v>
      </c>
      <c r="GF42" s="166">
        <v>34160</v>
      </c>
      <c r="GG42" s="297">
        <v>34160</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186065</v>
      </c>
      <c r="HL42" s="165">
        <v>0</v>
      </c>
      <c r="HM42" s="166">
        <v>186065</v>
      </c>
      <c r="HN42" s="167">
        <v>186065</v>
      </c>
      <c r="HO42" s="312"/>
      <c r="HP42" s="313"/>
      <c r="HQ42" s="314"/>
      <c r="HR42" s="315"/>
      <c r="HS42" s="313"/>
      <c r="HT42" s="313"/>
      <c r="HU42" s="313"/>
      <c r="HV42" s="313"/>
      <c r="HW42" s="313"/>
      <c r="HX42" s="316"/>
      <c r="HY42" s="317"/>
      <c r="HZ42" s="138">
        <v>0</v>
      </c>
      <c r="IA42" s="139">
        <v>0</v>
      </c>
      <c r="IB42" s="140">
        <v>0</v>
      </c>
      <c r="IC42" s="141">
        <v>0</v>
      </c>
      <c r="ID42" s="142">
        <v>0</v>
      </c>
      <c r="IE42" s="143">
        <v>0</v>
      </c>
      <c r="IF42" s="144">
        <v>0</v>
      </c>
      <c r="IG42" s="142">
        <v>0</v>
      </c>
      <c r="IH42" s="144">
        <v>166985</v>
      </c>
      <c r="II42" s="145">
        <v>166985</v>
      </c>
      <c r="IJ42" s="146">
        <v>166985</v>
      </c>
      <c r="IK42" s="220">
        <v>0</v>
      </c>
      <c r="IL42" s="225">
        <v>0</v>
      </c>
      <c r="IM42" s="226">
        <v>0</v>
      </c>
      <c r="IN42" s="147"/>
      <c r="IO42" s="148">
        <v>0</v>
      </c>
      <c r="IP42" s="148">
        <v>0</v>
      </c>
      <c r="IQ42" s="148">
        <v>0</v>
      </c>
      <c r="IR42" s="148">
        <v>0</v>
      </c>
      <c r="IS42" s="148">
        <v>0</v>
      </c>
      <c r="IT42" s="149">
        <v>0</v>
      </c>
      <c r="IU42" s="299">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166985</v>
      </c>
      <c r="JP42" s="152">
        <v>166985</v>
      </c>
      <c r="JQ42" s="299">
        <v>166985</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9">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0</v>
      </c>
      <c r="MK42" s="148">
        <v>0</v>
      </c>
      <c r="ML42" s="148">
        <v>0</v>
      </c>
      <c r="MM42" s="148">
        <v>0</v>
      </c>
      <c r="MN42" s="148">
        <v>0</v>
      </c>
      <c r="MO42" s="152">
        <v>0</v>
      </c>
      <c r="MP42" s="154">
        <v>0</v>
      </c>
      <c r="MQ42" s="150">
        <v>0</v>
      </c>
      <c r="MR42" s="148">
        <v>0</v>
      </c>
      <c r="MS42" s="152">
        <v>0</v>
      </c>
      <c r="MT42" s="156"/>
      <c r="MU42" s="148">
        <v>0</v>
      </c>
      <c r="MV42" s="148">
        <v>0</v>
      </c>
      <c r="MW42" s="148">
        <v>0</v>
      </c>
      <c r="MX42" s="148">
        <v>0</v>
      </c>
      <c r="MY42" s="148">
        <v>0</v>
      </c>
      <c r="MZ42" s="152">
        <v>0</v>
      </c>
      <c r="NA42" s="154">
        <v>0</v>
      </c>
      <c r="NB42" s="150">
        <v>0</v>
      </c>
      <c r="NC42" s="148">
        <v>0</v>
      </c>
      <c r="ND42" s="152">
        <v>0</v>
      </c>
      <c r="NE42" s="156"/>
      <c r="NF42" s="148">
        <v>0</v>
      </c>
      <c r="NG42" s="148">
        <v>0</v>
      </c>
      <c r="NH42" s="148">
        <v>0</v>
      </c>
      <c r="NI42" s="148">
        <v>0</v>
      </c>
      <c r="NJ42" s="148">
        <v>0</v>
      </c>
      <c r="NK42" s="152">
        <v>0</v>
      </c>
      <c r="NL42" s="299">
        <v>0</v>
      </c>
      <c r="NM42" s="150">
        <v>0</v>
      </c>
      <c r="NN42" s="148">
        <v>0</v>
      </c>
      <c r="NO42" s="152">
        <v>0</v>
      </c>
      <c r="NP42" s="156">
        <v>0</v>
      </c>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0</v>
      </c>
      <c r="OJ42" s="148">
        <v>0</v>
      </c>
      <c r="OK42" s="149">
        <v>0</v>
      </c>
      <c r="OL42" s="151">
        <v>0</v>
      </c>
      <c r="OM42" s="148">
        <v>0</v>
      </c>
      <c r="ON42" s="148">
        <v>0</v>
      </c>
      <c r="OO42" s="148">
        <v>0</v>
      </c>
      <c r="OP42" s="148">
        <v>194465</v>
      </c>
      <c r="OQ42" s="148">
        <v>284132</v>
      </c>
      <c r="OR42" s="152">
        <v>478597</v>
      </c>
      <c r="OS42" s="154">
        <v>478597</v>
      </c>
    </row>
    <row r="43" spans="2:409" x14ac:dyDescent="0.2">
      <c r="B43" s="39"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272" customWidth="1"/>
    <col min="2" max="2" width="9.77734375" style="272" customWidth="1"/>
    <col min="3" max="4" width="9.21875" style="272" bestFit="1" customWidth="1"/>
    <col min="5" max="5" width="10.77734375" style="272" bestFit="1" customWidth="1"/>
    <col min="6" max="6" width="7.88671875" style="272" customWidth="1"/>
    <col min="7" max="11" width="10.44140625" style="272" bestFit="1" customWidth="1"/>
    <col min="12" max="13" width="11.6640625" style="272" bestFit="1" customWidth="1"/>
    <col min="14" max="16" width="9.21875" style="272" bestFit="1" customWidth="1"/>
    <col min="17" max="17" width="7.44140625" style="272" customWidth="1"/>
    <col min="18" max="18" width="9.21875" style="272" bestFit="1" customWidth="1"/>
    <col min="19" max="22" width="10.44140625" style="272" bestFit="1" customWidth="1"/>
    <col min="23" max="24" width="11.6640625" style="272" bestFit="1" customWidth="1"/>
    <col min="25" max="27" width="9.109375" style="272" bestFit="1" customWidth="1"/>
    <col min="28" max="28" width="7" style="272" customWidth="1"/>
    <col min="29" max="30" width="9.109375" style="272" bestFit="1" customWidth="1"/>
    <col min="31" max="32" width="9.6640625" style="272" bestFit="1" customWidth="1"/>
    <col min="33" max="33" width="9.109375" style="272" bestFit="1" customWidth="1"/>
    <col min="34" max="35" width="9.6640625" style="272" bestFit="1" customWidth="1"/>
    <col min="36" max="38" width="9.109375" style="272" bestFit="1" customWidth="1"/>
    <col min="39" max="39" width="7.33203125" style="272" customWidth="1"/>
    <col min="40" max="49" width="9.109375" style="272" bestFit="1" customWidth="1"/>
    <col min="50" max="50" width="7.33203125" style="272" customWidth="1"/>
    <col min="51" max="60" width="9.109375" style="272" bestFit="1" customWidth="1"/>
    <col min="61" max="61" width="7.77734375" style="272" customWidth="1"/>
    <col min="62" max="71" width="9.109375" style="272" bestFit="1" customWidth="1"/>
    <col min="72" max="72" width="7.77734375" style="272" customWidth="1"/>
    <col min="73" max="77" width="9.109375" style="272" bestFit="1" customWidth="1"/>
    <col min="78" max="79" width="9.6640625" style="272" bestFit="1" customWidth="1"/>
    <col min="80" max="82" width="9.109375" style="272" bestFit="1" customWidth="1"/>
    <col min="83" max="83" width="7.88671875" style="272" customWidth="1"/>
    <col min="84" max="93" width="9.109375" style="272" bestFit="1" customWidth="1"/>
    <col min="94" max="94" width="8" style="272" customWidth="1"/>
    <col min="95" max="104" width="9.109375" style="272" bestFit="1" customWidth="1"/>
    <col min="105" max="105" width="8" style="272" customWidth="1"/>
    <col min="106" max="115" width="9.109375" style="272" bestFit="1" customWidth="1"/>
    <col min="116" max="116" width="7.6640625" style="272" customWidth="1"/>
    <col min="117" max="117" width="9.109375" style="272" bestFit="1" customWidth="1"/>
    <col min="118" max="121" width="9.6640625" style="272" bestFit="1" customWidth="1"/>
    <col min="122" max="123" width="10.6640625" style="272" bestFit="1" customWidth="1"/>
    <col min="124" max="126" width="9.109375" style="272" bestFit="1" customWidth="1"/>
    <col min="127" max="127" width="7.44140625" style="272" customWidth="1"/>
    <col min="128" max="129" width="9.109375" style="272" bestFit="1" customWidth="1"/>
    <col min="130" max="134" width="9.6640625" style="272" bestFit="1" customWidth="1"/>
    <col min="135" max="137" width="9.109375" style="272" bestFit="1" customWidth="1"/>
    <col min="138" max="138" width="7.6640625" style="272" customWidth="1"/>
    <col min="139" max="148" width="9.109375" style="272" bestFit="1" customWidth="1"/>
    <col min="149" max="149" width="7.77734375" style="272" customWidth="1"/>
    <col min="150" max="159" width="9.109375" style="272" bestFit="1" customWidth="1"/>
    <col min="160" max="160" width="7.77734375" style="272" customWidth="1"/>
    <col min="161" max="170" width="9.109375" style="272" bestFit="1" customWidth="1"/>
    <col min="171" max="171" width="7.33203125" style="272" customWidth="1"/>
    <col min="172" max="181" width="9.109375" style="272" bestFit="1" customWidth="1"/>
    <col min="182" max="182" width="8" style="272" customWidth="1"/>
    <col min="183" max="188" width="9.109375" style="272" bestFit="1" customWidth="1"/>
    <col min="189" max="189" width="9.6640625" style="272" bestFit="1" customWidth="1"/>
    <col min="190" max="192" width="9.109375" style="272" bestFit="1" customWidth="1"/>
    <col min="193" max="193" width="7.44140625" style="272" customWidth="1"/>
    <col min="194" max="203" width="9.109375" style="272" bestFit="1" customWidth="1"/>
    <col min="204" max="204" width="7.88671875" style="272" customWidth="1"/>
    <col min="205" max="214" width="9.109375" style="272" bestFit="1" customWidth="1"/>
    <col min="215" max="215" width="7.88671875" style="272" customWidth="1"/>
    <col min="216" max="225" width="9.109375" style="272" bestFit="1" customWidth="1"/>
    <col min="226" max="226" width="7.6640625" style="272" customWidth="1"/>
    <col min="227" max="229" width="9.6640625" style="272" bestFit="1" customWidth="1"/>
    <col min="230" max="230" width="10.6640625" style="272" bestFit="1" customWidth="1"/>
    <col min="231" max="231" width="9.6640625" style="272" bestFit="1" customWidth="1"/>
    <col min="232" max="233" width="10.6640625" style="272" bestFit="1" customWidth="1"/>
    <col min="234" max="16384" width="9" style="272"/>
  </cols>
  <sheetData>
    <row r="1" spans="2:233" s="1" customFormat="1" ht="24" customHeight="1" x14ac:dyDescent="0.2">
      <c r="B1" s="15" t="s">
        <v>0</v>
      </c>
      <c r="C1" s="34"/>
      <c r="D1" s="34"/>
      <c r="E1" s="468">
        <f>第１表!F2</f>
        <v>5</v>
      </c>
      <c r="F1" s="469">
        <f>第１表!G2</f>
        <v>10</v>
      </c>
      <c r="G1" s="649">
        <f>IF(F1&lt;3,F1-2+12,F1-2)</f>
        <v>8</v>
      </c>
      <c r="H1" s="649"/>
      <c r="L1" s="34"/>
      <c r="CL1" s="34"/>
      <c r="CM1" s="34"/>
      <c r="CN1" s="34"/>
      <c r="CO1" s="34"/>
      <c r="CP1" s="34"/>
      <c r="CQ1" s="34"/>
      <c r="CR1" s="34"/>
      <c r="CS1" s="34"/>
      <c r="CT1" s="34"/>
      <c r="CU1" s="34"/>
      <c r="CV1" s="34"/>
      <c r="CW1" s="34"/>
      <c r="CX1" s="34"/>
      <c r="CY1" s="34"/>
      <c r="CZ1" s="34"/>
      <c r="DA1" s="34"/>
      <c r="DB1" s="34"/>
      <c r="DC1" s="34"/>
      <c r="DD1" s="34"/>
      <c r="DE1" s="34"/>
      <c r="DF1" s="34"/>
      <c r="DG1" s="34"/>
      <c r="DH1" s="34"/>
      <c r="DI1" s="34"/>
      <c r="DJ1" s="34"/>
      <c r="DK1" s="34"/>
      <c r="DL1" s="34"/>
      <c r="DM1" s="34"/>
      <c r="DN1" s="34"/>
      <c r="DO1" s="34"/>
      <c r="DP1" s="34"/>
      <c r="DQ1" s="34"/>
      <c r="DR1" s="34"/>
      <c r="DS1" s="34"/>
      <c r="DT1" s="34"/>
      <c r="DU1" s="34"/>
      <c r="DV1" s="34"/>
      <c r="DW1" s="34"/>
      <c r="DX1" s="34"/>
      <c r="DY1" s="34"/>
      <c r="DZ1" s="34"/>
      <c r="EA1" s="34"/>
      <c r="EB1" s="34"/>
      <c r="EC1" s="34"/>
    </row>
    <row r="2" spans="2:233" ht="24" customHeight="1" thickBot="1" x14ac:dyDescent="0.25">
      <c r="B2" s="15" t="s">
        <v>120</v>
      </c>
    </row>
    <row r="3" spans="2:233" ht="21" customHeight="1" thickBot="1" x14ac:dyDescent="0.25">
      <c r="B3" s="717"/>
      <c r="C3" s="730" t="s">
        <v>116</v>
      </c>
      <c r="D3" s="731"/>
      <c r="E3" s="731"/>
      <c r="F3" s="731"/>
      <c r="G3" s="731"/>
      <c r="H3" s="731"/>
      <c r="I3" s="731"/>
      <c r="J3" s="731"/>
      <c r="K3" s="731"/>
      <c r="L3" s="731"/>
      <c r="M3" s="731"/>
      <c r="N3" s="482"/>
      <c r="O3" s="482"/>
      <c r="P3" s="482"/>
      <c r="Q3" s="482"/>
      <c r="R3" s="482"/>
      <c r="S3" s="482"/>
      <c r="T3" s="482"/>
      <c r="U3" s="482"/>
      <c r="V3" s="482"/>
      <c r="W3" s="482"/>
      <c r="X3" s="482"/>
      <c r="Y3" s="482"/>
      <c r="Z3" s="482"/>
      <c r="AA3" s="482"/>
      <c r="AB3" s="482"/>
      <c r="AC3" s="482"/>
      <c r="AD3" s="482"/>
      <c r="AE3" s="482"/>
      <c r="AF3" s="482"/>
      <c r="AG3" s="482"/>
      <c r="AH3" s="482"/>
      <c r="AI3" s="482"/>
      <c r="AJ3" s="482"/>
      <c r="AK3" s="482"/>
      <c r="AL3" s="482"/>
      <c r="AM3" s="482"/>
      <c r="AN3" s="482"/>
      <c r="AO3" s="482"/>
      <c r="AP3" s="482"/>
      <c r="AQ3" s="482"/>
      <c r="AR3" s="482"/>
      <c r="AS3" s="482"/>
      <c r="AT3" s="482"/>
      <c r="AU3" s="482"/>
      <c r="AV3" s="482"/>
      <c r="AW3" s="482"/>
      <c r="AX3" s="482"/>
      <c r="AY3" s="482"/>
      <c r="AZ3" s="482"/>
      <c r="BA3" s="482"/>
      <c r="BB3" s="482"/>
      <c r="BC3" s="482"/>
      <c r="BD3" s="482"/>
      <c r="BE3" s="482"/>
      <c r="BF3" s="482"/>
      <c r="BG3" s="482"/>
      <c r="BH3" s="482"/>
      <c r="BI3" s="482"/>
      <c r="BJ3" s="482"/>
      <c r="BK3" s="482"/>
      <c r="BL3" s="482"/>
      <c r="BM3" s="482"/>
      <c r="BN3" s="482"/>
      <c r="BO3" s="482"/>
      <c r="BP3" s="482"/>
      <c r="BQ3" s="482"/>
      <c r="BR3" s="482"/>
      <c r="BS3" s="482"/>
      <c r="BT3" s="482"/>
      <c r="BU3" s="482"/>
      <c r="BV3" s="482"/>
      <c r="BW3" s="482"/>
      <c r="BX3" s="482"/>
      <c r="BY3" s="482"/>
      <c r="BZ3" s="482"/>
      <c r="CA3" s="482"/>
      <c r="CB3" s="482"/>
      <c r="CC3" s="482"/>
      <c r="CD3" s="482"/>
      <c r="CE3" s="482"/>
      <c r="CF3" s="482"/>
      <c r="CG3" s="482"/>
      <c r="CH3" s="482"/>
      <c r="CI3" s="482"/>
      <c r="CJ3" s="482"/>
      <c r="CK3" s="482"/>
      <c r="CL3" s="482"/>
      <c r="CM3" s="482"/>
      <c r="CN3" s="482"/>
      <c r="CO3" s="482"/>
      <c r="CP3" s="482"/>
      <c r="CQ3" s="482"/>
      <c r="CR3" s="482"/>
      <c r="CS3" s="482"/>
      <c r="CT3" s="482"/>
      <c r="CU3" s="482"/>
      <c r="CV3" s="482"/>
      <c r="CW3" s="482"/>
      <c r="CX3" s="482"/>
      <c r="CY3" s="482"/>
      <c r="CZ3" s="482"/>
      <c r="DA3" s="482"/>
      <c r="DB3" s="482"/>
      <c r="DC3" s="482"/>
      <c r="DD3" s="482"/>
      <c r="DE3" s="482"/>
      <c r="DF3" s="482"/>
      <c r="DG3" s="482"/>
      <c r="DH3" s="483"/>
      <c r="DI3" s="730" t="s">
        <v>118</v>
      </c>
      <c r="DJ3" s="731"/>
      <c r="DK3" s="731"/>
      <c r="DL3" s="731"/>
      <c r="DM3" s="731"/>
      <c r="DN3" s="731"/>
      <c r="DO3" s="731"/>
      <c r="DP3" s="731"/>
      <c r="DQ3" s="731"/>
      <c r="DR3" s="731"/>
      <c r="DS3" s="731"/>
      <c r="DT3" s="731"/>
      <c r="DU3" s="731"/>
      <c r="DV3" s="731"/>
      <c r="DW3" s="731"/>
      <c r="DX3" s="731"/>
      <c r="DY3" s="731"/>
      <c r="DZ3" s="731"/>
      <c r="EA3" s="731"/>
      <c r="EB3" s="731"/>
      <c r="EC3" s="731"/>
      <c r="ED3" s="731"/>
      <c r="EE3" s="731"/>
      <c r="EF3" s="731"/>
      <c r="EG3" s="731"/>
      <c r="EH3" s="731"/>
      <c r="EI3" s="731"/>
      <c r="EJ3" s="731"/>
      <c r="EK3" s="731"/>
      <c r="EL3" s="731"/>
      <c r="EM3" s="731"/>
      <c r="EN3" s="731"/>
      <c r="EO3" s="731"/>
      <c r="EP3" s="731"/>
      <c r="EQ3" s="731"/>
      <c r="ER3" s="731"/>
      <c r="ES3" s="731"/>
      <c r="ET3" s="731"/>
      <c r="EU3" s="731"/>
      <c r="EV3" s="731"/>
      <c r="EW3" s="731"/>
      <c r="EX3" s="731"/>
      <c r="EY3" s="731"/>
      <c r="EZ3" s="731"/>
      <c r="FA3" s="731"/>
      <c r="FB3" s="731"/>
      <c r="FC3" s="731"/>
      <c r="FD3" s="731"/>
      <c r="FE3" s="731"/>
      <c r="FF3" s="731"/>
      <c r="FG3" s="731"/>
      <c r="FH3" s="731"/>
      <c r="FI3" s="731"/>
      <c r="FJ3" s="731"/>
      <c r="FK3" s="731"/>
      <c r="FL3" s="731"/>
      <c r="FM3" s="731"/>
      <c r="FN3" s="731"/>
      <c r="FO3" s="731"/>
      <c r="FP3" s="731"/>
      <c r="FQ3" s="731"/>
      <c r="FR3" s="731"/>
      <c r="FS3" s="731"/>
      <c r="FT3" s="731"/>
      <c r="FU3" s="731"/>
      <c r="FV3" s="731"/>
      <c r="FW3" s="731"/>
      <c r="FX3" s="731"/>
      <c r="FY3" s="731"/>
      <c r="FZ3" s="731"/>
      <c r="GA3" s="731"/>
      <c r="GB3" s="731"/>
      <c r="GC3" s="731"/>
      <c r="GD3" s="731"/>
      <c r="GE3" s="731"/>
      <c r="GF3" s="731"/>
      <c r="GG3" s="731"/>
      <c r="GH3" s="731"/>
      <c r="GI3" s="731"/>
      <c r="GJ3" s="731"/>
      <c r="GK3" s="731"/>
      <c r="GL3" s="731"/>
      <c r="GM3" s="731"/>
      <c r="GN3" s="731"/>
      <c r="GO3" s="731"/>
      <c r="GP3" s="731"/>
      <c r="GQ3" s="731"/>
      <c r="GR3" s="731"/>
      <c r="GS3" s="731"/>
      <c r="GT3" s="731"/>
      <c r="GU3" s="731"/>
      <c r="GV3" s="731"/>
      <c r="GW3" s="731"/>
      <c r="GX3" s="731"/>
      <c r="GY3" s="731"/>
      <c r="GZ3" s="731"/>
      <c r="HA3" s="731"/>
      <c r="HB3" s="731"/>
      <c r="HC3" s="731"/>
      <c r="HD3" s="731"/>
      <c r="HE3" s="731"/>
      <c r="HF3" s="731"/>
      <c r="HG3" s="731"/>
      <c r="HH3" s="731"/>
      <c r="HI3" s="731"/>
      <c r="HJ3" s="731"/>
      <c r="HK3" s="731"/>
      <c r="HL3" s="731"/>
      <c r="HM3" s="731"/>
      <c r="HN3" s="732"/>
      <c r="HO3" s="724" t="s">
        <v>60</v>
      </c>
      <c r="HP3" s="725"/>
      <c r="HQ3" s="725"/>
      <c r="HR3" s="725"/>
      <c r="HS3" s="725"/>
      <c r="HT3" s="725"/>
      <c r="HU3" s="725"/>
      <c r="HV3" s="725"/>
      <c r="HW3" s="725"/>
      <c r="HX3" s="725"/>
      <c r="HY3" s="726"/>
    </row>
    <row r="4" spans="2:233" ht="21" customHeight="1" thickBot="1" x14ac:dyDescent="0.25">
      <c r="B4" s="718"/>
      <c r="C4" s="705"/>
      <c r="D4" s="706"/>
      <c r="E4" s="706"/>
      <c r="F4" s="706"/>
      <c r="G4" s="706"/>
      <c r="H4" s="706"/>
      <c r="I4" s="706"/>
      <c r="J4" s="706"/>
      <c r="K4" s="706"/>
      <c r="L4" s="706"/>
      <c r="M4" s="733"/>
      <c r="N4" s="720" t="s">
        <v>57</v>
      </c>
      <c r="O4" s="721"/>
      <c r="P4" s="721"/>
      <c r="Q4" s="721"/>
      <c r="R4" s="721"/>
      <c r="S4" s="721"/>
      <c r="T4" s="721"/>
      <c r="U4" s="721"/>
      <c r="V4" s="721"/>
      <c r="W4" s="721"/>
      <c r="X4" s="722"/>
      <c r="Y4" s="720" t="s">
        <v>58</v>
      </c>
      <c r="Z4" s="721"/>
      <c r="AA4" s="721"/>
      <c r="AB4" s="721"/>
      <c r="AC4" s="721"/>
      <c r="AD4" s="721"/>
      <c r="AE4" s="721"/>
      <c r="AF4" s="721"/>
      <c r="AG4" s="721"/>
      <c r="AH4" s="721"/>
      <c r="AI4" s="722"/>
      <c r="AJ4" s="720" t="s">
        <v>59</v>
      </c>
      <c r="AK4" s="721"/>
      <c r="AL4" s="721"/>
      <c r="AM4" s="721"/>
      <c r="AN4" s="721"/>
      <c r="AO4" s="721"/>
      <c r="AP4" s="721"/>
      <c r="AQ4" s="721"/>
      <c r="AR4" s="721"/>
      <c r="AS4" s="721"/>
      <c r="AT4" s="722"/>
      <c r="AU4" s="720" t="s">
        <v>150</v>
      </c>
      <c r="AV4" s="721"/>
      <c r="AW4" s="721"/>
      <c r="AX4" s="721"/>
      <c r="AY4" s="721"/>
      <c r="AZ4" s="721"/>
      <c r="BA4" s="721"/>
      <c r="BB4" s="721"/>
      <c r="BC4" s="721"/>
      <c r="BD4" s="721"/>
      <c r="BE4" s="722"/>
      <c r="BF4" s="720" t="s">
        <v>117</v>
      </c>
      <c r="BG4" s="721"/>
      <c r="BH4" s="721"/>
      <c r="BI4" s="721"/>
      <c r="BJ4" s="721"/>
      <c r="BK4" s="721"/>
      <c r="BL4" s="721"/>
      <c r="BM4" s="721"/>
      <c r="BN4" s="721"/>
      <c r="BO4" s="721"/>
      <c r="BP4" s="722"/>
      <c r="BQ4" s="720" t="s">
        <v>77</v>
      </c>
      <c r="BR4" s="721"/>
      <c r="BS4" s="721"/>
      <c r="BT4" s="721"/>
      <c r="BU4" s="721"/>
      <c r="BV4" s="721"/>
      <c r="BW4" s="721"/>
      <c r="BX4" s="721"/>
      <c r="BY4" s="721"/>
      <c r="BZ4" s="721"/>
      <c r="CA4" s="722"/>
      <c r="CB4" s="720" t="s">
        <v>78</v>
      </c>
      <c r="CC4" s="721"/>
      <c r="CD4" s="721"/>
      <c r="CE4" s="721"/>
      <c r="CF4" s="721"/>
      <c r="CG4" s="721"/>
      <c r="CH4" s="721"/>
      <c r="CI4" s="721"/>
      <c r="CJ4" s="721"/>
      <c r="CK4" s="721"/>
      <c r="CL4" s="722"/>
      <c r="CM4" s="720" t="s">
        <v>79</v>
      </c>
      <c r="CN4" s="721"/>
      <c r="CO4" s="721"/>
      <c r="CP4" s="721"/>
      <c r="CQ4" s="721"/>
      <c r="CR4" s="721"/>
      <c r="CS4" s="721"/>
      <c r="CT4" s="721"/>
      <c r="CU4" s="721"/>
      <c r="CV4" s="721"/>
      <c r="CW4" s="722"/>
      <c r="CX4" s="720" t="s">
        <v>151</v>
      </c>
      <c r="CY4" s="721"/>
      <c r="CZ4" s="721"/>
      <c r="DA4" s="721"/>
      <c r="DB4" s="721"/>
      <c r="DC4" s="721"/>
      <c r="DD4" s="721"/>
      <c r="DE4" s="721"/>
      <c r="DF4" s="721"/>
      <c r="DG4" s="721"/>
      <c r="DH4" s="722"/>
      <c r="DI4" s="705"/>
      <c r="DJ4" s="706"/>
      <c r="DK4" s="706"/>
      <c r="DL4" s="706"/>
      <c r="DM4" s="706"/>
      <c r="DN4" s="706"/>
      <c r="DO4" s="706"/>
      <c r="DP4" s="706"/>
      <c r="DQ4" s="706"/>
      <c r="DR4" s="706"/>
      <c r="DS4" s="707"/>
      <c r="DT4" s="720" t="s">
        <v>57</v>
      </c>
      <c r="DU4" s="721"/>
      <c r="DV4" s="721"/>
      <c r="DW4" s="721"/>
      <c r="DX4" s="721"/>
      <c r="DY4" s="721"/>
      <c r="DZ4" s="721"/>
      <c r="EA4" s="721"/>
      <c r="EB4" s="721"/>
      <c r="EC4" s="721"/>
      <c r="ED4" s="722"/>
      <c r="EE4" s="720" t="s">
        <v>58</v>
      </c>
      <c r="EF4" s="721"/>
      <c r="EG4" s="721"/>
      <c r="EH4" s="721"/>
      <c r="EI4" s="721"/>
      <c r="EJ4" s="721"/>
      <c r="EK4" s="721"/>
      <c r="EL4" s="721"/>
      <c r="EM4" s="721"/>
      <c r="EN4" s="721"/>
      <c r="EO4" s="722"/>
      <c r="EP4" s="720" t="s">
        <v>59</v>
      </c>
      <c r="EQ4" s="721"/>
      <c r="ER4" s="721"/>
      <c r="ES4" s="721"/>
      <c r="ET4" s="721"/>
      <c r="EU4" s="721"/>
      <c r="EV4" s="721"/>
      <c r="EW4" s="721"/>
      <c r="EX4" s="721"/>
      <c r="EY4" s="721"/>
      <c r="EZ4" s="722"/>
      <c r="FA4" s="720" t="s">
        <v>150</v>
      </c>
      <c r="FB4" s="721"/>
      <c r="FC4" s="721"/>
      <c r="FD4" s="721"/>
      <c r="FE4" s="721"/>
      <c r="FF4" s="721"/>
      <c r="FG4" s="721"/>
      <c r="FH4" s="721"/>
      <c r="FI4" s="721"/>
      <c r="FJ4" s="721"/>
      <c r="FK4" s="722"/>
      <c r="FL4" s="720" t="s">
        <v>117</v>
      </c>
      <c r="FM4" s="721"/>
      <c r="FN4" s="721"/>
      <c r="FO4" s="721"/>
      <c r="FP4" s="721"/>
      <c r="FQ4" s="721"/>
      <c r="FR4" s="721"/>
      <c r="FS4" s="721"/>
      <c r="FT4" s="721"/>
      <c r="FU4" s="721"/>
      <c r="FV4" s="722"/>
      <c r="FW4" s="720" t="s">
        <v>77</v>
      </c>
      <c r="FX4" s="721"/>
      <c r="FY4" s="721"/>
      <c r="FZ4" s="721"/>
      <c r="GA4" s="721"/>
      <c r="GB4" s="721"/>
      <c r="GC4" s="721"/>
      <c r="GD4" s="721"/>
      <c r="GE4" s="721"/>
      <c r="GF4" s="721"/>
      <c r="GG4" s="722"/>
      <c r="GH4" s="720" t="s">
        <v>78</v>
      </c>
      <c r="GI4" s="721"/>
      <c r="GJ4" s="721"/>
      <c r="GK4" s="721"/>
      <c r="GL4" s="721"/>
      <c r="GM4" s="721"/>
      <c r="GN4" s="721"/>
      <c r="GO4" s="721"/>
      <c r="GP4" s="721"/>
      <c r="GQ4" s="721"/>
      <c r="GR4" s="722"/>
      <c r="GS4" s="720" t="s">
        <v>79</v>
      </c>
      <c r="GT4" s="721"/>
      <c r="GU4" s="721"/>
      <c r="GV4" s="721"/>
      <c r="GW4" s="721"/>
      <c r="GX4" s="721"/>
      <c r="GY4" s="721"/>
      <c r="GZ4" s="721"/>
      <c r="HA4" s="721"/>
      <c r="HB4" s="721"/>
      <c r="HC4" s="722"/>
      <c r="HD4" s="720" t="s">
        <v>151</v>
      </c>
      <c r="HE4" s="721"/>
      <c r="HF4" s="721"/>
      <c r="HG4" s="721"/>
      <c r="HH4" s="721"/>
      <c r="HI4" s="721"/>
      <c r="HJ4" s="721"/>
      <c r="HK4" s="721"/>
      <c r="HL4" s="721"/>
      <c r="HM4" s="721"/>
      <c r="HN4" s="722"/>
      <c r="HO4" s="727"/>
      <c r="HP4" s="728"/>
      <c r="HQ4" s="728"/>
      <c r="HR4" s="728"/>
      <c r="HS4" s="728"/>
      <c r="HT4" s="728"/>
      <c r="HU4" s="728"/>
      <c r="HV4" s="728"/>
      <c r="HW4" s="728"/>
      <c r="HX4" s="728"/>
      <c r="HY4" s="729"/>
    </row>
    <row r="5" spans="2:233" ht="21" customHeight="1" x14ac:dyDescent="0.2">
      <c r="B5" s="718"/>
      <c r="C5" s="710" t="s">
        <v>61</v>
      </c>
      <c r="D5" s="711"/>
      <c r="E5" s="712"/>
      <c r="F5" s="713" t="s">
        <v>62</v>
      </c>
      <c r="G5" s="711"/>
      <c r="H5" s="711"/>
      <c r="I5" s="711"/>
      <c r="J5" s="711"/>
      <c r="K5" s="711"/>
      <c r="L5" s="714"/>
      <c r="M5" s="723" t="s">
        <v>52</v>
      </c>
      <c r="N5" s="705" t="s">
        <v>61</v>
      </c>
      <c r="O5" s="706"/>
      <c r="P5" s="707"/>
      <c r="Q5" s="708" t="s">
        <v>62</v>
      </c>
      <c r="R5" s="706"/>
      <c r="S5" s="706"/>
      <c r="T5" s="706"/>
      <c r="U5" s="706"/>
      <c r="V5" s="706"/>
      <c r="W5" s="709"/>
      <c r="X5" s="605" t="s">
        <v>52</v>
      </c>
      <c r="Y5" s="705" t="s">
        <v>61</v>
      </c>
      <c r="Z5" s="706"/>
      <c r="AA5" s="707"/>
      <c r="AB5" s="708" t="s">
        <v>62</v>
      </c>
      <c r="AC5" s="706"/>
      <c r="AD5" s="706"/>
      <c r="AE5" s="706"/>
      <c r="AF5" s="706"/>
      <c r="AG5" s="706"/>
      <c r="AH5" s="709"/>
      <c r="AI5" s="605" t="s">
        <v>52</v>
      </c>
      <c r="AJ5" s="705" t="s">
        <v>61</v>
      </c>
      <c r="AK5" s="706"/>
      <c r="AL5" s="707"/>
      <c r="AM5" s="708" t="s">
        <v>62</v>
      </c>
      <c r="AN5" s="706"/>
      <c r="AO5" s="706"/>
      <c r="AP5" s="706"/>
      <c r="AQ5" s="706"/>
      <c r="AR5" s="706"/>
      <c r="AS5" s="709"/>
      <c r="AT5" s="605" t="s">
        <v>52</v>
      </c>
      <c r="AU5" s="705" t="s">
        <v>61</v>
      </c>
      <c r="AV5" s="706"/>
      <c r="AW5" s="707"/>
      <c r="AX5" s="708" t="s">
        <v>62</v>
      </c>
      <c r="AY5" s="706"/>
      <c r="AZ5" s="706"/>
      <c r="BA5" s="706"/>
      <c r="BB5" s="706"/>
      <c r="BC5" s="706"/>
      <c r="BD5" s="709"/>
      <c r="BE5" s="605" t="s">
        <v>52</v>
      </c>
      <c r="BF5" s="705" t="s">
        <v>61</v>
      </c>
      <c r="BG5" s="706"/>
      <c r="BH5" s="707"/>
      <c r="BI5" s="708" t="s">
        <v>62</v>
      </c>
      <c r="BJ5" s="706"/>
      <c r="BK5" s="706"/>
      <c r="BL5" s="706"/>
      <c r="BM5" s="706"/>
      <c r="BN5" s="706"/>
      <c r="BO5" s="709"/>
      <c r="BP5" s="605" t="s">
        <v>52</v>
      </c>
      <c r="BQ5" s="705" t="s">
        <v>61</v>
      </c>
      <c r="BR5" s="706"/>
      <c r="BS5" s="707"/>
      <c r="BT5" s="708" t="s">
        <v>62</v>
      </c>
      <c r="BU5" s="706"/>
      <c r="BV5" s="706"/>
      <c r="BW5" s="706"/>
      <c r="BX5" s="706"/>
      <c r="BY5" s="706"/>
      <c r="BZ5" s="709"/>
      <c r="CA5" s="605" t="s">
        <v>52</v>
      </c>
      <c r="CB5" s="705" t="s">
        <v>61</v>
      </c>
      <c r="CC5" s="706"/>
      <c r="CD5" s="707"/>
      <c r="CE5" s="708" t="s">
        <v>62</v>
      </c>
      <c r="CF5" s="706"/>
      <c r="CG5" s="706"/>
      <c r="CH5" s="706"/>
      <c r="CI5" s="706"/>
      <c r="CJ5" s="706"/>
      <c r="CK5" s="709"/>
      <c r="CL5" s="605" t="s">
        <v>52</v>
      </c>
      <c r="CM5" s="705" t="s">
        <v>61</v>
      </c>
      <c r="CN5" s="706"/>
      <c r="CO5" s="707"/>
      <c r="CP5" s="708" t="s">
        <v>62</v>
      </c>
      <c r="CQ5" s="706"/>
      <c r="CR5" s="706"/>
      <c r="CS5" s="706"/>
      <c r="CT5" s="706"/>
      <c r="CU5" s="706"/>
      <c r="CV5" s="709"/>
      <c r="CW5" s="605" t="s">
        <v>52</v>
      </c>
      <c r="CX5" s="705" t="s">
        <v>61</v>
      </c>
      <c r="CY5" s="706"/>
      <c r="CZ5" s="707"/>
      <c r="DA5" s="708" t="s">
        <v>62</v>
      </c>
      <c r="DB5" s="706"/>
      <c r="DC5" s="706"/>
      <c r="DD5" s="706"/>
      <c r="DE5" s="706"/>
      <c r="DF5" s="706"/>
      <c r="DG5" s="709"/>
      <c r="DH5" s="605" t="s">
        <v>52</v>
      </c>
      <c r="DI5" s="710" t="s">
        <v>61</v>
      </c>
      <c r="DJ5" s="711"/>
      <c r="DK5" s="712"/>
      <c r="DL5" s="713" t="s">
        <v>62</v>
      </c>
      <c r="DM5" s="711"/>
      <c r="DN5" s="711"/>
      <c r="DO5" s="711"/>
      <c r="DP5" s="711"/>
      <c r="DQ5" s="711"/>
      <c r="DR5" s="714"/>
      <c r="DS5" s="715" t="s">
        <v>52</v>
      </c>
      <c r="DT5" s="705" t="s">
        <v>61</v>
      </c>
      <c r="DU5" s="706"/>
      <c r="DV5" s="707"/>
      <c r="DW5" s="708" t="s">
        <v>62</v>
      </c>
      <c r="DX5" s="706"/>
      <c r="DY5" s="706"/>
      <c r="DZ5" s="706"/>
      <c r="EA5" s="706"/>
      <c r="EB5" s="706"/>
      <c r="EC5" s="709"/>
      <c r="ED5" s="605" t="s">
        <v>52</v>
      </c>
      <c r="EE5" s="705" t="s">
        <v>61</v>
      </c>
      <c r="EF5" s="706"/>
      <c r="EG5" s="707"/>
      <c r="EH5" s="708" t="s">
        <v>62</v>
      </c>
      <c r="EI5" s="706"/>
      <c r="EJ5" s="706"/>
      <c r="EK5" s="706"/>
      <c r="EL5" s="706"/>
      <c r="EM5" s="706"/>
      <c r="EN5" s="709"/>
      <c r="EO5" s="605" t="s">
        <v>52</v>
      </c>
      <c r="EP5" s="705" t="s">
        <v>61</v>
      </c>
      <c r="EQ5" s="706"/>
      <c r="ER5" s="707"/>
      <c r="ES5" s="708" t="s">
        <v>62</v>
      </c>
      <c r="ET5" s="706"/>
      <c r="EU5" s="706"/>
      <c r="EV5" s="706"/>
      <c r="EW5" s="706"/>
      <c r="EX5" s="706"/>
      <c r="EY5" s="709"/>
      <c r="EZ5" s="605" t="s">
        <v>52</v>
      </c>
      <c r="FA5" s="705" t="s">
        <v>61</v>
      </c>
      <c r="FB5" s="706"/>
      <c r="FC5" s="707"/>
      <c r="FD5" s="708" t="s">
        <v>62</v>
      </c>
      <c r="FE5" s="706"/>
      <c r="FF5" s="706"/>
      <c r="FG5" s="706"/>
      <c r="FH5" s="706"/>
      <c r="FI5" s="706"/>
      <c r="FJ5" s="709"/>
      <c r="FK5" s="605" t="s">
        <v>52</v>
      </c>
      <c r="FL5" s="705" t="s">
        <v>61</v>
      </c>
      <c r="FM5" s="706"/>
      <c r="FN5" s="707"/>
      <c r="FO5" s="708" t="s">
        <v>62</v>
      </c>
      <c r="FP5" s="706"/>
      <c r="FQ5" s="706"/>
      <c r="FR5" s="706"/>
      <c r="FS5" s="706"/>
      <c r="FT5" s="706"/>
      <c r="FU5" s="709"/>
      <c r="FV5" s="605" t="s">
        <v>52</v>
      </c>
      <c r="FW5" s="705" t="s">
        <v>61</v>
      </c>
      <c r="FX5" s="706"/>
      <c r="FY5" s="707"/>
      <c r="FZ5" s="708" t="s">
        <v>62</v>
      </c>
      <c r="GA5" s="706"/>
      <c r="GB5" s="706"/>
      <c r="GC5" s="706"/>
      <c r="GD5" s="706"/>
      <c r="GE5" s="706"/>
      <c r="GF5" s="709"/>
      <c r="GG5" s="605" t="s">
        <v>52</v>
      </c>
      <c r="GH5" s="705" t="s">
        <v>61</v>
      </c>
      <c r="GI5" s="706"/>
      <c r="GJ5" s="707"/>
      <c r="GK5" s="708" t="s">
        <v>62</v>
      </c>
      <c r="GL5" s="706"/>
      <c r="GM5" s="706"/>
      <c r="GN5" s="706"/>
      <c r="GO5" s="706"/>
      <c r="GP5" s="706"/>
      <c r="GQ5" s="709"/>
      <c r="GR5" s="605" t="s">
        <v>52</v>
      </c>
      <c r="GS5" s="705" t="s">
        <v>61</v>
      </c>
      <c r="GT5" s="706"/>
      <c r="GU5" s="707"/>
      <c r="GV5" s="708" t="s">
        <v>62</v>
      </c>
      <c r="GW5" s="706"/>
      <c r="GX5" s="706"/>
      <c r="GY5" s="706"/>
      <c r="GZ5" s="706"/>
      <c r="HA5" s="706"/>
      <c r="HB5" s="709"/>
      <c r="HC5" s="605" t="s">
        <v>52</v>
      </c>
      <c r="HD5" s="705" t="s">
        <v>61</v>
      </c>
      <c r="HE5" s="706"/>
      <c r="HF5" s="707"/>
      <c r="HG5" s="708" t="s">
        <v>62</v>
      </c>
      <c r="HH5" s="706"/>
      <c r="HI5" s="706"/>
      <c r="HJ5" s="706"/>
      <c r="HK5" s="706"/>
      <c r="HL5" s="706"/>
      <c r="HM5" s="709"/>
      <c r="HN5" s="605" t="s">
        <v>52</v>
      </c>
      <c r="HO5" s="705" t="s">
        <v>61</v>
      </c>
      <c r="HP5" s="706"/>
      <c r="HQ5" s="707"/>
      <c r="HR5" s="708" t="s">
        <v>62</v>
      </c>
      <c r="HS5" s="706"/>
      <c r="HT5" s="706"/>
      <c r="HU5" s="706"/>
      <c r="HV5" s="706"/>
      <c r="HW5" s="706"/>
      <c r="HX5" s="709"/>
      <c r="HY5" s="605" t="s">
        <v>52</v>
      </c>
    </row>
    <row r="6" spans="2:233" ht="30" customHeight="1" thickBot="1" x14ac:dyDescent="0.25">
      <c r="B6" s="719"/>
      <c r="C6" s="345" t="s">
        <v>119</v>
      </c>
      <c r="D6" s="346" t="s">
        <v>44</v>
      </c>
      <c r="E6" s="353" t="s">
        <v>45</v>
      </c>
      <c r="F6" s="354" t="s">
        <v>83</v>
      </c>
      <c r="G6" s="346" t="s">
        <v>47</v>
      </c>
      <c r="H6" s="346" t="s">
        <v>48</v>
      </c>
      <c r="I6" s="346" t="s">
        <v>49</v>
      </c>
      <c r="J6" s="346" t="s">
        <v>50</v>
      </c>
      <c r="K6" s="346" t="s">
        <v>51</v>
      </c>
      <c r="L6" s="355" t="s">
        <v>45</v>
      </c>
      <c r="M6" s="704"/>
      <c r="N6" s="345" t="s">
        <v>119</v>
      </c>
      <c r="O6" s="346" t="s">
        <v>44</v>
      </c>
      <c r="P6" s="353" t="s">
        <v>45</v>
      </c>
      <c r="Q6" s="354" t="s">
        <v>83</v>
      </c>
      <c r="R6" s="346" t="s">
        <v>47</v>
      </c>
      <c r="S6" s="346" t="s">
        <v>48</v>
      </c>
      <c r="T6" s="346" t="s">
        <v>49</v>
      </c>
      <c r="U6" s="346" t="s">
        <v>50</v>
      </c>
      <c r="V6" s="346" t="s">
        <v>51</v>
      </c>
      <c r="W6" s="355" t="s">
        <v>45</v>
      </c>
      <c r="X6" s="704"/>
      <c r="Y6" s="345" t="s">
        <v>119</v>
      </c>
      <c r="Z6" s="346" t="s">
        <v>44</v>
      </c>
      <c r="AA6" s="353" t="s">
        <v>45</v>
      </c>
      <c r="AB6" s="354" t="s">
        <v>83</v>
      </c>
      <c r="AC6" s="346" t="s">
        <v>47</v>
      </c>
      <c r="AD6" s="346" t="s">
        <v>48</v>
      </c>
      <c r="AE6" s="346" t="s">
        <v>49</v>
      </c>
      <c r="AF6" s="346" t="s">
        <v>50</v>
      </c>
      <c r="AG6" s="346" t="s">
        <v>51</v>
      </c>
      <c r="AH6" s="355" t="s">
        <v>45</v>
      </c>
      <c r="AI6" s="704"/>
      <c r="AJ6" s="345" t="s">
        <v>119</v>
      </c>
      <c r="AK6" s="346" t="s">
        <v>44</v>
      </c>
      <c r="AL6" s="353" t="s">
        <v>45</v>
      </c>
      <c r="AM6" s="354" t="s">
        <v>83</v>
      </c>
      <c r="AN6" s="346" t="s">
        <v>47</v>
      </c>
      <c r="AO6" s="346" t="s">
        <v>48</v>
      </c>
      <c r="AP6" s="346" t="s">
        <v>49</v>
      </c>
      <c r="AQ6" s="346" t="s">
        <v>50</v>
      </c>
      <c r="AR6" s="346" t="s">
        <v>51</v>
      </c>
      <c r="AS6" s="355" t="s">
        <v>45</v>
      </c>
      <c r="AT6" s="704"/>
      <c r="AU6" s="345" t="s">
        <v>119</v>
      </c>
      <c r="AV6" s="346" t="s">
        <v>44</v>
      </c>
      <c r="AW6" s="353" t="s">
        <v>45</v>
      </c>
      <c r="AX6" s="354" t="s">
        <v>83</v>
      </c>
      <c r="AY6" s="346" t="s">
        <v>47</v>
      </c>
      <c r="AZ6" s="346" t="s">
        <v>48</v>
      </c>
      <c r="BA6" s="346" t="s">
        <v>49</v>
      </c>
      <c r="BB6" s="346" t="s">
        <v>50</v>
      </c>
      <c r="BC6" s="346" t="s">
        <v>51</v>
      </c>
      <c r="BD6" s="355" t="s">
        <v>45</v>
      </c>
      <c r="BE6" s="704"/>
      <c r="BF6" s="345" t="s">
        <v>119</v>
      </c>
      <c r="BG6" s="346" t="s">
        <v>44</v>
      </c>
      <c r="BH6" s="353" t="s">
        <v>45</v>
      </c>
      <c r="BI6" s="354" t="s">
        <v>83</v>
      </c>
      <c r="BJ6" s="346" t="s">
        <v>47</v>
      </c>
      <c r="BK6" s="346" t="s">
        <v>48</v>
      </c>
      <c r="BL6" s="346" t="s">
        <v>49</v>
      </c>
      <c r="BM6" s="346" t="s">
        <v>50</v>
      </c>
      <c r="BN6" s="346" t="s">
        <v>51</v>
      </c>
      <c r="BO6" s="355" t="s">
        <v>45</v>
      </c>
      <c r="BP6" s="704"/>
      <c r="BQ6" s="345" t="s">
        <v>119</v>
      </c>
      <c r="BR6" s="346" t="s">
        <v>44</v>
      </c>
      <c r="BS6" s="353" t="s">
        <v>45</v>
      </c>
      <c r="BT6" s="354" t="s">
        <v>83</v>
      </c>
      <c r="BU6" s="346" t="s">
        <v>47</v>
      </c>
      <c r="BV6" s="346" t="s">
        <v>48</v>
      </c>
      <c r="BW6" s="346" t="s">
        <v>49</v>
      </c>
      <c r="BX6" s="346" t="s">
        <v>50</v>
      </c>
      <c r="BY6" s="346" t="s">
        <v>51</v>
      </c>
      <c r="BZ6" s="355" t="s">
        <v>45</v>
      </c>
      <c r="CA6" s="704"/>
      <c r="CB6" s="345" t="s">
        <v>119</v>
      </c>
      <c r="CC6" s="346" t="s">
        <v>44</v>
      </c>
      <c r="CD6" s="353" t="s">
        <v>45</v>
      </c>
      <c r="CE6" s="354" t="s">
        <v>83</v>
      </c>
      <c r="CF6" s="346" t="s">
        <v>47</v>
      </c>
      <c r="CG6" s="346" t="s">
        <v>48</v>
      </c>
      <c r="CH6" s="346" t="s">
        <v>49</v>
      </c>
      <c r="CI6" s="346" t="s">
        <v>50</v>
      </c>
      <c r="CJ6" s="346" t="s">
        <v>51</v>
      </c>
      <c r="CK6" s="355" t="s">
        <v>45</v>
      </c>
      <c r="CL6" s="704"/>
      <c r="CM6" s="345" t="s">
        <v>119</v>
      </c>
      <c r="CN6" s="346" t="s">
        <v>44</v>
      </c>
      <c r="CO6" s="353" t="s">
        <v>45</v>
      </c>
      <c r="CP6" s="354" t="s">
        <v>83</v>
      </c>
      <c r="CQ6" s="346" t="s">
        <v>47</v>
      </c>
      <c r="CR6" s="346" t="s">
        <v>48</v>
      </c>
      <c r="CS6" s="346" t="s">
        <v>49</v>
      </c>
      <c r="CT6" s="346" t="s">
        <v>50</v>
      </c>
      <c r="CU6" s="346" t="s">
        <v>51</v>
      </c>
      <c r="CV6" s="355" t="s">
        <v>45</v>
      </c>
      <c r="CW6" s="704"/>
      <c r="CX6" s="345" t="s">
        <v>119</v>
      </c>
      <c r="CY6" s="346" t="s">
        <v>44</v>
      </c>
      <c r="CZ6" s="353" t="s">
        <v>45</v>
      </c>
      <c r="DA6" s="354" t="s">
        <v>83</v>
      </c>
      <c r="DB6" s="346" t="s">
        <v>47</v>
      </c>
      <c r="DC6" s="346" t="s">
        <v>48</v>
      </c>
      <c r="DD6" s="346" t="s">
        <v>49</v>
      </c>
      <c r="DE6" s="346" t="s">
        <v>50</v>
      </c>
      <c r="DF6" s="346" t="s">
        <v>51</v>
      </c>
      <c r="DG6" s="355" t="s">
        <v>45</v>
      </c>
      <c r="DH6" s="704"/>
      <c r="DI6" s="345" t="s">
        <v>119</v>
      </c>
      <c r="DJ6" s="346" t="s">
        <v>44</v>
      </c>
      <c r="DK6" s="353" t="s">
        <v>45</v>
      </c>
      <c r="DL6" s="354" t="s">
        <v>83</v>
      </c>
      <c r="DM6" s="346" t="s">
        <v>47</v>
      </c>
      <c r="DN6" s="346" t="s">
        <v>48</v>
      </c>
      <c r="DO6" s="346" t="s">
        <v>49</v>
      </c>
      <c r="DP6" s="346" t="s">
        <v>50</v>
      </c>
      <c r="DQ6" s="346" t="s">
        <v>51</v>
      </c>
      <c r="DR6" s="355" t="s">
        <v>45</v>
      </c>
      <c r="DS6" s="716"/>
      <c r="DT6" s="345" t="s">
        <v>119</v>
      </c>
      <c r="DU6" s="346" t="s">
        <v>44</v>
      </c>
      <c r="DV6" s="353" t="s">
        <v>45</v>
      </c>
      <c r="DW6" s="354" t="s">
        <v>83</v>
      </c>
      <c r="DX6" s="346" t="s">
        <v>47</v>
      </c>
      <c r="DY6" s="346" t="s">
        <v>48</v>
      </c>
      <c r="DZ6" s="346" t="s">
        <v>49</v>
      </c>
      <c r="EA6" s="346" t="s">
        <v>50</v>
      </c>
      <c r="EB6" s="346" t="s">
        <v>51</v>
      </c>
      <c r="EC6" s="355" t="s">
        <v>45</v>
      </c>
      <c r="ED6" s="704"/>
      <c r="EE6" s="345" t="s">
        <v>119</v>
      </c>
      <c r="EF6" s="346" t="s">
        <v>44</v>
      </c>
      <c r="EG6" s="353" t="s">
        <v>45</v>
      </c>
      <c r="EH6" s="354" t="s">
        <v>83</v>
      </c>
      <c r="EI6" s="346" t="s">
        <v>47</v>
      </c>
      <c r="EJ6" s="346" t="s">
        <v>48</v>
      </c>
      <c r="EK6" s="346" t="s">
        <v>49</v>
      </c>
      <c r="EL6" s="346" t="s">
        <v>50</v>
      </c>
      <c r="EM6" s="346" t="s">
        <v>51</v>
      </c>
      <c r="EN6" s="355" t="s">
        <v>45</v>
      </c>
      <c r="EO6" s="704"/>
      <c r="EP6" s="345" t="s">
        <v>119</v>
      </c>
      <c r="EQ6" s="346" t="s">
        <v>44</v>
      </c>
      <c r="ER6" s="353" t="s">
        <v>45</v>
      </c>
      <c r="ES6" s="354" t="s">
        <v>83</v>
      </c>
      <c r="ET6" s="346" t="s">
        <v>47</v>
      </c>
      <c r="EU6" s="346" t="s">
        <v>48</v>
      </c>
      <c r="EV6" s="346" t="s">
        <v>49</v>
      </c>
      <c r="EW6" s="346" t="s">
        <v>50</v>
      </c>
      <c r="EX6" s="346" t="s">
        <v>51</v>
      </c>
      <c r="EY6" s="355" t="s">
        <v>45</v>
      </c>
      <c r="EZ6" s="704"/>
      <c r="FA6" s="345" t="s">
        <v>119</v>
      </c>
      <c r="FB6" s="346" t="s">
        <v>44</v>
      </c>
      <c r="FC6" s="353" t="s">
        <v>45</v>
      </c>
      <c r="FD6" s="354" t="s">
        <v>83</v>
      </c>
      <c r="FE6" s="346" t="s">
        <v>47</v>
      </c>
      <c r="FF6" s="346" t="s">
        <v>48</v>
      </c>
      <c r="FG6" s="346" t="s">
        <v>49</v>
      </c>
      <c r="FH6" s="346" t="s">
        <v>50</v>
      </c>
      <c r="FI6" s="346" t="s">
        <v>51</v>
      </c>
      <c r="FJ6" s="355" t="s">
        <v>45</v>
      </c>
      <c r="FK6" s="704"/>
      <c r="FL6" s="345" t="s">
        <v>119</v>
      </c>
      <c r="FM6" s="346" t="s">
        <v>44</v>
      </c>
      <c r="FN6" s="353" t="s">
        <v>45</v>
      </c>
      <c r="FO6" s="354" t="s">
        <v>83</v>
      </c>
      <c r="FP6" s="346" t="s">
        <v>47</v>
      </c>
      <c r="FQ6" s="346" t="s">
        <v>48</v>
      </c>
      <c r="FR6" s="346" t="s">
        <v>49</v>
      </c>
      <c r="FS6" s="346" t="s">
        <v>50</v>
      </c>
      <c r="FT6" s="346" t="s">
        <v>51</v>
      </c>
      <c r="FU6" s="355" t="s">
        <v>45</v>
      </c>
      <c r="FV6" s="704"/>
      <c r="FW6" s="345" t="s">
        <v>119</v>
      </c>
      <c r="FX6" s="346" t="s">
        <v>44</v>
      </c>
      <c r="FY6" s="353" t="s">
        <v>45</v>
      </c>
      <c r="FZ6" s="354" t="s">
        <v>83</v>
      </c>
      <c r="GA6" s="346" t="s">
        <v>47</v>
      </c>
      <c r="GB6" s="346" t="s">
        <v>48</v>
      </c>
      <c r="GC6" s="346" t="s">
        <v>49</v>
      </c>
      <c r="GD6" s="346" t="s">
        <v>50</v>
      </c>
      <c r="GE6" s="346" t="s">
        <v>51</v>
      </c>
      <c r="GF6" s="355" t="s">
        <v>45</v>
      </c>
      <c r="GG6" s="704"/>
      <c r="GH6" s="345" t="s">
        <v>119</v>
      </c>
      <c r="GI6" s="346" t="s">
        <v>44</v>
      </c>
      <c r="GJ6" s="353" t="s">
        <v>45</v>
      </c>
      <c r="GK6" s="354" t="s">
        <v>83</v>
      </c>
      <c r="GL6" s="346" t="s">
        <v>47</v>
      </c>
      <c r="GM6" s="346" t="s">
        <v>48</v>
      </c>
      <c r="GN6" s="346" t="s">
        <v>49</v>
      </c>
      <c r="GO6" s="346" t="s">
        <v>50</v>
      </c>
      <c r="GP6" s="346" t="s">
        <v>51</v>
      </c>
      <c r="GQ6" s="355" t="s">
        <v>45</v>
      </c>
      <c r="GR6" s="704"/>
      <c r="GS6" s="345" t="s">
        <v>119</v>
      </c>
      <c r="GT6" s="346" t="s">
        <v>44</v>
      </c>
      <c r="GU6" s="353" t="s">
        <v>45</v>
      </c>
      <c r="GV6" s="354" t="s">
        <v>83</v>
      </c>
      <c r="GW6" s="346" t="s">
        <v>47</v>
      </c>
      <c r="GX6" s="346" t="s">
        <v>48</v>
      </c>
      <c r="GY6" s="346" t="s">
        <v>49</v>
      </c>
      <c r="GZ6" s="346" t="s">
        <v>50</v>
      </c>
      <c r="HA6" s="346" t="s">
        <v>51</v>
      </c>
      <c r="HB6" s="355" t="s">
        <v>45</v>
      </c>
      <c r="HC6" s="704"/>
      <c r="HD6" s="345" t="s">
        <v>119</v>
      </c>
      <c r="HE6" s="346" t="s">
        <v>44</v>
      </c>
      <c r="HF6" s="353" t="s">
        <v>45</v>
      </c>
      <c r="HG6" s="354" t="s">
        <v>83</v>
      </c>
      <c r="HH6" s="346" t="s">
        <v>47</v>
      </c>
      <c r="HI6" s="346" t="s">
        <v>48</v>
      </c>
      <c r="HJ6" s="346" t="s">
        <v>49</v>
      </c>
      <c r="HK6" s="346" t="s">
        <v>50</v>
      </c>
      <c r="HL6" s="346" t="s">
        <v>51</v>
      </c>
      <c r="HM6" s="355" t="s">
        <v>45</v>
      </c>
      <c r="HN6" s="704"/>
      <c r="HO6" s="345" t="s">
        <v>119</v>
      </c>
      <c r="HP6" s="346" t="s">
        <v>44</v>
      </c>
      <c r="HQ6" s="353" t="s">
        <v>45</v>
      </c>
      <c r="HR6" s="354" t="s">
        <v>83</v>
      </c>
      <c r="HS6" s="346" t="s">
        <v>47</v>
      </c>
      <c r="HT6" s="346" t="s">
        <v>48</v>
      </c>
      <c r="HU6" s="346" t="s">
        <v>49</v>
      </c>
      <c r="HV6" s="346" t="s">
        <v>50</v>
      </c>
      <c r="HW6" s="346" t="s">
        <v>51</v>
      </c>
      <c r="HX6" s="355" t="s">
        <v>45</v>
      </c>
      <c r="HY6" s="704"/>
    </row>
    <row r="7" spans="2:233" s="459" customFormat="1" ht="21" customHeight="1" x14ac:dyDescent="0.2">
      <c r="B7" s="470" t="s">
        <v>4</v>
      </c>
      <c r="C7" s="451">
        <v>16395</v>
      </c>
      <c r="D7" s="452">
        <v>128721</v>
      </c>
      <c r="E7" s="453">
        <v>145116</v>
      </c>
      <c r="F7" s="454">
        <v>0</v>
      </c>
      <c r="G7" s="452">
        <v>16436067</v>
      </c>
      <c r="H7" s="452">
        <v>38615582</v>
      </c>
      <c r="I7" s="452">
        <v>111885223</v>
      </c>
      <c r="J7" s="452">
        <v>153025399</v>
      </c>
      <c r="K7" s="452">
        <v>96317590</v>
      </c>
      <c r="L7" s="455">
        <v>416279861</v>
      </c>
      <c r="M7" s="456">
        <v>416424977</v>
      </c>
      <c r="N7" s="451">
        <v>0</v>
      </c>
      <c r="O7" s="452">
        <v>0</v>
      </c>
      <c r="P7" s="453">
        <v>0</v>
      </c>
      <c r="Q7" s="457"/>
      <c r="R7" s="452">
        <v>4512232</v>
      </c>
      <c r="S7" s="452">
        <v>13389339</v>
      </c>
      <c r="T7" s="452">
        <v>76447493</v>
      </c>
      <c r="U7" s="452">
        <v>112029507</v>
      </c>
      <c r="V7" s="452">
        <v>74427184</v>
      </c>
      <c r="W7" s="455">
        <v>280805755</v>
      </c>
      <c r="X7" s="456">
        <v>280805755</v>
      </c>
      <c r="Y7" s="451">
        <v>0</v>
      </c>
      <c r="Z7" s="452">
        <v>0</v>
      </c>
      <c r="AA7" s="453">
        <v>0</v>
      </c>
      <c r="AB7" s="457"/>
      <c r="AC7" s="452">
        <v>9970881</v>
      </c>
      <c r="AD7" s="452">
        <v>20906271</v>
      </c>
      <c r="AE7" s="452">
        <v>25893060</v>
      </c>
      <c r="AF7" s="452">
        <v>29907084</v>
      </c>
      <c r="AG7" s="452">
        <v>13770707</v>
      </c>
      <c r="AH7" s="455">
        <v>100448003</v>
      </c>
      <c r="AI7" s="456">
        <v>100448003</v>
      </c>
      <c r="AJ7" s="451">
        <v>0</v>
      </c>
      <c r="AK7" s="452">
        <v>0</v>
      </c>
      <c r="AL7" s="453">
        <v>0</v>
      </c>
      <c r="AM7" s="457"/>
      <c r="AN7" s="452">
        <v>0</v>
      </c>
      <c r="AO7" s="452">
        <v>0</v>
      </c>
      <c r="AP7" s="452">
        <v>52515</v>
      </c>
      <c r="AQ7" s="452">
        <v>681615</v>
      </c>
      <c r="AR7" s="452">
        <v>691780</v>
      </c>
      <c r="AS7" s="455">
        <v>1425910</v>
      </c>
      <c r="AT7" s="456">
        <v>1425910</v>
      </c>
      <c r="AU7" s="451">
        <v>0</v>
      </c>
      <c r="AV7" s="452">
        <v>0</v>
      </c>
      <c r="AW7" s="453">
        <v>0</v>
      </c>
      <c r="AX7" s="457"/>
      <c r="AY7" s="452">
        <v>130410</v>
      </c>
      <c r="AZ7" s="452">
        <v>108060</v>
      </c>
      <c r="BA7" s="452">
        <v>395570</v>
      </c>
      <c r="BB7" s="452">
        <v>1939150</v>
      </c>
      <c r="BC7" s="452">
        <v>2678195</v>
      </c>
      <c r="BD7" s="455">
        <v>5251385</v>
      </c>
      <c r="BE7" s="456">
        <v>5251385</v>
      </c>
      <c r="BF7" s="451">
        <v>0</v>
      </c>
      <c r="BG7" s="452">
        <v>0</v>
      </c>
      <c r="BH7" s="453">
        <v>0</v>
      </c>
      <c r="BI7" s="457"/>
      <c r="BJ7" s="452">
        <v>100595</v>
      </c>
      <c r="BK7" s="452">
        <v>298395</v>
      </c>
      <c r="BL7" s="452">
        <v>1430840</v>
      </c>
      <c r="BM7" s="452">
        <v>1791245</v>
      </c>
      <c r="BN7" s="452">
        <v>1358235</v>
      </c>
      <c r="BO7" s="455">
        <v>4979310</v>
      </c>
      <c r="BP7" s="456">
        <v>4979310</v>
      </c>
      <c r="BQ7" s="451">
        <v>16395</v>
      </c>
      <c r="BR7" s="452">
        <v>126973</v>
      </c>
      <c r="BS7" s="453">
        <v>143368</v>
      </c>
      <c r="BT7" s="454">
        <v>0</v>
      </c>
      <c r="BU7" s="452">
        <v>1640288</v>
      </c>
      <c r="BV7" s="452">
        <v>3701055</v>
      </c>
      <c r="BW7" s="452">
        <v>7355038</v>
      </c>
      <c r="BX7" s="452">
        <v>6311333</v>
      </c>
      <c r="BY7" s="452">
        <v>3155626</v>
      </c>
      <c r="BZ7" s="455">
        <v>22163340</v>
      </c>
      <c r="CA7" s="456">
        <v>22306708</v>
      </c>
      <c r="CB7" s="451">
        <v>0</v>
      </c>
      <c r="CC7" s="452">
        <v>1748</v>
      </c>
      <c r="CD7" s="453">
        <v>1748</v>
      </c>
      <c r="CE7" s="454">
        <v>0</v>
      </c>
      <c r="CF7" s="452">
        <v>81661</v>
      </c>
      <c r="CG7" s="452">
        <v>212462</v>
      </c>
      <c r="CH7" s="452">
        <v>310707</v>
      </c>
      <c r="CI7" s="452">
        <v>365465</v>
      </c>
      <c r="CJ7" s="452">
        <v>235863</v>
      </c>
      <c r="CK7" s="455">
        <v>1206158</v>
      </c>
      <c r="CL7" s="456">
        <v>1207906</v>
      </c>
      <c r="CM7" s="451">
        <v>0</v>
      </c>
      <c r="CN7" s="452">
        <v>0</v>
      </c>
      <c r="CO7" s="453">
        <v>0</v>
      </c>
      <c r="CP7" s="454">
        <v>0</v>
      </c>
      <c r="CQ7" s="452">
        <v>0</v>
      </c>
      <c r="CR7" s="452">
        <v>0</v>
      </c>
      <c r="CS7" s="452">
        <v>0</v>
      </c>
      <c r="CT7" s="452">
        <v>0</v>
      </c>
      <c r="CU7" s="452">
        <v>0</v>
      </c>
      <c r="CV7" s="455">
        <v>0</v>
      </c>
      <c r="CW7" s="456">
        <v>0</v>
      </c>
      <c r="CX7" s="451">
        <v>0</v>
      </c>
      <c r="CY7" s="452">
        <v>0</v>
      </c>
      <c r="CZ7" s="453">
        <v>0</v>
      </c>
      <c r="DA7" s="457"/>
      <c r="DB7" s="452">
        <v>0</v>
      </c>
      <c r="DC7" s="452">
        <v>0</v>
      </c>
      <c r="DD7" s="452">
        <v>0</v>
      </c>
      <c r="DE7" s="452">
        <v>0</v>
      </c>
      <c r="DF7" s="452">
        <v>0</v>
      </c>
      <c r="DG7" s="455">
        <v>0</v>
      </c>
      <c r="DH7" s="456">
        <v>0</v>
      </c>
      <c r="DI7" s="451">
        <v>33922</v>
      </c>
      <c r="DJ7" s="452">
        <v>206331</v>
      </c>
      <c r="DK7" s="453">
        <v>240253</v>
      </c>
      <c r="DL7" s="454">
        <v>0</v>
      </c>
      <c r="DM7" s="452">
        <v>11067831</v>
      </c>
      <c r="DN7" s="452">
        <v>30918256</v>
      </c>
      <c r="DO7" s="452">
        <v>122910335</v>
      </c>
      <c r="DP7" s="452">
        <v>161903426</v>
      </c>
      <c r="DQ7" s="452">
        <v>102599915</v>
      </c>
      <c r="DR7" s="455">
        <v>429399763</v>
      </c>
      <c r="DS7" s="458">
        <v>429640016</v>
      </c>
      <c r="DT7" s="451">
        <v>0</v>
      </c>
      <c r="DU7" s="452">
        <v>0</v>
      </c>
      <c r="DV7" s="453">
        <v>0</v>
      </c>
      <c r="DW7" s="457"/>
      <c r="DX7" s="452">
        <v>5747993</v>
      </c>
      <c r="DY7" s="452">
        <v>19001894</v>
      </c>
      <c r="DZ7" s="452">
        <v>102364531</v>
      </c>
      <c r="EA7" s="452">
        <v>141646149</v>
      </c>
      <c r="EB7" s="452">
        <v>91431579</v>
      </c>
      <c r="EC7" s="455">
        <v>360192146</v>
      </c>
      <c r="ED7" s="456">
        <v>360192146</v>
      </c>
      <c r="EE7" s="451">
        <v>0</v>
      </c>
      <c r="EF7" s="452">
        <v>0</v>
      </c>
      <c r="EG7" s="453">
        <v>0</v>
      </c>
      <c r="EH7" s="457"/>
      <c r="EI7" s="452">
        <v>2462605</v>
      </c>
      <c r="EJ7" s="452">
        <v>5197535</v>
      </c>
      <c r="EK7" s="452">
        <v>5937403</v>
      </c>
      <c r="EL7" s="452">
        <v>6903692</v>
      </c>
      <c r="EM7" s="452">
        <v>3565864</v>
      </c>
      <c r="EN7" s="455">
        <v>24067099</v>
      </c>
      <c r="EO7" s="456">
        <v>24067099</v>
      </c>
      <c r="EP7" s="451">
        <v>0</v>
      </c>
      <c r="EQ7" s="452">
        <v>0</v>
      </c>
      <c r="ER7" s="453">
        <v>0</v>
      </c>
      <c r="ES7" s="457"/>
      <c r="ET7" s="452">
        <v>0</v>
      </c>
      <c r="EU7" s="452">
        <v>0</v>
      </c>
      <c r="EV7" s="452">
        <v>6571</v>
      </c>
      <c r="EW7" s="452">
        <v>110174</v>
      </c>
      <c r="EX7" s="452">
        <v>141617</v>
      </c>
      <c r="EY7" s="455">
        <v>258362</v>
      </c>
      <c r="EZ7" s="456">
        <v>258362</v>
      </c>
      <c r="FA7" s="451">
        <v>0</v>
      </c>
      <c r="FB7" s="452">
        <v>0</v>
      </c>
      <c r="FC7" s="453">
        <v>0</v>
      </c>
      <c r="FD7" s="457"/>
      <c r="FE7" s="452">
        <v>13185</v>
      </c>
      <c r="FF7" s="452">
        <v>35235</v>
      </c>
      <c r="FG7" s="452">
        <v>85671</v>
      </c>
      <c r="FH7" s="452">
        <v>282522</v>
      </c>
      <c r="FI7" s="452">
        <v>401627</v>
      </c>
      <c r="FJ7" s="455">
        <v>818240</v>
      </c>
      <c r="FK7" s="456">
        <v>818240</v>
      </c>
      <c r="FL7" s="451">
        <v>0</v>
      </c>
      <c r="FM7" s="452">
        <v>0</v>
      </c>
      <c r="FN7" s="453">
        <v>0</v>
      </c>
      <c r="FO7" s="457"/>
      <c r="FP7" s="452">
        <v>181412</v>
      </c>
      <c r="FQ7" s="452">
        <v>394764</v>
      </c>
      <c r="FR7" s="452">
        <v>2481930</v>
      </c>
      <c r="FS7" s="452">
        <v>3221562</v>
      </c>
      <c r="FT7" s="452">
        <v>2244917</v>
      </c>
      <c r="FU7" s="455">
        <v>8524585</v>
      </c>
      <c r="FV7" s="456">
        <v>8524585</v>
      </c>
      <c r="FW7" s="451">
        <v>33922</v>
      </c>
      <c r="FX7" s="452">
        <v>204106</v>
      </c>
      <c r="FY7" s="453">
        <v>238028</v>
      </c>
      <c r="FZ7" s="454">
        <v>0</v>
      </c>
      <c r="GA7" s="452">
        <v>2614580</v>
      </c>
      <c r="GB7" s="452">
        <v>6177523</v>
      </c>
      <c r="GC7" s="452">
        <v>11802919</v>
      </c>
      <c r="GD7" s="452">
        <v>9469425</v>
      </c>
      <c r="GE7" s="452">
        <v>4661913</v>
      </c>
      <c r="GF7" s="455">
        <v>34726360</v>
      </c>
      <c r="GG7" s="456">
        <v>34964388</v>
      </c>
      <c r="GH7" s="451">
        <v>0</v>
      </c>
      <c r="GI7" s="452">
        <v>2225</v>
      </c>
      <c r="GJ7" s="453">
        <v>2225</v>
      </c>
      <c r="GK7" s="454">
        <v>0</v>
      </c>
      <c r="GL7" s="452">
        <v>48056</v>
      </c>
      <c r="GM7" s="452">
        <v>111305</v>
      </c>
      <c r="GN7" s="452">
        <v>231310</v>
      </c>
      <c r="GO7" s="452">
        <v>269902</v>
      </c>
      <c r="GP7" s="452">
        <v>152398</v>
      </c>
      <c r="GQ7" s="455">
        <v>812971</v>
      </c>
      <c r="GR7" s="456">
        <v>815196</v>
      </c>
      <c r="GS7" s="451">
        <v>0</v>
      </c>
      <c r="GT7" s="452">
        <v>0</v>
      </c>
      <c r="GU7" s="453">
        <v>0</v>
      </c>
      <c r="GV7" s="454">
        <v>0</v>
      </c>
      <c r="GW7" s="452">
        <v>0</v>
      </c>
      <c r="GX7" s="452">
        <v>0</v>
      </c>
      <c r="GY7" s="452">
        <v>0</v>
      </c>
      <c r="GZ7" s="452">
        <v>0</v>
      </c>
      <c r="HA7" s="452">
        <v>0</v>
      </c>
      <c r="HB7" s="455">
        <v>0</v>
      </c>
      <c r="HC7" s="456">
        <v>0</v>
      </c>
      <c r="HD7" s="451">
        <v>0</v>
      </c>
      <c r="HE7" s="452">
        <v>0</v>
      </c>
      <c r="HF7" s="453">
        <v>0</v>
      </c>
      <c r="HG7" s="457"/>
      <c r="HH7" s="452">
        <v>0</v>
      </c>
      <c r="HI7" s="452">
        <v>0</v>
      </c>
      <c r="HJ7" s="452">
        <v>0</v>
      </c>
      <c r="HK7" s="452">
        <v>0</v>
      </c>
      <c r="HL7" s="452">
        <v>0</v>
      </c>
      <c r="HM7" s="455">
        <v>0</v>
      </c>
      <c r="HN7" s="456">
        <v>0</v>
      </c>
      <c r="HO7" s="451">
        <v>50317</v>
      </c>
      <c r="HP7" s="452">
        <v>335052</v>
      </c>
      <c r="HQ7" s="453">
        <v>385369</v>
      </c>
      <c r="HR7" s="454">
        <v>0</v>
      </c>
      <c r="HS7" s="452">
        <v>27503898</v>
      </c>
      <c r="HT7" s="452">
        <v>69533838</v>
      </c>
      <c r="HU7" s="452">
        <v>234795558</v>
      </c>
      <c r="HV7" s="452">
        <v>314928825</v>
      </c>
      <c r="HW7" s="452">
        <v>198917505</v>
      </c>
      <c r="HX7" s="455">
        <v>845679624</v>
      </c>
      <c r="HY7" s="456">
        <v>846064993</v>
      </c>
    </row>
    <row r="8" spans="2:233" s="459" customFormat="1" ht="21" customHeight="1" x14ac:dyDescent="0.2">
      <c r="B8" s="471" t="s">
        <v>5</v>
      </c>
      <c r="C8" s="460">
        <v>950</v>
      </c>
      <c r="D8" s="461">
        <v>47773</v>
      </c>
      <c r="E8" s="462">
        <v>48723</v>
      </c>
      <c r="F8" s="463">
        <v>0</v>
      </c>
      <c r="G8" s="461">
        <v>6497971</v>
      </c>
      <c r="H8" s="461">
        <v>19787084</v>
      </c>
      <c r="I8" s="461">
        <v>48352182</v>
      </c>
      <c r="J8" s="461">
        <v>66314628</v>
      </c>
      <c r="K8" s="461">
        <v>41010992</v>
      </c>
      <c r="L8" s="464">
        <v>181962857</v>
      </c>
      <c r="M8" s="465">
        <v>182011580</v>
      </c>
      <c r="N8" s="460">
        <v>0</v>
      </c>
      <c r="O8" s="461">
        <v>0</v>
      </c>
      <c r="P8" s="462">
        <v>0</v>
      </c>
      <c r="Q8" s="466"/>
      <c r="R8" s="461">
        <v>2459881</v>
      </c>
      <c r="S8" s="461">
        <v>8966127</v>
      </c>
      <c r="T8" s="461">
        <v>33495115</v>
      </c>
      <c r="U8" s="461">
        <v>49332010</v>
      </c>
      <c r="V8" s="461">
        <v>32350696</v>
      </c>
      <c r="W8" s="464">
        <v>126603829</v>
      </c>
      <c r="X8" s="465">
        <v>126603829</v>
      </c>
      <c r="Y8" s="460">
        <v>0</v>
      </c>
      <c r="Z8" s="461">
        <v>0</v>
      </c>
      <c r="AA8" s="462">
        <v>0</v>
      </c>
      <c r="AB8" s="466"/>
      <c r="AC8" s="461">
        <v>3477135</v>
      </c>
      <c r="AD8" s="461">
        <v>9090322</v>
      </c>
      <c r="AE8" s="461">
        <v>10942532</v>
      </c>
      <c r="AF8" s="461">
        <v>13443624</v>
      </c>
      <c r="AG8" s="461">
        <v>6676643</v>
      </c>
      <c r="AH8" s="464">
        <v>43630256</v>
      </c>
      <c r="AI8" s="465">
        <v>43630256</v>
      </c>
      <c r="AJ8" s="460">
        <v>0</v>
      </c>
      <c r="AK8" s="461">
        <v>0</v>
      </c>
      <c r="AL8" s="462">
        <v>0</v>
      </c>
      <c r="AM8" s="466"/>
      <c r="AN8" s="461">
        <v>0</v>
      </c>
      <c r="AO8" s="461">
        <v>0</v>
      </c>
      <c r="AP8" s="461">
        <v>17175</v>
      </c>
      <c r="AQ8" s="461">
        <v>187550</v>
      </c>
      <c r="AR8" s="461">
        <v>85880</v>
      </c>
      <c r="AS8" s="464">
        <v>290605</v>
      </c>
      <c r="AT8" s="465">
        <v>290605</v>
      </c>
      <c r="AU8" s="460">
        <v>0</v>
      </c>
      <c r="AV8" s="461">
        <v>0</v>
      </c>
      <c r="AW8" s="462">
        <v>0</v>
      </c>
      <c r="AX8" s="466"/>
      <c r="AY8" s="461">
        <v>24645</v>
      </c>
      <c r="AZ8" s="461">
        <v>35495</v>
      </c>
      <c r="BA8" s="461">
        <v>100750</v>
      </c>
      <c r="BB8" s="461">
        <v>450000</v>
      </c>
      <c r="BC8" s="461">
        <v>453500</v>
      </c>
      <c r="BD8" s="464">
        <v>1064390</v>
      </c>
      <c r="BE8" s="465">
        <v>1064390</v>
      </c>
      <c r="BF8" s="460">
        <v>0</v>
      </c>
      <c r="BG8" s="461">
        <v>0</v>
      </c>
      <c r="BH8" s="462">
        <v>0</v>
      </c>
      <c r="BI8" s="466"/>
      <c r="BJ8" s="461">
        <v>68045</v>
      </c>
      <c r="BK8" s="461">
        <v>140535</v>
      </c>
      <c r="BL8" s="461">
        <v>232340</v>
      </c>
      <c r="BM8" s="461">
        <v>231960</v>
      </c>
      <c r="BN8" s="461">
        <v>225235</v>
      </c>
      <c r="BO8" s="464">
        <v>898115</v>
      </c>
      <c r="BP8" s="465">
        <v>898115</v>
      </c>
      <c r="BQ8" s="460">
        <v>950</v>
      </c>
      <c r="BR8" s="461">
        <v>46025</v>
      </c>
      <c r="BS8" s="462">
        <v>46975</v>
      </c>
      <c r="BT8" s="463">
        <v>0</v>
      </c>
      <c r="BU8" s="461">
        <v>452291</v>
      </c>
      <c r="BV8" s="461">
        <v>1443314</v>
      </c>
      <c r="BW8" s="461">
        <v>3380379</v>
      </c>
      <c r="BX8" s="461">
        <v>2496409</v>
      </c>
      <c r="BY8" s="461">
        <v>1071056</v>
      </c>
      <c r="BZ8" s="464">
        <v>8843449</v>
      </c>
      <c r="CA8" s="465">
        <v>8890424</v>
      </c>
      <c r="CB8" s="460">
        <v>0</v>
      </c>
      <c r="CC8" s="461">
        <v>1748</v>
      </c>
      <c r="CD8" s="462">
        <v>1748</v>
      </c>
      <c r="CE8" s="463">
        <v>0</v>
      </c>
      <c r="CF8" s="461">
        <v>15974</v>
      </c>
      <c r="CG8" s="461">
        <v>111291</v>
      </c>
      <c r="CH8" s="461">
        <v>183891</v>
      </c>
      <c r="CI8" s="461">
        <v>173075</v>
      </c>
      <c r="CJ8" s="461">
        <v>147982</v>
      </c>
      <c r="CK8" s="464">
        <v>632213</v>
      </c>
      <c r="CL8" s="465">
        <v>633961</v>
      </c>
      <c r="CM8" s="460">
        <v>0</v>
      </c>
      <c r="CN8" s="461">
        <v>0</v>
      </c>
      <c r="CO8" s="462">
        <v>0</v>
      </c>
      <c r="CP8" s="463">
        <v>0</v>
      </c>
      <c r="CQ8" s="461">
        <v>0</v>
      </c>
      <c r="CR8" s="461">
        <v>0</v>
      </c>
      <c r="CS8" s="461">
        <v>0</v>
      </c>
      <c r="CT8" s="461">
        <v>0</v>
      </c>
      <c r="CU8" s="461">
        <v>0</v>
      </c>
      <c r="CV8" s="464">
        <v>0</v>
      </c>
      <c r="CW8" s="465">
        <v>0</v>
      </c>
      <c r="CX8" s="460">
        <v>0</v>
      </c>
      <c r="CY8" s="461">
        <v>0</v>
      </c>
      <c r="CZ8" s="462">
        <v>0</v>
      </c>
      <c r="DA8" s="466"/>
      <c r="DB8" s="461">
        <v>0</v>
      </c>
      <c r="DC8" s="461">
        <v>0</v>
      </c>
      <c r="DD8" s="461">
        <v>0</v>
      </c>
      <c r="DE8" s="461">
        <v>0</v>
      </c>
      <c r="DF8" s="461">
        <v>0</v>
      </c>
      <c r="DG8" s="464">
        <v>0</v>
      </c>
      <c r="DH8" s="465">
        <v>0</v>
      </c>
      <c r="DI8" s="460">
        <v>8922</v>
      </c>
      <c r="DJ8" s="461">
        <v>86017</v>
      </c>
      <c r="DK8" s="462">
        <v>94939</v>
      </c>
      <c r="DL8" s="463">
        <v>0</v>
      </c>
      <c r="DM8" s="461">
        <v>5899693</v>
      </c>
      <c r="DN8" s="461">
        <v>18971218</v>
      </c>
      <c r="DO8" s="461">
        <v>55799428</v>
      </c>
      <c r="DP8" s="461">
        <v>71748225</v>
      </c>
      <c r="DQ8" s="461">
        <v>45136593</v>
      </c>
      <c r="DR8" s="464">
        <v>197555157</v>
      </c>
      <c r="DS8" s="467">
        <v>197650096</v>
      </c>
      <c r="DT8" s="460">
        <v>0</v>
      </c>
      <c r="DU8" s="461">
        <v>0</v>
      </c>
      <c r="DV8" s="462">
        <v>0</v>
      </c>
      <c r="DW8" s="466"/>
      <c r="DX8" s="461">
        <v>3717585</v>
      </c>
      <c r="DY8" s="461">
        <v>12918371</v>
      </c>
      <c r="DZ8" s="461">
        <v>46604437</v>
      </c>
      <c r="EA8" s="461">
        <v>63419476</v>
      </c>
      <c r="EB8" s="461">
        <v>40605630</v>
      </c>
      <c r="EC8" s="464">
        <v>167265499</v>
      </c>
      <c r="ED8" s="465">
        <v>167265499</v>
      </c>
      <c r="EE8" s="460">
        <v>0</v>
      </c>
      <c r="EF8" s="461">
        <v>0</v>
      </c>
      <c r="EG8" s="462">
        <v>0</v>
      </c>
      <c r="EH8" s="466"/>
      <c r="EI8" s="461">
        <v>1233431</v>
      </c>
      <c r="EJ8" s="461">
        <v>3237667</v>
      </c>
      <c r="EK8" s="461">
        <v>3415233</v>
      </c>
      <c r="EL8" s="461">
        <v>3886066</v>
      </c>
      <c r="EM8" s="461">
        <v>2278251</v>
      </c>
      <c r="EN8" s="464">
        <v>14050648</v>
      </c>
      <c r="EO8" s="465">
        <v>14050648</v>
      </c>
      <c r="EP8" s="460">
        <v>0</v>
      </c>
      <c r="EQ8" s="461">
        <v>0</v>
      </c>
      <c r="ER8" s="462">
        <v>0</v>
      </c>
      <c r="ES8" s="466"/>
      <c r="ET8" s="461">
        <v>0</v>
      </c>
      <c r="EU8" s="461">
        <v>0</v>
      </c>
      <c r="EV8" s="461">
        <v>5920</v>
      </c>
      <c r="EW8" s="461">
        <v>36797</v>
      </c>
      <c r="EX8" s="461">
        <v>12989</v>
      </c>
      <c r="EY8" s="464">
        <v>55706</v>
      </c>
      <c r="EZ8" s="465">
        <v>55706</v>
      </c>
      <c r="FA8" s="460">
        <v>0</v>
      </c>
      <c r="FB8" s="461">
        <v>0</v>
      </c>
      <c r="FC8" s="462">
        <v>0</v>
      </c>
      <c r="FD8" s="466"/>
      <c r="FE8" s="461">
        <v>217</v>
      </c>
      <c r="FF8" s="461">
        <v>11687</v>
      </c>
      <c r="FG8" s="461">
        <v>1085</v>
      </c>
      <c r="FH8" s="461">
        <v>64861</v>
      </c>
      <c r="FI8" s="461">
        <v>88488</v>
      </c>
      <c r="FJ8" s="464">
        <v>166338</v>
      </c>
      <c r="FK8" s="465">
        <v>166338</v>
      </c>
      <c r="FL8" s="460">
        <v>0</v>
      </c>
      <c r="FM8" s="461">
        <v>0</v>
      </c>
      <c r="FN8" s="462">
        <v>0</v>
      </c>
      <c r="FO8" s="466"/>
      <c r="FP8" s="461">
        <v>95108</v>
      </c>
      <c r="FQ8" s="461">
        <v>148004</v>
      </c>
      <c r="FR8" s="461">
        <v>367574</v>
      </c>
      <c r="FS8" s="461">
        <v>401466</v>
      </c>
      <c r="FT8" s="461">
        <v>364968</v>
      </c>
      <c r="FU8" s="464">
        <v>1377120</v>
      </c>
      <c r="FV8" s="465">
        <v>1377120</v>
      </c>
      <c r="FW8" s="460">
        <v>8922</v>
      </c>
      <c r="FX8" s="461">
        <v>83792</v>
      </c>
      <c r="FY8" s="462">
        <v>92714</v>
      </c>
      <c r="FZ8" s="463">
        <v>0</v>
      </c>
      <c r="GA8" s="461">
        <v>825644</v>
      </c>
      <c r="GB8" s="461">
        <v>2594438</v>
      </c>
      <c r="GC8" s="461">
        <v>5275617</v>
      </c>
      <c r="GD8" s="461">
        <v>3821617</v>
      </c>
      <c r="GE8" s="461">
        <v>1696619</v>
      </c>
      <c r="GF8" s="464">
        <v>14213935</v>
      </c>
      <c r="GG8" s="465">
        <v>14306649</v>
      </c>
      <c r="GH8" s="460">
        <v>0</v>
      </c>
      <c r="GI8" s="461">
        <v>2225</v>
      </c>
      <c r="GJ8" s="462">
        <v>2225</v>
      </c>
      <c r="GK8" s="463">
        <v>0</v>
      </c>
      <c r="GL8" s="461">
        <v>27708</v>
      </c>
      <c r="GM8" s="461">
        <v>61051</v>
      </c>
      <c r="GN8" s="461">
        <v>129562</v>
      </c>
      <c r="GO8" s="461">
        <v>117942</v>
      </c>
      <c r="GP8" s="461">
        <v>89648</v>
      </c>
      <c r="GQ8" s="464">
        <v>425911</v>
      </c>
      <c r="GR8" s="465">
        <v>428136</v>
      </c>
      <c r="GS8" s="460">
        <v>0</v>
      </c>
      <c r="GT8" s="461">
        <v>0</v>
      </c>
      <c r="GU8" s="462">
        <v>0</v>
      </c>
      <c r="GV8" s="463">
        <v>0</v>
      </c>
      <c r="GW8" s="461">
        <v>0</v>
      </c>
      <c r="GX8" s="461">
        <v>0</v>
      </c>
      <c r="GY8" s="461">
        <v>0</v>
      </c>
      <c r="GZ8" s="461">
        <v>0</v>
      </c>
      <c r="HA8" s="461">
        <v>0</v>
      </c>
      <c r="HB8" s="464">
        <v>0</v>
      </c>
      <c r="HC8" s="465">
        <v>0</v>
      </c>
      <c r="HD8" s="460">
        <v>0</v>
      </c>
      <c r="HE8" s="461">
        <v>0</v>
      </c>
      <c r="HF8" s="462">
        <v>0</v>
      </c>
      <c r="HG8" s="466"/>
      <c r="HH8" s="461">
        <v>0</v>
      </c>
      <c r="HI8" s="461">
        <v>0</v>
      </c>
      <c r="HJ8" s="461">
        <v>0</v>
      </c>
      <c r="HK8" s="461">
        <v>0</v>
      </c>
      <c r="HL8" s="461">
        <v>0</v>
      </c>
      <c r="HM8" s="464">
        <v>0</v>
      </c>
      <c r="HN8" s="465">
        <v>0</v>
      </c>
      <c r="HO8" s="460">
        <v>9872</v>
      </c>
      <c r="HP8" s="461">
        <v>133790</v>
      </c>
      <c r="HQ8" s="462">
        <v>143662</v>
      </c>
      <c r="HR8" s="463">
        <v>0</v>
      </c>
      <c r="HS8" s="461">
        <v>12397664</v>
      </c>
      <c r="HT8" s="461">
        <v>38758302</v>
      </c>
      <c r="HU8" s="461">
        <v>104151610</v>
      </c>
      <c r="HV8" s="461">
        <v>138062853</v>
      </c>
      <c r="HW8" s="461">
        <v>86147585</v>
      </c>
      <c r="HX8" s="464">
        <v>379518014</v>
      </c>
      <c r="HY8" s="465">
        <v>379661676</v>
      </c>
    </row>
    <row r="9" spans="2:233" ht="21" customHeight="1" x14ac:dyDescent="0.2">
      <c r="B9" s="472" t="s">
        <v>6</v>
      </c>
      <c r="C9" s="273">
        <v>0</v>
      </c>
      <c r="D9" s="274">
        <v>21466</v>
      </c>
      <c r="E9" s="275">
        <v>21466</v>
      </c>
      <c r="F9" s="276">
        <v>0</v>
      </c>
      <c r="G9" s="274">
        <v>2695641</v>
      </c>
      <c r="H9" s="274">
        <v>4500695</v>
      </c>
      <c r="I9" s="274">
        <v>14415559</v>
      </c>
      <c r="J9" s="274">
        <v>20726568</v>
      </c>
      <c r="K9" s="274">
        <v>13294020</v>
      </c>
      <c r="L9" s="277">
        <v>55632483</v>
      </c>
      <c r="M9" s="278">
        <v>55653949</v>
      </c>
      <c r="N9" s="273">
        <v>0</v>
      </c>
      <c r="O9" s="274">
        <v>0</v>
      </c>
      <c r="P9" s="275">
        <v>0</v>
      </c>
      <c r="Q9" s="279"/>
      <c r="R9" s="274">
        <v>997375</v>
      </c>
      <c r="S9" s="274">
        <v>1638230</v>
      </c>
      <c r="T9" s="274">
        <v>10487092</v>
      </c>
      <c r="U9" s="274">
        <v>15047557</v>
      </c>
      <c r="V9" s="274">
        <v>10339855</v>
      </c>
      <c r="W9" s="277">
        <v>38510109</v>
      </c>
      <c r="X9" s="278">
        <v>38510109</v>
      </c>
      <c r="Y9" s="273">
        <v>0</v>
      </c>
      <c r="Z9" s="274">
        <v>0</v>
      </c>
      <c r="AA9" s="275">
        <v>0</v>
      </c>
      <c r="AB9" s="279"/>
      <c r="AC9" s="274">
        <v>1321535</v>
      </c>
      <c r="AD9" s="274">
        <v>2343945</v>
      </c>
      <c r="AE9" s="274">
        <v>2781230</v>
      </c>
      <c r="AF9" s="274">
        <v>3947088</v>
      </c>
      <c r="AG9" s="274">
        <v>1550305</v>
      </c>
      <c r="AH9" s="277">
        <v>11944103</v>
      </c>
      <c r="AI9" s="278">
        <v>11944103</v>
      </c>
      <c r="AJ9" s="273">
        <v>0</v>
      </c>
      <c r="AK9" s="274">
        <v>0</v>
      </c>
      <c r="AL9" s="275">
        <v>0</v>
      </c>
      <c r="AM9" s="279"/>
      <c r="AN9" s="274">
        <v>0</v>
      </c>
      <c r="AO9" s="274">
        <v>0</v>
      </c>
      <c r="AP9" s="274">
        <v>2635</v>
      </c>
      <c r="AQ9" s="274">
        <v>290185</v>
      </c>
      <c r="AR9" s="274">
        <v>315500</v>
      </c>
      <c r="AS9" s="277">
        <v>608320</v>
      </c>
      <c r="AT9" s="278">
        <v>608320</v>
      </c>
      <c r="AU9" s="273">
        <v>0</v>
      </c>
      <c r="AV9" s="274">
        <v>0</v>
      </c>
      <c r="AW9" s="275">
        <v>0</v>
      </c>
      <c r="AX9" s="279"/>
      <c r="AY9" s="274">
        <v>2635</v>
      </c>
      <c r="AZ9" s="274">
        <v>0</v>
      </c>
      <c r="BA9" s="274">
        <v>25895</v>
      </c>
      <c r="BB9" s="274">
        <v>209615</v>
      </c>
      <c r="BC9" s="274">
        <v>205710</v>
      </c>
      <c r="BD9" s="277">
        <v>443855</v>
      </c>
      <c r="BE9" s="278">
        <v>443855</v>
      </c>
      <c r="BF9" s="273">
        <v>0</v>
      </c>
      <c r="BG9" s="274">
        <v>0</v>
      </c>
      <c r="BH9" s="275">
        <v>0</v>
      </c>
      <c r="BI9" s="279"/>
      <c r="BJ9" s="274">
        <v>29915</v>
      </c>
      <c r="BK9" s="274">
        <v>73470</v>
      </c>
      <c r="BL9" s="274">
        <v>435550</v>
      </c>
      <c r="BM9" s="274">
        <v>395485</v>
      </c>
      <c r="BN9" s="274">
        <v>341855</v>
      </c>
      <c r="BO9" s="277">
        <v>1276275</v>
      </c>
      <c r="BP9" s="278">
        <v>1276275</v>
      </c>
      <c r="BQ9" s="273">
        <v>0</v>
      </c>
      <c r="BR9" s="274">
        <v>21466</v>
      </c>
      <c r="BS9" s="275">
        <v>21466</v>
      </c>
      <c r="BT9" s="276">
        <v>0</v>
      </c>
      <c r="BU9" s="274">
        <v>326320</v>
      </c>
      <c r="BV9" s="274">
        <v>404449</v>
      </c>
      <c r="BW9" s="274">
        <v>658821</v>
      </c>
      <c r="BX9" s="274">
        <v>780568</v>
      </c>
      <c r="BY9" s="274">
        <v>520684</v>
      </c>
      <c r="BZ9" s="277">
        <v>2690842</v>
      </c>
      <c r="CA9" s="278">
        <v>2712308</v>
      </c>
      <c r="CB9" s="273">
        <v>0</v>
      </c>
      <c r="CC9" s="274">
        <v>0</v>
      </c>
      <c r="CD9" s="275">
        <v>0</v>
      </c>
      <c r="CE9" s="276">
        <v>0</v>
      </c>
      <c r="CF9" s="274">
        <v>17861</v>
      </c>
      <c r="CG9" s="274">
        <v>40601</v>
      </c>
      <c r="CH9" s="274">
        <v>24336</v>
      </c>
      <c r="CI9" s="274">
        <v>56070</v>
      </c>
      <c r="CJ9" s="274">
        <v>20111</v>
      </c>
      <c r="CK9" s="277">
        <v>158979</v>
      </c>
      <c r="CL9" s="278">
        <v>158979</v>
      </c>
      <c r="CM9" s="273">
        <v>0</v>
      </c>
      <c r="CN9" s="274">
        <v>0</v>
      </c>
      <c r="CO9" s="275">
        <v>0</v>
      </c>
      <c r="CP9" s="276">
        <v>0</v>
      </c>
      <c r="CQ9" s="274">
        <v>0</v>
      </c>
      <c r="CR9" s="274">
        <v>0</v>
      </c>
      <c r="CS9" s="274">
        <v>0</v>
      </c>
      <c r="CT9" s="274">
        <v>0</v>
      </c>
      <c r="CU9" s="274">
        <v>0</v>
      </c>
      <c r="CV9" s="277">
        <v>0</v>
      </c>
      <c r="CW9" s="278">
        <v>0</v>
      </c>
      <c r="CX9" s="273">
        <v>0</v>
      </c>
      <c r="CY9" s="274">
        <v>0</v>
      </c>
      <c r="CZ9" s="275">
        <v>0</v>
      </c>
      <c r="DA9" s="279"/>
      <c r="DB9" s="274">
        <v>0</v>
      </c>
      <c r="DC9" s="274">
        <v>0</v>
      </c>
      <c r="DD9" s="274">
        <v>0</v>
      </c>
      <c r="DE9" s="274">
        <v>0</v>
      </c>
      <c r="DF9" s="274">
        <v>0</v>
      </c>
      <c r="DG9" s="277">
        <v>0</v>
      </c>
      <c r="DH9" s="278">
        <v>0</v>
      </c>
      <c r="DI9" s="273">
        <v>0</v>
      </c>
      <c r="DJ9" s="274">
        <v>27018</v>
      </c>
      <c r="DK9" s="275">
        <v>27018</v>
      </c>
      <c r="DL9" s="276">
        <v>0</v>
      </c>
      <c r="DM9" s="274">
        <v>1468051</v>
      </c>
      <c r="DN9" s="274">
        <v>3072560</v>
      </c>
      <c r="DO9" s="274">
        <v>13866679</v>
      </c>
      <c r="DP9" s="274">
        <v>18992595</v>
      </c>
      <c r="DQ9" s="274">
        <v>13001805</v>
      </c>
      <c r="DR9" s="277">
        <v>50401690</v>
      </c>
      <c r="DS9" s="280">
        <v>50428708</v>
      </c>
      <c r="DT9" s="273">
        <v>0</v>
      </c>
      <c r="DU9" s="274">
        <v>0</v>
      </c>
      <c r="DV9" s="275">
        <v>0</v>
      </c>
      <c r="DW9" s="279"/>
      <c r="DX9" s="274">
        <v>773792</v>
      </c>
      <c r="DY9" s="274">
        <v>1844774</v>
      </c>
      <c r="DZ9" s="274">
        <v>11453617</v>
      </c>
      <c r="EA9" s="274">
        <v>15983173</v>
      </c>
      <c r="EB9" s="274">
        <v>11073640</v>
      </c>
      <c r="EC9" s="277">
        <v>41128996</v>
      </c>
      <c r="ED9" s="278">
        <v>41128996</v>
      </c>
      <c r="EE9" s="273">
        <v>0</v>
      </c>
      <c r="EF9" s="274">
        <v>0</v>
      </c>
      <c r="EG9" s="275">
        <v>0</v>
      </c>
      <c r="EH9" s="279"/>
      <c r="EI9" s="274">
        <v>211315</v>
      </c>
      <c r="EJ9" s="274">
        <v>466538</v>
      </c>
      <c r="EK9" s="274">
        <v>689782</v>
      </c>
      <c r="EL9" s="274">
        <v>985450</v>
      </c>
      <c r="EM9" s="274">
        <v>538540</v>
      </c>
      <c r="EN9" s="277">
        <v>2891625</v>
      </c>
      <c r="EO9" s="278">
        <v>2891625</v>
      </c>
      <c r="EP9" s="273">
        <v>0</v>
      </c>
      <c r="EQ9" s="274">
        <v>0</v>
      </c>
      <c r="ER9" s="275">
        <v>0</v>
      </c>
      <c r="ES9" s="279"/>
      <c r="ET9" s="274">
        <v>0</v>
      </c>
      <c r="EU9" s="274">
        <v>0</v>
      </c>
      <c r="EV9" s="274">
        <v>434</v>
      </c>
      <c r="EW9" s="274">
        <v>49569</v>
      </c>
      <c r="EX9" s="274">
        <v>65906</v>
      </c>
      <c r="EY9" s="277">
        <v>115909</v>
      </c>
      <c r="EZ9" s="278">
        <v>115909</v>
      </c>
      <c r="FA9" s="273">
        <v>0</v>
      </c>
      <c r="FB9" s="274">
        <v>0</v>
      </c>
      <c r="FC9" s="275">
        <v>0</v>
      </c>
      <c r="FD9" s="279"/>
      <c r="FE9" s="274">
        <v>0</v>
      </c>
      <c r="FF9" s="274">
        <v>0</v>
      </c>
      <c r="FG9" s="274">
        <v>630</v>
      </c>
      <c r="FH9" s="274">
        <v>37728</v>
      </c>
      <c r="FI9" s="274">
        <v>25873</v>
      </c>
      <c r="FJ9" s="277">
        <v>64231</v>
      </c>
      <c r="FK9" s="278">
        <v>64231</v>
      </c>
      <c r="FL9" s="273">
        <v>0</v>
      </c>
      <c r="FM9" s="274">
        <v>0</v>
      </c>
      <c r="FN9" s="275">
        <v>0</v>
      </c>
      <c r="FO9" s="279"/>
      <c r="FP9" s="274">
        <v>64728</v>
      </c>
      <c r="FQ9" s="274">
        <v>106423</v>
      </c>
      <c r="FR9" s="274">
        <v>670623</v>
      </c>
      <c r="FS9" s="274">
        <v>817662</v>
      </c>
      <c r="FT9" s="274">
        <v>553053</v>
      </c>
      <c r="FU9" s="277">
        <v>2212489</v>
      </c>
      <c r="FV9" s="278">
        <v>2212489</v>
      </c>
      <c r="FW9" s="273">
        <v>0</v>
      </c>
      <c r="FX9" s="274">
        <v>27018</v>
      </c>
      <c r="FY9" s="275">
        <v>27018</v>
      </c>
      <c r="FZ9" s="276">
        <v>0</v>
      </c>
      <c r="GA9" s="274">
        <v>405138</v>
      </c>
      <c r="GB9" s="274">
        <v>625108</v>
      </c>
      <c r="GC9" s="274">
        <v>1019742</v>
      </c>
      <c r="GD9" s="274">
        <v>1052775</v>
      </c>
      <c r="GE9" s="274">
        <v>722432</v>
      </c>
      <c r="GF9" s="277">
        <v>3825195</v>
      </c>
      <c r="GG9" s="278">
        <v>3852213</v>
      </c>
      <c r="GH9" s="273">
        <v>0</v>
      </c>
      <c r="GI9" s="274">
        <v>0</v>
      </c>
      <c r="GJ9" s="275">
        <v>0</v>
      </c>
      <c r="GK9" s="276">
        <v>0</v>
      </c>
      <c r="GL9" s="274">
        <v>13078</v>
      </c>
      <c r="GM9" s="274">
        <v>29717</v>
      </c>
      <c r="GN9" s="274">
        <v>31851</v>
      </c>
      <c r="GO9" s="274">
        <v>66238</v>
      </c>
      <c r="GP9" s="274">
        <v>22361</v>
      </c>
      <c r="GQ9" s="277">
        <v>163245</v>
      </c>
      <c r="GR9" s="278">
        <v>163245</v>
      </c>
      <c r="GS9" s="273">
        <v>0</v>
      </c>
      <c r="GT9" s="274">
        <v>0</v>
      </c>
      <c r="GU9" s="275">
        <v>0</v>
      </c>
      <c r="GV9" s="276">
        <v>0</v>
      </c>
      <c r="GW9" s="274">
        <v>0</v>
      </c>
      <c r="GX9" s="274">
        <v>0</v>
      </c>
      <c r="GY9" s="274">
        <v>0</v>
      </c>
      <c r="GZ9" s="274">
        <v>0</v>
      </c>
      <c r="HA9" s="274">
        <v>0</v>
      </c>
      <c r="HB9" s="277">
        <v>0</v>
      </c>
      <c r="HC9" s="278">
        <v>0</v>
      </c>
      <c r="HD9" s="273">
        <v>0</v>
      </c>
      <c r="HE9" s="274">
        <v>0</v>
      </c>
      <c r="HF9" s="275">
        <v>0</v>
      </c>
      <c r="HG9" s="279"/>
      <c r="HH9" s="274">
        <v>0</v>
      </c>
      <c r="HI9" s="274">
        <v>0</v>
      </c>
      <c r="HJ9" s="274">
        <v>0</v>
      </c>
      <c r="HK9" s="274">
        <v>0</v>
      </c>
      <c r="HL9" s="274">
        <v>0</v>
      </c>
      <c r="HM9" s="277">
        <v>0</v>
      </c>
      <c r="HN9" s="278">
        <v>0</v>
      </c>
      <c r="HO9" s="273">
        <v>0</v>
      </c>
      <c r="HP9" s="274">
        <v>48484</v>
      </c>
      <c r="HQ9" s="275">
        <v>48484</v>
      </c>
      <c r="HR9" s="276">
        <v>0</v>
      </c>
      <c r="HS9" s="274">
        <v>4163692</v>
      </c>
      <c r="HT9" s="274">
        <v>7573255</v>
      </c>
      <c r="HU9" s="274">
        <v>28282238</v>
      </c>
      <c r="HV9" s="274">
        <v>39719163</v>
      </c>
      <c r="HW9" s="274">
        <v>26295825</v>
      </c>
      <c r="HX9" s="277">
        <v>106034173</v>
      </c>
      <c r="HY9" s="278">
        <v>106082657</v>
      </c>
    </row>
    <row r="10" spans="2:233" ht="21" customHeight="1" x14ac:dyDescent="0.2">
      <c r="B10" s="472" t="s">
        <v>14</v>
      </c>
      <c r="C10" s="273">
        <v>1015</v>
      </c>
      <c r="D10" s="274">
        <v>2915</v>
      </c>
      <c r="E10" s="275">
        <v>3930</v>
      </c>
      <c r="F10" s="276">
        <v>0</v>
      </c>
      <c r="G10" s="274">
        <v>757546</v>
      </c>
      <c r="H10" s="274">
        <v>1984324</v>
      </c>
      <c r="I10" s="274">
        <v>8019307</v>
      </c>
      <c r="J10" s="274">
        <v>13153731</v>
      </c>
      <c r="K10" s="274">
        <v>7818473</v>
      </c>
      <c r="L10" s="277">
        <v>31733381</v>
      </c>
      <c r="M10" s="278">
        <v>31737311</v>
      </c>
      <c r="N10" s="273">
        <v>0</v>
      </c>
      <c r="O10" s="274">
        <v>0</v>
      </c>
      <c r="P10" s="275">
        <v>0</v>
      </c>
      <c r="Q10" s="279"/>
      <c r="R10" s="274">
        <v>79205</v>
      </c>
      <c r="S10" s="274">
        <v>315370</v>
      </c>
      <c r="T10" s="274">
        <v>5631294</v>
      </c>
      <c r="U10" s="274">
        <v>9490764</v>
      </c>
      <c r="V10" s="274">
        <v>5915805</v>
      </c>
      <c r="W10" s="277">
        <v>21432438</v>
      </c>
      <c r="X10" s="278">
        <v>21432438</v>
      </c>
      <c r="Y10" s="273">
        <v>0</v>
      </c>
      <c r="Z10" s="274">
        <v>0</v>
      </c>
      <c r="AA10" s="275">
        <v>0</v>
      </c>
      <c r="AB10" s="279"/>
      <c r="AC10" s="274">
        <v>590690</v>
      </c>
      <c r="AD10" s="274">
        <v>1360260</v>
      </c>
      <c r="AE10" s="274">
        <v>1632615</v>
      </c>
      <c r="AF10" s="274">
        <v>2159744</v>
      </c>
      <c r="AG10" s="274">
        <v>906140</v>
      </c>
      <c r="AH10" s="277">
        <v>6649449</v>
      </c>
      <c r="AI10" s="278">
        <v>6649449</v>
      </c>
      <c r="AJ10" s="273">
        <v>0</v>
      </c>
      <c r="AK10" s="274">
        <v>0</v>
      </c>
      <c r="AL10" s="275">
        <v>0</v>
      </c>
      <c r="AM10" s="279"/>
      <c r="AN10" s="274">
        <v>0</v>
      </c>
      <c r="AO10" s="274">
        <v>0</v>
      </c>
      <c r="AP10" s="274">
        <v>32705</v>
      </c>
      <c r="AQ10" s="274">
        <v>168540</v>
      </c>
      <c r="AR10" s="274">
        <v>106330</v>
      </c>
      <c r="AS10" s="277">
        <v>307575</v>
      </c>
      <c r="AT10" s="278">
        <v>307575</v>
      </c>
      <c r="AU10" s="273">
        <v>0</v>
      </c>
      <c r="AV10" s="274">
        <v>0</v>
      </c>
      <c r="AW10" s="275">
        <v>0</v>
      </c>
      <c r="AX10" s="279"/>
      <c r="AY10" s="274">
        <v>0</v>
      </c>
      <c r="AZ10" s="274">
        <v>0</v>
      </c>
      <c r="BA10" s="274">
        <v>0</v>
      </c>
      <c r="BB10" s="274">
        <v>692475</v>
      </c>
      <c r="BC10" s="274">
        <v>507130</v>
      </c>
      <c r="BD10" s="277">
        <v>1199605</v>
      </c>
      <c r="BE10" s="278">
        <v>1199605</v>
      </c>
      <c r="BF10" s="273">
        <v>0</v>
      </c>
      <c r="BG10" s="274">
        <v>0</v>
      </c>
      <c r="BH10" s="275">
        <v>0</v>
      </c>
      <c r="BI10" s="279"/>
      <c r="BJ10" s="274">
        <v>0</v>
      </c>
      <c r="BK10" s="274">
        <v>24645</v>
      </c>
      <c r="BL10" s="274">
        <v>10115</v>
      </c>
      <c r="BM10" s="274">
        <v>75455</v>
      </c>
      <c r="BN10" s="274">
        <v>97960</v>
      </c>
      <c r="BO10" s="277">
        <v>208175</v>
      </c>
      <c r="BP10" s="278">
        <v>208175</v>
      </c>
      <c r="BQ10" s="273">
        <v>1015</v>
      </c>
      <c r="BR10" s="274">
        <v>2915</v>
      </c>
      <c r="BS10" s="275">
        <v>3930</v>
      </c>
      <c r="BT10" s="276">
        <v>0</v>
      </c>
      <c r="BU10" s="274">
        <v>87651</v>
      </c>
      <c r="BV10" s="274">
        <v>282879</v>
      </c>
      <c r="BW10" s="274">
        <v>706923</v>
      </c>
      <c r="BX10" s="274">
        <v>564868</v>
      </c>
      <c r="BY10" s="274">
        <v>285108</v>
      </c>
      <c r="BZ10" s="277">
        <v>1927429</v>
      </c>
      <c r="CA10" s="278">
        <v>1931359</v>
      </c>
      <c r="CB10" s="273">
        <v>0</v>
      </c>
      <c r="CC10" s="274">
        <v>0</v>
      </c>
      <c r="CD10" s="275">
        <v>0</v>
      </c>
      <c r="CE10" s="276">
        <v>0</v>
      </c>
      <c r="CF10" s="274">
        <v>0</v>
      </c>
      <c r="CG10" s="274">
        <v>1170</v>
      </c>
      <c r="CH10" s="274">
        <v>5655</v>
      </c>
      <c r="CI10" s="274">
        <v>1885</v>
      </c>
      <c r="CJ10" s="274">
        <v>0</v>
      </c>
      <c r="CK10" s="277">
        <v>8710</v>
      </c>
      <c r="CL10" s="278">
        <v>8710</v>
      </c>
      <c r="CM10" s="273">
        <v>0</v>
      </c>
      <c r="CN10" s="274">
        <v>0</v>
      </c>
      <c r="CO10" s="275">
        <v>0</v>
      </c>
      <c r="CP10" s="276">
        <v>0</v>
      </c>
      <c r="CQ10" s="274">
        <v>0</v>
      </c>
      <c r="CR10" s="274">
        <v>0</v>
      </c>
      <c r="CS10" s="274">
        <v>0</v>
      </c>
      <c r="CT10" s="274">
        <v>0</v>
      </c>
      <c r="CU10" s="274">
        <v>0</v>
      </c>
      <c r="CV10" s="277">
        <v>0</v>
      </c>
      <c r="CW10" s="278">
        <v>0</v>
      </c>
      <c r="CX10" s="273">
        <v>0</v>
      </c>
      <c r="CY10" s="274">
        <v>0</v>
      </c>
      <c r="CZ10" s="275">
        <v>0</v>
      </c>
      <c r="DA10" s="279"/>
      <c r="DB10" s="274">
        <v>0</v>
      </c>
      <c r="DC10" s="274">
        <v>0</v>
      </c>
      <c r="DD10" s="274">
        <v>0</v>
      </c>
      <c r="DE10" s="274">
        <v>0</v>
      </c>
      <c r="DF10" s="274">
        <v>0</v>
      </c>
      <c r="DG10" s="277">
        <v>0</v>
      </c>
      <c r="DH10" s="278">
        <v>0</v>
      </c>
      <c r="DI10" s="273">
        <v>5568</v>
      </c>
      <c r="DJ10" s="274">
        <v>3957</v>
      </c>
      <c r="DK10" s="275">
        <v>9525</v>
      </c>
      <c r="DL10" s="276">
        <v>0</v>
      </c>
      <c r="DM10" s="274">
        <v>341047</v>
      </c>
      <c r="DN10" s="274">
        <v>1301147</v>
      </c>
      <c r="DO10" s="274">
        <v>9444995</v>
      </c>
      <c r="DP10" s="274">
        <v>14091904</v>
      </c>
      <c r="DQ10" s="274">
        <v>8083669</v>
      </c>
      <c r="DR10" s="277">
        <v>33262762</v>
      </c>
      <c r="DS10" s="280">
        <v>33272287</v>
      </c>
      <c r="DT10" s="273">
        <v>0</v>
      </c>
      <c r="DU10" s="274">
        <v>0</v>
      </c>
      <c r="DV10" s="275">
        <v>0</v>
      </c>
      <c r="DW10" s="279"/>
      <c r="DX10" s="274">
        <v>94798</v>
      </c>
      <c r="DY10" s="274">
        <v>536301</v>
      </c>
      <c r="DZ10" s="274">
        <v>7979201</v>
      </c>
      <c r="EA10" s="274">
        <v>12515182</v>
      </c>
      <c r="EB10" s="274">
        <v>7179715</v>
      </c>
      <c r="EC10" s="277">
        <v>28305197</v>
      </c>
      <c r="ED10" s="278">
        <v>28305197</v>
      </c>
      <c r="EE10" s="273">
        <v>0</v>
      </c>
      <c r="EF10" s="274">
        <v>0</v>
      </c>
      <c r="EG10" s="275">
        <v>0</v>
      </c>
      <c r="EH10" s="279"/>
      <c r="EI10" s="274">
        <v>74211</v>
      </c>
      <c r="EJ10" s="274">
        <v>263485</v>
      </c>
      <c r="EK10" s="274">
        <v>232091</v>
      </c>
      <c r="EL10" s="274">
        <v>409067</v>
      </c>
      <c r="EM10" s="274">
        <v>136316</v>
      </c>
      <c r="EN10" s="277">
        <v>1115170</v>
      </c>
      <c r="EO10" s="278">
        <v>1115170</v>
      </c>
      <c r="EP10" s="273">
        <v>0</v>
      </c>
      <c r="EQ10" s="274">
        <v>0</v>
      </c>
      <c r="ER10" s="275">
        <v>0</v>
      </c>
      <c r="ES10" s="279"/>
      <c r="ET10" s="274">
        <v>0</v>
      </c>
      <c r="EU10" s="274">
        <v>0</v>
      </c>
      <c r="EV10" s="274">
        <v>217</v>
      </c>
      <c r="EW10" s="274">
        <v>23591</v>
      </c>
      <c r="EX10" s="274">
        <v>22940</v>
      </c>
      <c r="EY10" s="277">
        <v>46748</v>
      </c>
      <c r="EZ10" s="278">
        <v>46748</v>
      </c>
      <c r="FA10" s="273">
        <v>0</v>
      </c>
      <c r="FB10" s="274">
        <v>0</v>
      </c>
      <c r="FC10" s="275">
        <v>0</v>
      </c>
      <c r="FD10" s="279"/>
      <c r="FE10" s="274">
        <v>0</v>
      </c>
      <c r="FF10" s="274">
        <v>0</v>
      </c>
      <c r="FG10" s="274">
        <v>0</v>
      </c>
      <c r="FH10" s="274">
        <v>102720</v>
      </c>
      <c r="FI10" s="274">
        <v>98817</v>
      </c>
      <c r="FJ10" s="277">
        <v>201537</v>
      </c>
      <c r="FK10" s="278">
        <v>201537</v>
      </c>
      <c r="FL10" s="273">
        <v>0</v>
      </c>
      <c r="FM10" s="274">
        <v>0</v>
      </c>
      <c r="FN10" s="275">
        <v>0</v>
      </c>
      <c r="FO10" s="279"/>
      <c r="FP10" s="274">
        <v>0</v>
      </c>
      <c r="FQ10" s="274">
        <v>21576</v>
      </c>
      <c r="FR10" s="274">
        <v>76979</v>
      </c>
      <c r="FS10" s="274">
        <v>186947</v>
      </c>
      <c r="FT10" s="274">
        <v>159836</v>
      </c>
      <c r="FU10" s="277">
        <v>445338</v>
      </c>
      <c r="FV10" s="278">
        <v>445338</v>
      </c>
      <c r="FW10" s="273">
        <v>5568</v>
      </c>
      <c r="FX10" s="274">
        <v>3957</v>
      </c>
      <c r="FY10" s="275">
        <v>9525</v>
      </c>
      <c r="FZ10" s="276">
        <v>0</v>
      </c>
      <c r="GA10" s="274">
        <v>172038</v>
      </c>
      <c r="GB10" s="274">
        <v>472825</v>
      </c>
      <c r="GC10" s="274">
        <v>1149347</v>
      </c>
      <c r="GD10" s="274">
        <v>854341</v>
      </c>
      <c r="GE10" s="274">
        <v>486045</v>
      </c>
      <c r="GF10" s="277">
        <v>3134596</v>
      </c>
      <c r="GG10" s="278">
        <v>3144121</v>
      </c>
      <c r="GH10" s="273">
        <v>0</v>
      </c>
      <c r="GI10" s="274">
        <v>0</v>
      </c>
      <c r="GJ10" s="275">
        <v>0</v>
      </c>
      <c r="GK10" s="276">
        <v>0</v>
      </c>
      <c r="GL10" s="274">
        <v>0</v>
      </c>
      <c r="GM10" s="274">
        <v>6960</v>
      </c>
      <c r="GN10" s="274">
        <v>7160</v>
      </c>
      <c r="GO10" s="274">
        <v>56</v>
      </c>
      <c r="GP10" s="274">
        <v>0</v>
      </c>
      <c r="GQ10" s="277">
        <v>14176</v>
      </c>
      <c r="GR10" s="278">
        <v>14176</v>
      </c>
      <c r="GS10" s="273">
        <v>0</v>
      </c>
      <c r="GT10" s="274">
        <v>0</v>
      </c>
      <c r="GU10" s="275">
        <v>0</v>
      </c>
      <c r="GV10" s="276">
        <v>0</v>
      </c>
      <c r="GW10" s="274">
        <v>0</v>
      </c>
      <c r="GX10" s="274">
        <v>0</v>
      </c>
      <c r="GY10" s="274">
        <v>0</v>
      </c>
      <c r="GZ10" s="274">
        <v>0</v>
      </c>
      <c r="HA10" s="274">
        <v>0</v>
      </c>
      <c r="HB10" s="277">
        <v>0</v>
      </c>
      <c r="HC10" s="278">
        <v>0</v>
      </c>
      <c r="HD10" s="273">
        <v>0</v>
      </c>
      <c r="HE10" s="274">
        <v>0</v>
      </c>
      <c r="HF10" s="275">
        <v>0</v>
      </c>
      <c r="HG10" s="279"/>
      <c r="HH10" s="274">
        <v>0</v>
      </c>
      <c r="HI10" s="274">
        <v>0</v>
      </c>
      <c r="HJ10" s="274">
        <v>0</v>
      </c>
      <c r="HK10" s="274">
        <v>0</v>
      </c>
      <c r="HL10" s="274">
        <v>0</v>
      </c>
      <c r="HM10" s="277">
        <v>0</v>
      </c>
      <c r="HN10" s="278">
        <v>0</v>
      </c>
      <c r="HO10" s="273">
        <v>6583</v>
      </c>
      <c r="HP10" s="274">
        <v>6872</v>
      </c>
      <c r="HQ10" s="275">
        <v>13455</v>
      </c>
      <c r="HR10" s="276">
        <v>0</v>
      </c>
      <c r="HS10" s="274">
        <v>1098593</v>
      </c>
      <c r="HT10" s="274">
        <v>3285471</v>
      </c>
      <c r="HU10" s="274">
        <v>17464302</v>
      </c>
      <c r="HV10" s="274">
        <v>27245635</v>
      </c>
      <c r="HW10" s="274">
        <v>15902142</v>
      </c>
      <c r="HX10" s="277">
        <v>64996143</v>
      </c>
      <c r="HY10" s="278">
        <v>65009598</v>
      </c>
    </row>
    <row r="11" spans="2:233" ht="21" customHeight="1" x14ac:dyDescent="0.2">
      <c r="B11" s="472" t="s">
        <v>7</v>
      </c>
      <c r="C11" s="273">
        <v>435</v>
      </c>
      <c r="D11" s="274">
        <v>1840</v>
      </c>
      <c r="E11" s="275">
        <v>2275</v>
      </c>
      <c r="F11" s="276">
        <v>0</v>
      </c>
      <c r="G11" s="274">
        <v>1564468</v>
      </c>
      <c r="H11" s="274">
        <v>1912587</v>
      </c>
      <c r="I11" s="274">
        <v>6686093</v>
      </c>
      <c r="J11" s="274">
        <v>8310310</v>
      </c>
      <c r="K11" s="274">
        <v>4103380</v>
      </c>
      <c r="L11" s="277">
        <v>22576838</v>
      </c>
      <c r="M11" s="278">
        <v>22579113</v>
      </c>
      <c r="N11" s="273">
        <v>0</v>
      </c>
      <c r="O11" s="274">
        <v>0</v>
      </c>
      <c r="P11" s="275">
        <v>0</v>
      </c>
      <c r="Q11" s="279"/>
      <c r="R11" s="274">
        <v>169260</v>
      </c>
      <c r="S11" s="274">
        <v>446910</v>
      </c>
      <c r="T11" s="274">
        <v>4554949</v>
      </c>
      <c r="U11" s="274">
        <v>6654522</v>
      </c>
      <c r="V11" s="274">
        <v>3560305</v>
      </c>
      <c r="W11" s="277">
        <v>15385946</v>
      </c>
      <c r="X11" s="278">
        <v>15385946</v>
      </c>
      <c r="Y11" s="273">
        <v>0</v>
      </c>
      <c r="Z11" s="274">
        <v>0</v>
      </c>
      <c r="AA11" s="275">
        <v>0</v>
      </c>
      <c r="AB11" s="279"/>
      <c r="AC11" s="274">
        <v>1212380</v>
      </c>
      <c r="AD11" s="274">
        <v>1217514</v>
      </c>
      <c r="AE11" s="274">
        <v>1801132</v>
      </c>
      <c r="AF11" s="274">
        <v>1392745</v>
      </c>
      <c r="AG11" s="274">
        <v>432102</v>
      </c>
      <c r="AH11" s="277">
        <v>6055873</v>
      </c>
      <c r="AI11" s="278">
        <v>6055873</v>
      </c>
      <c r="AJ11" s="273">
        <v>0</v>
      </c>
      <c r="AK11" s="274">
        <v>0</v>
      </c>
      <c r="AL11" s="275">
        <v>0</v>
      </c>
      <c r="AM11" s="279"/>
      <c r="AN11" s="274">
        <v>0</v>
      </c>
      <c r="AO11" s="274">
        <v>0</v>
      </c>
      <c r="AP11" s="274">
        <v>0</v>
      </c>
      <c r="AQ11" s="274">
        <v>0</v>
      </c>
      <c r="AR11" s="274">
        <v>2635</v>
      </c>
      <c r="AS11" s="277">
        <v>2635</v>
      </c>
      <c r="AT11" s="278">
        <v>2635</v>
      </c>
      <c r="AU11" s="273">
        <v>0</v>
      </c>
      <c r="AV11" s="274">
        <v>0</v>
      </c>
      <c r="AW11" s="275">
        <v>0</v>
      </c>
      <c r="AX11" s="279"/>
      <c r="AY11" s="274">
        <v>0</v>
      </c>
      <c r="AZ11" s="274">
        <v>0</v>
      </c>
      <c r="BA11" s="274">
        <v>0</v>
      </c>
      <c r="BB11" s="274">
        <v>37975</v>
      </c>
      <c r="BC11" s="274">
        <v>0</v>
      </c>
      <c r="BD11" s="277">
        <v>37975</v>
      </c>
      <c r="BE11" s="278">
        <v>37975</v>
      </c>
      <c r="BF11" s="273">
        <v>0</v>
      </c>
      <c r="BG11" s="274">
        <v>0</v>
      </c>
      <c r="BH11" s="275">
        <v>0</v>
      </c>
      <c r="BI11" s="279"/>
      <c r="BJ11" s="274">
        <v>0</v>
      </c>
      <c r="BK11" s="274">
        <v>0</v>
      </c>
      <c r="BL11" s="274">
        <v>0</v>
      </c>
      <c r="BM11" s="274">
        <v>0</v>
      </c>
      <c r="BN11" s="274">
        <v>0</v>
      </c>
      <c r="BO11" s="277">
        <v>0</v>
      </c>
      <c r="BP11" s="278">
        <v>0</v>
      </c>
      <c r="BQ11" s="273">
        <v>435</v>
      </c>
      <c r="BR11" s="274">
        <v>1840</v>
      </c>
      <c r="BS11" s="275">
        <v>2275</v>
      </c>
      <c r="BT11" s="276">
        <v>0</v>
      </c>
      <c r="BU11" s="274">
        <v>165873</v>
      </c>
      <c r="BV11" s="274">
        <v>247583</v>
      </c>
      <c r="BW11" s="274">
        <v>296627</v>
      </c>
      <c r="BX11" s="274">
        <v>202990</v>
      </c>
      <c r="BY11" s="274">
        <v>107743</v>
      </c>
      <c r="BZ11" s="277">
        <v>1020816</v>
      </c>
      <c r="CA11" s="278">
        <v>1023091</v>
      </c>
      <c r="CB11" s="273">
        <v>0</v>
      </c>
      <c r="CC11" s="274">
        <v>0</v>
      </c>
      <c r="CD11" s="275">
        <v>0</v>
      </c>
      <c r="CE11" s="276">
        <v>0</v>
      </c>
      <c r="CF11" s="274">
        <v>16955</v>
      </c>
      <c r="CG11" s="274">
        <v>580</v>
      </c>
      <c r="CH11" s="274">
        <v>33385</v>
      </c>
      <c r="CI11" s="274">
        <v>22078</v>
      </c>
      <c r="CJ11" s="274">
        <v>595</v>
      </c>
      <c r="CK11" s="277">
        <v>73593</v>
      </c>
      <c r="CL11" s="278">
        <v>73593</v>
      </c>
      <c r="CM11" s="273">
        <v>0</v>
      </c>
      <c r="CN11" s="274">
        <v>0</v>
      </c>
      <c r="CO11" s="275">
        <v>0</v>
      </c>
      <c r="CP11" s="276">
        <v>0</v>
      </c>
      <c r="CQ11" s="274">
        <v>0</v>
      </c>
      <c r="CR11" s="274">
        <v>0</v>
      </c>
      <c r="CS11" s="274">
        <v>0</v>
      </c>
      <c r="CT11" s="274">
        <v>0</v>
      </c>
      <c r="CU11" s="274">
        <v>0</v>
      </c>
      <c r="CV11" s="277">
        <v>0</v>
      </c>
      <c r="CW11" s="278">
        <v>0</v>
      </c>
      <c r="CX11" s="273">
        <v>0</v>
      </c>
      <c r="CY11" s="274">
        <v>0</v>
      </c>
      <c r="CZ11" s="275">
        <v>0</v>
      </c>
      <c r="DA11" s="279"/>
      <c r="DB11" s="274">
        <v>0</v>
      </c>
      <c r="DC11" s="274">
        <v>0</v>
      </c>
      <c r="DD11" s="274">
        <v>0</v>
      </c>
      <c r="DE11" s="274">
        <v>0</v>
      </c>
      <c r="DF11" s="274">
        <v>0</v>
      </c>
      <c r="DG11" s="277">
        <v>0</v>
      </c>
      <c r="DH11" s="278">
        <v>0</v>
      </c>
      <c r="DI11" s="273">
        <v>3480</v>
      </c>
      <c r="DJ11" s="274">
        <v>4914</v>
      </c>
      <c r="DK11" s="275">
        <v>8394</v>
      </c>
      <c r="DL11" s="276">
        <v>0</v>
      </c>
      <c r="DM11" s="274">
        <v>562783</v>
      </c>
      <c r="DN11" s="274">
        <v>1145188</v>
      </c>
      <c r="DO11" s="274">
        <v>6506913</v>
      </c>
      <c r="DP11" s="274">
        <v>8474652</v>
      </c>
      <c r="DQ11" s="274">
        <v>4587005</v>
      </c>
      <c r="DR11" s="277">
        <v>21276541</v>
      </c>
      <c r="DS11" s="280">
        <v>21284935</v>
      </c>
      <c r="DT11" s="273">
        <v>0</v>
      </c>
      <c r="DU11" s="274">
        <v>0</v>
      </c>
      <c r="DV11" s="275">
        <v>0</v>
      </c>
      <c r="DW11" s="279"/>
      <c r="DX11" s="274">
        <v>179645</v>
      </c>
      <c r="DY11" s="274">
        <v>551257</v>
      </c>
      <c r="DZ11" s="274">
        <v>5833910</v>
      </c>
      <c r="EA11" s="274">
        <v>7880660</v>
      </c>
      <c r="EB11" s="274">
        <v>4374278</v>
      </c>
      <c r="EC11" s="277">
        <v>18819750</v>
      </c>
      <c r="ED11" s="278">
        <v>18819750</v>
      </c>
      <c r="EE11" s="273">
        <v>0</v>
      </c>
      <c r="EF11" s="274">
        <v>0</v>
      </c>
      <c r="EG11" s="275">
        <v>0</v>
      </c>
      <c r="EH11" s="279"/>
      <c r="EI11" s="274">
        <v>132715</v>
      </c>
      <c r="EJ11" s="274">
        <v>166310</v>
      </c>
      <c r="EK11" s="274">
        <v>211494</v>
      </c>
      <c r="EL11" s="274">
        <v>266916</v>
      </c>
      <c r="EM11" s="274">
        <v>64651</v>
      </c>
      <c r="EN11" s="277">
        <v>842086</v>
      </c>
      <c r="EO11" s="278">
        <v>842086</v>
      </c>
      <c r="EP11" s="273">
        <v>0</v>
      </c>
      <c r="EQ11" s="274">
        <v>0</v>
      </c>
      <c r="ER11" s="275">
        <v>0</v>
      </c>
      <c r="ES11" s="279"/>
      <c r="ET11" s="274">
        <v>0</v>
      </c>
      <c r="EU11" s="274">
        <v>0</v>
      </c>
      <c r="EV11" s="274">
        <v>0</v>
      </c>
      <c r="EW11" s="274">
        <v>0</v>
      </c>
      <c r="EX11" s="274">
        <v>217</v>
      </c>
      <c r="EY11" s="277">
        <v>217</v>
      </c>
      <c r="EZ11" s="278">
        <v>217</v>
      </c>
      <c r="FA11" s="273">
        <v>0</v>
      </c>
      <c r="FB11" s="274">
        <v>0</v>
      </c>
      <c r="FC11" s="275">
        <v>0</v>
      </c>
      <c r="FD11" s="279"/>
      <c r="FE11" s="274">
        <v>0</v>
      </c>
      <c r="FF11" s="274">
        <v>0</v>
      </c>
      <c r="FG11" s="274">
        <v>0</v>
      </c>
      <c r="FH11" s="274">
        <v>651</v>
      </c>
      <c r="FI11" s="274">
        <v>0</v>
      </c>
      <c r="FJ11" s="277">
        <v>651</v>
      </c>
      <c r="FK11" s="278">
        <v>651</v>
      </c>
      <c r="FL11" s="273">
        <v>0</v>
      </c>
      <c r="FM11" s="274">
        <v>0</v>
      </c>
      <c r="FN11" s="275">
        <v>0</v>
      </c>
      <c r="FO11" s="279"/>
      <c r="FP11" s="274">
        <v>0</v>
      </c>
      <c r="FQ11" s="274">
        <v>0</v>
      </c>
      <c r="FR11" s="274">
        <v>0</v>
      </c>
      <c r="FS11" s="274">
        <v>0</v>
      </c>
      <c r="FT11" s="274">
        <v>0</v>
      </c>
      <c r="FU11" s="277">
        <v>0</v>
      </c>
      <c r="FV11" s="278">
        <v>0</v>
      </c>
      <c r="FW11" s="273">
        <v>3480</v>
      </c>
      <c r="FX11" s="274">
        <v>4914</v>
      </c>
      <c r="FY11" s="275">
        <v>8394</v>
      </c>
      <c r="FZ11" s="276">
        <v>0</v>
      </c>
      <c r="GA11" s="274">
        <v>249173</v>
      </c>
      <c r="GB11" s="274">
        <v>427565</v>
      </c>
      <c r="GC11" s="274">
        <v>445548</v>
      </c>
      <c r="GD11" s="274">
        <v>309941</v>
      </c>
      <c r="GE11" s="274">
        <v>146069</v>
      </c>
      <c r="GF11" s="277">
        <v>1578296</v>
      </c>
      <c r="GG11" s="278">
        <v>1586690</v>
      </c>
      <c r="GH11" s="273">
        <v>0</v>
      </c>
      <c r="GI11" s="274">
        <v>0</v>
      </c>
      <c r="GJ11" s="275">
        <v>0</v>
      </c>
      <c r="GK11" s="276">
        <v>0</v>
      </c>
      <c r="GL11" s="274">
        <v>1250</v>
      </c>
      <c r="GM11" s="274">
        <v>56</v>
      </c>
      <c r="GN11" s="274">
        <v>15961</v>
      </c>
      <c r="GO11" s="274">
        <v>16484</v>
      </c>
      <c r="GP11" s="274">
        <v>1790</v>
      </c>
      <c r="GQ11" s="277">
        <v>35541</v>
      </c>
      <c r="GR11" s="278">
        <v>35541</v>
      </c>
      <c r="GS11" s="273">
        <v>0</v>
      </c>
      <c r="GT11" s="274">
        <v>0</v>
      </c>
      <c r="GU11" s="275">
        <v>0</v>
      </c>
      <c r="GV11" s="276">
        <v>0</v>
      </c>
      <c r="GW11" s="274">
        <v>0</v>
      </c>
      <c r="GX11" s="274">
        <v>0</v>
      </c>
      <c r="GY11" s="274">
        <v>0</v>
      </c>
      <c r="GZ11" s="274">
        <v>0</v>
      </c>
      <c r="HA11" s="274">
        <v>0</v>
      </c>
      <c r="HB11" s="277">
        <v>0</v>
      </c>
      <c r="HC11" s="278">
        <v>0</v>
      </c>
      <c r="HD11" s="273">
        <v>0</v>
      </c>
      <c r="HE11" s="274">
        <v>0</v>
      </c>
      <c r="HF11" s="275">
        <v>0</v>
      </c>
      <c r="HG11" s="279"/>
      <c r="HH11" s="274">
        <v>0</v>
      </c>
      <c r="HI11" s="274">
        <v>0</v>
      </c>
      <c r="HJ11" s="274">
        <v>0</v>
      </c>
      <c r="HK11" s="274">
        <v>0</v>
      </c>
      <c r="HL11" s="274">
        <v>0</v>
      </c>
      <c r="HM11" s="277">
        <v>0</v>
      </c>
      <c r="HN11" s="278">
        <v>0</v>
      </c>
      <c r="HO11" s="273">
        <v>3915</v>
      </c>
      <c r="HP11" s="274">
        <v>6754</v>
      </c>
      <c r="HQ11" s="275">
        <v>10669</v>
      </c>
      <c r="HR11" s="276">
        <v>0</v>
      </c>
      <c r="HS11" s="274">
        <v>2127251</v>
      </c>
      <c r="HT11" s="274">
        <v>3057775</v>
      </c>
      <c r="HU11" s="274">
        <v>13193006</v>
      </c>
      <c r="HV11" s="274">
        <v>16784962</v>
      </c>
      <c r="HW11" s="274">
        <v>8690385</v>
      </c>
      <c r="HX11" s="277">
        <v>43853379</v>
      </c>
      <c r="HY11" s="278">
        <v>43864048</v>
      </c>
    </row>
    <row r="12" spans="2:233" ht="21" customHeight="1" x14ac:dyDescent="0.2">
      <c r="B12" s="472" t="s">
        <v>8</v>
      </c>
      <c r="C12" s="273">
        <v>0</v>
      </c>
      <c r="D12" s="274">
        <v>7110</v>
      </c>
      <c r="E12" s="275">
        <v>7110</v>
      </c>
      <c r="F12" s="276">
        <v>0</v>
      </c>
      <c r="G12" s="274">
        <v>608696</v>
      </c>
      <c r="H12" s="274">
        <v>1216086</v>
      </c>
      <c r="I12" s="274">
        <v>4643968</v>
      </c>
      <c r="J12" s="274">
        <v>4489445</v>
      </c>
      <c r="K12" s="274">
        <v>2502004</v>
      </c>
      <c r="L12" s="277">
        <v>13460199</v>
      </c>
      <c r="M12" s="278">
        <v>13467309</v>
      </c>
      <c r="N12" s="273">
        <v>0</v>
      </c>
      <c r="O12" s="274">
        <v>0</v>
      </c>
      <c r="P12" s="275">
        <v>0</v>
      </c>
      <c r="Q12" s="279"/>
      <c r="R12" s="274">
        <v>177681</v>
      </c>
      <c r="S12" s="274">
        <v>343950</v>
      </c>
      <c r="T12" s="274">
        <v>3157229</v>
      </c>
      <c r="U12" s="274">
        <v>3395161</v>
      </c>
      <c r="V12" s="274">
        <v>1879905</v>
      </c>
      <c r="W12" s="277">
        <v>8953926</v>
      </c>
      <c r="X12" s="278">
        <v>8953926</v>
      </c>
      <c r="Y12" s="273">
        <v>0</v>
      </c>
      <c r="Z12" s="274">
        <v>0</v>
      </c>
      <c r="AA12" s="275">
        <v>0</v>
      </c>
      <c r="AB12" s="279"/>
      <c r="AC12" s="274">
        <v>310450</v>
      </c>
      <c r="AD12" s="274">
        <v>669835</v>
      </c>
      <c r="AE12" s="274">
        <v>1044669</v>
      </c>
      <c r="AF12" s="274">
        <v>667000</v>
      </c>
      <c r="AG12" s="274">
        <v>376610</v>
      </c>
      <c r="AH12" s="277">
        <v>3068564</v>
      </c>
      <c r="AI12" s="278">
        <v>3068564</v>
      </c>
      <c r="AJ12" s="273">
        <v>0</v>
      </c>
      <c r="AK12" s="274">
        <v>0</v>
      </c>
      <c r="AL12" s="275">
        <v>0</v>
      </c>
      <c r="AM12" s="279"/>
      <c r="AN12" s="274">
        <v>0</v>
      </c>
      <c r="AO12" s="274">
        <v>0</v>
      </c>
      <c r="AP12" s="274">
        <v>0</v>
      </c>
      <c r="AQ12" s="274">
        <v>0</v>
      </c>
      <c r="AR12" s="274">
        <v>0</v>
      </c>
      <c r="AS12" s="277">
        <v>0</v>
      </c>
      <c r="AT12" s="278">
        <v>0</v>
      </c>
      <c r="AU12" s="273">
        <v>0</v>
      </c>
      <c r="AV12" s="274">
        <v>0</v>
      </c>
      <c r="AW12" s="275">
        <v>0</v>
      </c>
      <c r="AX12" s="279"/>
      <c r="AY12" s="274">
        <v>35495</v>
      </c>
      <c r="AZ12" s="274">
        <v>0</v>
      </c>
      <c r="BA12" s="274">
        <v>32705</v>
      </c>
      <c r="BB12" s="274">
        <v>2635</v>
      </c>
      <c r="BC12" s="274">
        <v>70835</v>
      </c>
      <c r="BD12" s="277">
        <v>141670</v>
      </c>
      <c r="BE12" s="278">
        <v>141670</v>
      </c>
      <c r="BF12" s="273">
        <v>0</v>
      </c>
      <c r="BG12" s="274">
        <v>0</v>
      </c>
      <c r="BH12" s="275">
        <v>0</v>
      </c>
      <c r="BI12" s="279"/>
      <c r="BJ12" s="274">
        <v>0</v>
      </c>
      <c r="BK12" s="274">
        <v>2635</v>
      </c>
      <c r="BL12" s="274">
        <v>46730</v>
      </c>
      <c r="BM12" s="274">
        <v>217375</v>
      </c>
      <c r="BN12" s="274">
        <v>67465</v>
      </c>
      <c r="BO12" s="277">
        <v>334205</v>
      </c>
      <c r="BP12" s="278">
        <v>334205</v>
      </c>
      <c r="BQ12" s="273">
        <v>0</v>
      </c>
      <c r="BR12" s="274">
        <v>7110</v>
      </c>
      <c r="BS12" s="275">
        <v>7110</v>
      </c>
      <c r="BT12" s="276">
        <v>0</v>
      </c>
      <c r="BU12" s="274">
        <v>73240</v>
      </c>
      <c r="BV12" s="274">
        <v>199566</v>
      </c>
      <c r="BW12" s="274">
        <v>348066</v>
      </c>
      <c r="BX12" s="274">
        <v>206694</v>
      </c>
      <c r="BY12" s="274">
        <v>107189</v>
      </c>
      <c r="BZ12" s="277">
        <v>934755</v>
      </c>
      <c r="CA12" s="278">
        <v>941865</v>
      </c>
      <c r="CB12" s="273">
        <v>0</v>
      </c>
      <c r="CC12" s="274">
        <v>0</v>
      </c>
      <c r="CD12" s="275">
        <v>0</v>
      </c>
      <c r="CE12" s="276">
        <v>0</v>
      </c>
      <c r="CF12" s="274">
        <v>11830</v>
      </c>
      <c r="CG12" s="274">
        <v>100</v>
      </c>
      <c r="CH12" s="274">
        <v>14569</v>
      </c>
      <c r="CI12" s="274">
        <v>580</v>
      </c>
      <c r="CJ12" s="274">
        <v>0</v>
      </c>
      <c r="CK12" s="277">
        <v>27079</v>
      </c>
      <c r="CL12" s="278">
        <v>27079</v>
      </c>
      <c r="CM12" s="273">
        <v>0</v>
      </c>
      <c r="CN12" s="274">
        <v>0</v>
      </c>
      <c r="CO12" s="275">
        <v>0</v>
      </c>
      <c r="CP12" s="276">
        <v>0</v>
      </c>
      <c r="CQ12" s="274">
        <v>0</v>
      </c>
      <c r="CR12" s="274">
        <v>0</v>
      </c>
      <c r="CS12" s="274">
        <v>0</v>
      </c>
      <c r="CT12" s="274">
        <v>0</v>
      </c>
      <c r="CU12" s="274">
        <v>0</v>
      </c>
      <c r="CV12" s="277">
        <v>0</v>
      </c>
      <c r="CW12" s="278">
        <v>0</v>
      </c>
      <c r="CX12" s="273">
        <v>0</v>
      </c>
      <c r="CY12" s="274">
        <v>0</v>
      </c>
      <c r="CZ12" s="275">
        <v>0</v>
      </c>
      <c r="DA12" s="279"/>
      <c r="DB12" s="274">
        <v>0</v>
      </c>
      <c r="DC12" s="274">
        <v>0</v>
      </c>
      <c r="DD12" s="274">
        <v>0</v>
      </c>
      <c r="DE12" s="274">
        <v>0</v>
      </c>
      <c r="DF12" s="274">
        <v>0</v>
      </c>
      <c r="DG12" s="277">
        <v>0</v>
      </c>
      <c r="DH12" s="278">
        <v>0</v>
      </c>
      <c r="DI12" s="273">
        <v>0</v>
      </c>
      <c r="DJ12" s="274">
        <v>12809</v>
      </c>
      <c r="DK12" s="275">
        <v>12809</v>
      </c>
      <c r="DL12" s="276">
        <v>0</v>
      </c>
      <c r="DM12" s="274">
        <v>434177</v>
      </c>
      <c r="DN12" s="274">
        <v>1161172</v>
      </c>
      <c r="DO12" s="274">
        <v>5457464</v>
      </c>
      <c r="DP12" s="274">
        <v>5568460</v>
      </c>
      <c r="DQ12" s="274">
        <v>2995539</v>
      </c>
      <c r="DR12" s="277">
        <v>15616812</v>
      </c>
      <c r="DS12" s="280">
        <v>15629621</v>
      </c>
      <c r="DT12" s="273">
        <v>0</v>
      </c>
      <c r="DU12" s="274">
        <v>0</v>
      </c>
      <c r="DV12" s="275">
        <v>0</v>
      </c>
      <c r="DW12" s="279"/>
      <c r="DX12" s="274">
        <v>238638</v>
      </c>
      <c r="DY12" s="274">
        <v>764552</v>
      </c>
      <c r="DZ12" s="274">
        <v>4399879</v>
      </c>
      <c r="EA12" s="274">
        <v>4694230</v>
      </c>
      <c r="EB12" s="274">
        <v>2645961</v>
      </c>
      <c r="EC12" s="277">
        <v>12743260</v>
      </c>
      <c r="ED12" s="278">
        <v>12743260</v>
      </c>
      <c r="EE12" s="273">
        <v>0</v>
      </c>
      <c r="EF12" s="274">
        <v>0</v>
      </c>
      <c r="EG12" s="275">
        <v>0</v>
      </c>
      <c r="EH12" s="279"/>
      <c r="EI12" s="274">
        <v>58735</v>
      </c>
      <c r="EJ12" s="274">
        <v>88055</v>
      </c>
      <c r="EK12" s="274">
        <v>125596</v>
      </c>
      <c r="EL12" s="274">
        <v>111981</v>
      </c>
      <c r="EM12" s="274">
        <v>29963</v>
      </c>
      <c r="EN12" s="277">
        <v>414330</v>
      </c>
      <c r="EO12" s="278">
        <v>414330</v>
      </c>
      <c r="EP12" s="273">
        <v>0</v>
      </c>
      <c r="EQ12" s="274">
        <v>0</v>
      </c>
      <c r="ER12" s="275">
        <v>0</v>
      </c>
      <c r="ES12" s="279"/>
      <c r="ET12" s="274">
        <v>0</v>
      </c>
      <c r="EU12" s="274">
        <v>0</v>
      </c>
      <c r="EV12" s="274">
        <v>0</v>
      </c>
      <c r="EW12" s="274">
        <v>0</v>
      </c>
      <c r="EX12" s="274">
        <v>0</v>
      </c>
      <c r="EY12" s="277">
        <v>0</v>
      </c>
      <c r="EZ12" s="278">
        <v>0</v>
      </c>
      <c r="FA12" s="273">
        <v>0</v>
      </c>
      <c r="FB12" s="274">
        <v>0</v>
      </c>
      <c r="FC12" s="275">
        <v>0</v>
      </c>
      <c r="FD12" s="279"/>
      <c r="FE12" s="274">
        <v>11687</v>
      </c>
      <c r="FF12" s="274">
        <v>0</v>
      </c>
      <c r="FG12" s="274">
        <v>217</v>
      </c>
      <c r="FH12" s="274">
        <v>217</v>
      </c>
      <c r="FI12" s="274">
        <v>12121</v>
      </c>
      <c r="FJ12" s="277">
        <v>24242</v>
      </c>
      <c r="FK12" s="278">
        <v>24242</v>
      </c>
      <c r="FL12" s="273">
        <v>0</v>
      </c>
      <c r="FM12" s="274">
        <v>0</v>
      </c>
      <c r="FN12" s="275">
        <v>0</v>
      </c>
      <c r="FO12" s="279"/>
      <c r="FP12" s="274">
        <v>0</v>
      </c>
      <c r="FQ12" s="274">
        <v>21576</v>
      </c>
      <c r="FR12" s="274">
        <v>155782</v>
      </c>
      <c r="FS12" s="274">
        <v>369712</v>
      </c>
      <c r="FT12" s="274">
        <v>144646</v>
      </c>
      <c r="FU12" s="277">
        <v>691716</v>
      </c>
      <c r="FV12" s="278">
        <v>691716</v>
      </c>
      <c r="FW12" s="273">
        <v>0</v>
      </c>
      <c r="FX12" s="274">
        <v>12809</v>
      </c>
      <c r="FY12" s="275">
        <v>12809</v>
      </c>
      <c r="FZ12" s="276">
        <v>0</v>
      </c>
      <c r="GA12" s="274">
        <v>125019</v>
      </c>
      <c r="GB12" s="274">
        <v>286975</v>
      </c>
      <c r="GC12" s="274">
        <v>764521</v>
      </c>
      <c r="GD12" s="274">
        <v>392285</v>
      </c>
      <c r="GE12" s="274">
        <v>162848</v>
      </c>
      <c r="GF12" s="277">
        <v>1731648</v>
      </c>
      <c r="GG12" s="278">
        <v>1744457</v>
      </c>
      <c r="GH12" s="273">
        <v>0</v>
      </c>
      <c r="GI12" s="274">
        <v>0</v>
      </c>
      <c r="GJ12" s="275">
        <v>0</v>
      </c>
      <c r="GK12" s="276">
        <v>0</v>
      </c>
      <c r="GL12" s="274">
        <v>98</v>
      </c>
      <c r="GM12" s="274">
        <v>14</v>
      </c>
      <c r="GN12" s="274">
        <v>11469</v>
      </c>
      <c r="GO12" s="274">
        <v>35</v>
      </c>
      <c r="GP12" s="274">
        <v>0</v>
      </c>
      <c r="GQ12" s="277">
        <v>11616</v>
      </c>
      <c r="GR12" s="278">
        <v>11616</v>
      </c>
      <c r="GS12" s="273">
        <v>0</v>
      </c>
      <c r="GT12" s="274">
        <v>0</v>
      </c>
      <c r="GU12" s="275">
        <v>0</v>
      </c>
      <c r="GV12" s="276">
        <v>0</v>
      </c>
      <c r="GW12" s="274">
        <v>0</v>
      </c>
      <c r="GX12" s="274">
        <v>0</v>
      </c>
      <c r="GY12" s="274">
        <v>0</v>
      </c>
      <c r="GZ12" s="274">
        <v>0</v>
      </c>
      <c r="HA12" s="274">
        <v>0</v>
      </c>
      <c r="HB12" s="277">
        <v>0</v>
      </c>
      <c r="HC12" s="278">
        <v>0</v>
      </c>
      <c r="HD12" s="273">
        <v>0</v>
      </c>
      <c r="HE12" s="274">
        <v>0</v>
      </c>
      <c r="HF12" s="275">
        <v>0</v>
      </c>
      <c r="HG12" s="279"/>
      <c r="HH12" s="274">
        <v>0</v>
      </c>
      <c r="HI12" s="274">
        <v>0</v>
      </c>
      <c r="HJ12" s="274">
        <v>0</v>
      </c>
      <c r="HK12" s="274">
        <v>0</v>
      </c>
      <c r="HL12" s="274">
        <v>0</v>
      </c>
      <c r="HM12" s="277">
        <v>0</v>
      </c>
      <c r="HN12" s="278">
        <v>0</v>
      </c>
      <c r="HO12" s="273">
        <v>0</v>
      </c>
      <c r="HP12" s="274">
        <v>19919</v>
      </c>
      <c r="HQ12" s="275">
        <v>19919</v>
      </c>
      <c r="HR12" s="276">
        <v>0</v>
      </c>
      <c r="HS12" s="274">
        <v>1042873</v>
      </c>
      <c r="HT12" s="274">
        <v>2377258</v>
      </c>
      <c r="HU12" s="274">
        <v>10101432</v>
      </c>
      <c r="HV12" s="274">
        <v>10057905</v>
      </c>
      <c r="HW12" s="274">
        <v>5497543</v>
      </c>
      <c r="HX12" s="277">
        <v>29077011</v>
      </c>
      <c r="HY12" s="278">
        <v>29096930</v>
      </c>
    </row>
    <row r="13" spans="2:233" ht="21" customHeight="1" x14ac:dyDescent="0.2">
      <c r="B13" s="472" t="s">
        <v>9</v>
      </c>
      <c r="C13" s="273">
        <v>1505</v>
      </c>
      <c r="D13" s="274">
        <v>0</v>
      </c>
      <c r="E13" s="275">
        <v>1505</v>
      </c>
      <c r="F13" s="276">
        <v>0</v>
      </c>
      <c r="G13" s="274">
        <v>274399</v>
      </c>
      <c r="H13" s="274">
        <v>202061</v>
      </c>
      <c r="I13" s="274">
        <v>1748502</v>
      </c>
      <c r="J13" s="274">
        <v>2486544</v>
      </c>
      <c r="K13" s="274">
        <v>1231211</v>
      </c>
      <c r="L13" s="277">
        <v>5942717</v>
      </c>
      <c r="M13" s="278">
        <v>5944222</v>
      </c>
      <c r="N13" s="273">
        <v>0</v>
      </c>
      <c r="O13" s="274">
        <v>0</v>
      </c>
      <c r="P13" s="275">
        <v>0</v>
      </c>
      <c r="Q13" s="279"/>
      <c r="R13" s="274">
        <v>95325</v>
      </c>
      <c r="S13" s="274">
        <v>35340</v>
      </c>
      <c r="T13" s="274">
        <v>1321037</v>
      </c>
      <c r="U13" s="274">
        <v>1764886</v>
      </c>
      <c r="V13" s="274">
        <v>945015</v>
      </c>
      <c r="W13" s="277">
        <v>4161603</v>
      </c>
      <c r="X13" s="278">
        <v>4161603</v>
      </c>
      <c r="Y13" s="273">
        <v>0</v>
      </c>
      <c r="Z13" s="274">
        <v>0</v>
      </c>
      <c r="AA13" s="275">
        <v>0</v>
      </c>
      <c r="AB13" s="279"/>
      <c r="AC13" s="274">
        <v>159769</v>
      </c>
      <c r="AD13" s="274">
        <v>97695</v>
      </c>
      <c r="AE13" s="274">
        <v>267235</v>
      </c>
      <c r="AF13" s="274">
        <v>637955</v>
      </c>
      <c r="AG13" s="274">
        <v>224295</v>
      </c>
      <c r="AH13" s="277">
        <v>1386949</v>
      </c>
      <c r="AI13" s="278">
        <v>1386949</v>
      </c>
      <c r="AJ13" s="273">
        <v>0</v>
      </c>
      <c r="AK13" s="274">
        <v>0</v>
      </c>
      <c r="AL13" s="275">
        <v>0</v>
      </c>
      <c r="AM13" s="279"/>
      <c r="AN13" s="274">
        <v>0</v>
      </c>
      <c r="AO13" s="274">
        <v>0</v>
      </c>
      <c r="AP13" s="274">
        <v>0</v>
      </c>
      <c r="AQ13" s="274">
        <v>0</v>
      </c>
      <c r="AR13" s="274">
        <v>0</v>
      </c>
      <c r="AS13" s="277">
        <v>0</v>
      </c>
      <c r="AT13" s="278">
        <v>0</v>
      </c>
      <c r="AU13" s="273">
        <v>0</v>
      </c>
      <c r="AV13" s="274">
        <v>0</v>
      </c>
      <c r="AW13" s="275">
        <v>0</v>
      </c>
      <c r="AX13" s="279"/>
      <c r="AY13" s="274">
        <v>0</v>
      </c>
      <c r="AZ13" s="274">
        <v>0</v>
      </c>
      <c r="BA13" s="274">
        <v>0</v>
      </c>
      <c r="BB13" s="274">
        <v>2465</v>
      </c>
      <c r="BC13" s="274">
        <v>10540</v>
      </c>
      <c r="BD13" s="277">
        <v>13005</v>
      </c>
      <c r="BE13" s="278">
        <v>13005</v>
      </c>
      <c r="BF13" s="273">
        <v>0</v>
      </c>
      <c r="BG13" s="274">
        <v>0</v>
      </c>
      <c r="BH13" s="275">
        <v>0</v>
      </c>
      <c r="BI13" s="279"/>
      <c r="BJ13" s="274">
        <v>0</v>
      </c>
      <c r="BK13" s="274">
        <v>0</v>
      </c>
      <c r="BL13" s="274">
        <v>0</v>
      </c>
      <c r="BM13" s="274">
        <v>24645</v>
      </c>
      <c r="BN13" s="274">
        <v>0</v>
      </c>
      <c r="BO13" s="277">
        <v>24645</v>
      </c>
      <c r="BP13" s="278">
        <v>24645</v>
      </c>
      <c r="BQ13" s="273">
        <v>1505</v>
      </c>
      <c r="BR13" s="274">
        <v>0</v>
      </c>
      <c r="BS13" s="275">
        <v>1505</v>
      </c>
      <c r="BT13" s="276">
        <v>0</v>
      </c>
      <c r="BU13" s="274">
        <v>19305</v>
      </c>
      <c r="BV13" s="274">
        <v>68586</v>
      </c>
      <c r="BW13" s="274">
        <v>157457</v>
      </c>
      <c r="BX13" s="274">
        <v>55535</v>
      </c>
      <c r="BY13" s="274">
        <v>49366</v>
      </c>
      <c r="BZ13" s="277">
        <v>350249</v>
      </c>
      <c r="CA13" s="278">
        <v>351754</v>
      </c>
      <c r="CB13" s="273">
        <v>0</v>
      </c>
      <c r="CC13" s="274">
        <v>0</v>
      </c>
      <c r="CD13" s="275">
        <v>0</v>
      </c>
      <c r="CE13" s="276">
        <v>0</v>
      </c>
      <c r="CF13" s="274">
        <v>0</v>
      </c>
      <c r="CG13" s="274">
        <v>440</v>
      </c>
      <c r="CH13" s="274">
        <v>2773</v>
      </c>
      <c r="CI13" s="274">
        <v>1058</v>
      </c>
      <c r="CJ13" s="274">
        <v>1995</v>
      </c>
      <c r="CK13" s="277">
        <v>6266</v>
      </c>
      <c r="CL13" s="278">
        <v>6266</v>
      </c>
      <c r="CM13" s="273">
        <v>0</v>
      </c>
      <c r="CN13" s="274">
        <v>0</v>
      </c>
      <c r="CO13" s="275">
        <v>0</v>
      </c>
      <c r="CP13" s="276">
        <v>0</v>
      </c>
      <c r="CQ13" s="274">
        <v>0</v>
      </c>
      <c r="CR13" s="274">
        <v>0</v>
      </c>
      <c r="CS13" s="274">
        <v>0</v>
      </c>
      <c r="CT13" s="274">
        <v>0</v>
      </c>
      <c r="CU13" s="274">
        <v>0</v>
      </c>
      <c r="CV13" s="277">
        <v>0</v>
      </c>
      <c r="CW13" s="278">
        <v>0</v>
      </c>
      <c r="CX13" s="273">
        <v>0</v>
      </c>
      <c r="CY13" s="274">
        <v>0</v>
      </c>
      <c r="CZ13" s="275">
        <v>0</v>
      </c>
      <c r="DA13" s="279"/>
      <c r="DB13" s="274">
        <v>0</v>
      </c>
      <c r="DC13" s="274">
        <v>0</v>
      </c>
      <c r="DD13" s="274">
        <v>0</v>
      </c>
      <c r="DE13" s="274">
        <v>0</v>
      </c>
      <c r="DF13" s="274">
        <v>0</v>
      </c>
      <c r="DG13" s="277">
        <v>0</v>
      </c>
      <c r="DH13" s="278">
        <v>0</v>
      </c>
      <c r="DI13" s="273">
        <v>970</v>
      </c>
      <c r="DJ13" s="274">
        <v>0</v>
      </c>
      <c r="DK13" s="275">
        <v>970</v>
      </c>
      <c r="DL13" s="276">
        <v>0</v>
      </c>
      <c r="DM13" s="274">
        <v>206433</v>
      </c>
      <c r="DN13" s="274">
        <v>203037</v>
      </c>
      <c r="DO13" s="274">
        <v>2013927</v>
      </c>
      <c r="DP13" s="274">
        <v>2659707</v>
      </c>
      <c r="DQ13" s="274">
        <v>1748022</v>
      </c>
      <c r="DR13" s="277">
        <v>6831126</v>
      </c>
      <c r="DS13" s="280">
        <v>6832096</v>
      </c>
      <c r="DT13" s="273">
        <v>0</v>
      </c>
      <c r="DU13" s="274">
        <v>0</v>
      </c>
      <c r="DV13" s="275">
        <v>0</v>
      </c>
      <c r="DW13" s="279"/>
      <c r="DX13" s="274">
        <v>116064</v>
      </c>
      <c r="DY13" s="274">
        <v>58342</v>
      </c>
      <c r="DZ13" s="274">
        <v>1763638</v>
      </c>
      <c r="EA13" s="274">
        <v>2458960</v>
      </c>
      <c r="EB13" s="274">
        <v>1615573</v>
      </c>
      <c r="EC13" s="277">
        <v>6012577</v>
      </c>
      <c r="ED13" s="278">
        <v>6012577</v>
      </c>
      <c r="EE13" s="273">
        <v>0</v>
      </c>
      <c r="EF13" s="274">
        <v>0</v>
      </c>
      <c r="EG13" s="275">
        <v>0</v>
      </c>
      <c r="EH13" s="279"/>
      <c r="EI13" s="274">
        <v>43765</v>
      </c>
      <c r="EJ13" s="274">
        <v>35257</v>
      </c>
      <c r="EK13" s="274">
        <v>48422</v>
      </c>
      <c r="EL13" s="274">
        <v>89240</v>
      </c>
      <c r="EM13" s="274">
        <v>46524</v>
      </c>
      <c r="EN13" s="277">
        <v>263208</v>
      </c>
      <c r="EO13" s="278">
        <v>263208</v>
      </c>
      <c r="EP13" s="273">
        <v>0</v>
      </c>
      <c r="EQ13" s="274">
        <v>0</v>
      </c>
      <c r="ER13" s="275">
        <v>0</v>
      </c>
      <c r="ES13" s="279"/>
      <c r="ET13" s="274">
        <v>0</v>
      </c>
      <c r="EU13" s="274">
        <v>0</v>
      </c>
      <c r="EV13" s="274">
        <v>0</v>
      </c>
      <c r="EW13" s="274">
        <v>0</v>
      </c>
      <c r="EX13" s="274">
        <v>0</v>
      </c>
      <c r="EY13" s="277">
        <v>0</v>
      </c>
      <c r="EZ13" s="278">
        <v>0</v>
      </c>
      <c r="FA13" s="273">
        <v>0</v>
      </c>
      <c r="FB13" s="274">
        <v>0</v>
      </c>
      <c r="FC13" s="275">
        <v>0</v>
      </c>
      <c r="FD13" s="279"/>
      <c r="FE13" s="274">
        <v>0</v>
      </c>
      <c r="FF13" s="274">
        <v>0</v>
      </c>
      <c r="FG13" s="274">
        <v>0</v>
      </c>
      <c r="FH13" s="274">
        <v>217</v>
      </c>
      <c r="FI13" s="274">
        <v>868</v>
      </c>
      <c r="FJ13" s="277">
        <v>1085</v>
      </c>
      <c r="FK13" s="278">
        <v>1085</v>
      </c>
      <c r="FL13" s="273">
        <v>0</v>
      </c>
      <c r="FM13" s="274">
        <v>0</v>
      </c>
      <c r="FN13" s="275">
        <v>0</v>
      </c>
      <c r="FO13" s="279"/>
      <c r="FP13" s="274">
        <v>0</v>
      </c>
      <c r="FQ13" s="274">
        <v>0</v>
      </c>
      <c r="FR13" s="274">
        <v>0</v>
      </c>
      <c r="FS13" s="274">
        <v>21576</v>
      </c>
      <c r="FT13" s="274">
        <v>0</v>
      </c>
      <c r="FU13" s="277">
        <v>21576</v>
      </c>
      <c r="FV13" s="278">
        <v>21576</v>
      </c>
      <c r="FW13" s="273">
        <v>970</v>
      </c>
      <c r="FX13" s="274">
        <v>0</v>
      </c>
      <c r="FY13" s="275">
        <v>970</v>
      </c>
      <c r="FZ13" s="276">
        <v>0</v>
      </c>
      <c r="GA13" s="274">
        <v>46604</v>
      </c>
      <c r="GB13" s="274">
        <v>109396</v>
      </c>
      <c r="GC13" s="274">
        <v>201797</v>
      </c>
      <c r="GD13" s="274">
        <v>89644</v>
      </c>
      <c r="GE13" s="274">
        <v>85057</v>
      </c>
      <c r="GF13" s="277">
        <v>532498</v>
      </c>
      <c r="GG13" s="278">
        <v>533468</v>
      </c>
      <c r="GH13" s="273">
        <v>0</v>
      </c>
      <c r="GI13" s="274">
        <v>0</v>
      </c>
      <c r="GJ13" s="275">
        <v>0</v>
      </c>
      <c r="GK13" s="276">
        <v>0</v>
      </c>
      <c r="GL13" s="274">
        <v>0</v>
      </c>
      <c r="GM13" s="274">
        <v>42</v>
      </c>
      <c r="GN13" s="274">
        <v>70</v>
      </c>
      <c r="GO13" s="274">
        <v>70</v>
      </c>
      <c r="GP13" s="274">
        <v>0</v>
      </c>
      <c r="GQ13" s="277">
        <v>182</v>
      </c>
      <c r="GR13" s="278">
        <v>182</v>
      </c>
      <c r="GS13" s="273">
        <v>0</v>
      </c>
      <c r="GT13" s="274">
        <v>0</v>
      </c>
      <c r="GU13" s="275">
        <v>0</v>
      </c>
      <c r="GV13" s="276">
        <v>0</v>
      </c>
      <c r="GW13" s="274">
        <v>0</v>
      </c>
      <c r="GX13" s="274">
        <v>0</v>
      </c>
      <c r="GY13" s="274">
        <v>0</v>
      </c>
      <c r="GZ13" s="274">
        <v>0</v>
      </c>
      <c r="HA13" s="274">
        <v>0</v>
      </c>
      <c r="HB13" s="277">
        <v>0</v>
      </c>
      <c r="HC13" s="278">
        <v>0</v>
      </c>
      <c r="HD13" s="273">
        <v>0</v>
      </c>
      <c r="HE13" s="274">
        <v>0</v>
      </c>
      <c r="HF13" s="275">
        <v>0</v>
      </c>
      <c r="HG13" s="279"/>
      <c r="HH13" s="274">
        <v>0</v>
      </c>
      <c r="HI13" s="274">
        <v>0</v>
      </c>
      <c r="HJ13" s="274">
        <v>0</v>
      </c>
      <c r="HK13" s="274">
        <v>0</v>
      </c>
      <c r="HL13" s="274">
        <v>0</v>
      </c>
      <c r="HM13" s="277">
        <v>0</v>
      </c>
      <c r="HN13" s="278">
        <v>0</v>
      </c>
      <c r="HO13" s="273">
        <v>2475</v>
      </c>
      <c r="HP13" s="274">
        <v>0</v>
      </c>
      <c r="HQ13" s="275">
        <v>2475</v>
      </c>
      <c r="HR13" s="276">
        <v>0</v>
      </c>
      <c r="HS13" s="274">
        <v>480832</v>
      </c>
      <c r="HT13" s="274">
        <v>405098</v>
      </c>
      <c r="HU13" s="274">
        <v>3762429</v>
      </c>
      <c r="HV13" s="274">
        <v>5146251</v>
      </c>
      <c r="HW13" s="274">
        <v>2979233</v>
      </c>
      <c r="HX13" s="277">
        <v>12773843</v>
      </c>
      <c r="HY13" s="278">
        <v>12776318</v>
      </c>
    </row>
    <row r="14" spans="2:233" ht="21" customHeight="1" x14ac:dyDescent="0.2">
      <c r="B14" s="472" t="s">
        <v>10</v>
      </c>
      <c r="C14" s="273">
        <v>4430</v>
      </c>
      <c r="D14" s="274">
        <v>15535</v>
      </c>
      <c r="E14" s="275">
        <v>19965</v>
      </c>
      <c r="F14" s="276">
        <v>0</v>
      </c>
      <c r="G14" s="274">
        <v>626026</v>
      </c>
      <c r="H14" s="274">
        <v>956004</v>
      </c>
      <c r="I14" s="274">
        <v>2876720</v>
      </c>
      <c r="J14" s="274">
        <v>4188786</v>
      </c>
      <c r="K14" s="274">
        <v>4243000</v>
      </c>
      <c r="L14" s="277">
        <v>12890536</v>
      </c>
      <c r="M14" s="278">
        <v>12910501</v>
      </c>
      <c r="N14" s="273">
        <v>0</v>
      </c>
      <c r="O14" s="274">
        <v>0</v>
      </c>
      <c r="P14" s="275">
        <v>0</v>
      </c>
      <c r="Q14" s="279"/>
      <c r="R14" s="274">
        <v>46035</v>
      </c>
      <c r="S14" s="274">
        <v>200600</v>
      </c>
      <c r="T14" s="274">
        <v>1723670</v>
      </c>
      <c r="U14" s="274">
        <v>2989332</v>
      </c>
      <c r="V14" s="274">
        <v>3136090</v>
      </c>
      <c r="W14" s="277">
        <v>8095727</v>
      </c>
      <c r="X14" s="278">
        <v>8095727</v>
      </c>
      <c r="Y14" s="273">
        <v>0</v>
      </c>
      <c r="Z14" s="274">
        <v>0</v>
      </c>
      <c r="AA14" s="275">
        <v>0</v>
      </c>
      <c r="AB14" s="279"/>
      <c r="AC14" s="274">
        <v>439104</v>
      </c>
      <c r="AD14" s="274">
        <v>561485</v>
      </c>
      <c r="AE14" s="274">
        <v>952942</v>
      </c>
      <c r="AF14" s="274">
        <v>801701</v>
      </c>
      <c r="AG14" s="274">
        <v>489798</v>
      </c>
      <c r="AH14" s="277">
        <v>3245030</v>
      </c>
      <c r="AI14" s="278">
        <v>3245030</v>
      </c>
      <c r="AJ14" s="273">
        <v>0</v>
      </c>
      <c r="AK14" s="274">
        <v>0</v>
      </c>
      <c r="AL14" s="275">
        <v>0</v>
      </c>
      <c r="AM14" s="279"/>
      <c r="AN14" s="274">
        <v>0</v>
      </c>
      <c r="AO14" s="274">
        <v>0</v>
      </c>
      <c r="AP14" s="274">
        <v>0</v>
      </c>
      <c r="AQ14" s="274">
        <v>0</v>
      </c>
      <c r="AR14" s="274">
        <v>0</v>
      </c>
      <c r="AS14" s="277">
        <v>0</v>
      </c>
      <c r="AT14" s="278">
        <v>0</v>
      </c>
      <c r="AU14" s="273">
        <v>0</v>
      </c>
      <c r="AV14" s="274">
        <v>0</v>
      </c>
      <c r="AW14" s="275">
        <v>0</v>
      </c>
      <c r="AX14" s="279"/>
      <c r="AY14" s="274">
        <v>0</v>
      </c>
      <c r="AZ14" s="274">
        <v>0</v>
      </c>
      <c r="BA14" s="274">
        <v>0</v>
      </c>
      <c r="BB14" s="274">
        <v>57350</v>
      </c>
      <c r="BC14" s="274">
        <v>328895</v>
      </c>
      <c r="BD14" s="277">
        <v>386245</v>
      </c>
      <c r="BE14" s="278">
        <v>386245</v>
      </c>
      <c r="BF14" s="273">
        <v>0</v>
      </c>
      <c r="BG14" s="274">
        <v>0</v>
      </c>
      <c r="BH14" s="275">
        <v>0</v>
      </c>
      <c r="BI14" s="279"/>
      <c r="BJ14" s="274">
        <v>0</v>
      </c>
      <c r="BK14" s="274">
        <v>0</v>
      </c>
      <c r="BL14" s="274">
        <v>0</v>
      </c>
      <c r="BM14" s="274">
        <v>32705</v>
      </c>
      <c r="BN14" s="274">
        <v>75950</v>
      </c>
      <c r="BO14" s="277">
        <v>108655</v>
      </c>
      <c r="BP14" s="278">
        <v>108655</v>
      </c>
      <c r="BQ14" s="273">
        <v>4430</v>
      </c>
      <c r="BR14" s="274">
        <v>15535</v>
      </c>
      <c r="BS14" s="275">
        <v>19965</v>
      </c>
      <c r="BT14" s="276">
        <v>0</v>
      </c>
      <c r="BU14" s="274">
        <v>139484</v>
      </c>
      <c r="BV14" s="274">
        <v>177239</v>
      </c>
      <c r="BW14" s="274">
        <v>193480</v>
      </c>
      <c r="BX14" s="274">
        <v>291975</v>
      </c>
      <c r="BY14" s="274">
        <v>191829</v>
      </c>
      <c r="BZ14" s="277">
        <v>994007</v>
      </c>
      <c r="CA14" s="278">
        <v>1013972</v>
      </c>
      <c r="CB14" s="273">
        <v>0</v>
      </c>
      <c r="CC14" s="274">
        <v>0</v>
      </c>
      <c r="CD14" s="275">
        <v>0</v>
      </c>
      <c r="CE14" s="276">
        <v>0</v>
      </c>
      <c r="CF14" s="274">
        <v>1403</v>
      </c>
      <c r="CG14" s="274">
        <v>16680</v>
      </c>
      <c r="CH14" s="274">
        <v>6628</v>
      </c>
      <c r="CI14" s="274">
        <v>15723</v>
      </c>
      <c r="CJ14" s="274">
        <v>20438</v>
      </c>
      <c r="CK14" s="277">
        <v>60872</v>
      </c>
      <c r="CL14" s="278">
        <v>60872</v>
      </c>
      <c r="CM14" s="273">
        <v>0</v>
      </c>
      <c r="CN14" s="274">
        <v>0</v>
      </c>
      <c r="CO14" s="275">
        <v>0</v>
      </c>
      <c r="CP14" s="276">
        <v>0</v>
      </c>
      <c r="CQ14" s="274">
        <v>0</v>
      </c>
      <c r="CR14" s="274">
        <v>0</v>
      </c>
      <c r="CS14" s="274">
        <v>0</v>
      </c>
      <c r="CT14" s="274">
        <v>0</v>
      </c>
      <c r="CU14" s="274">
        <v>0</v>
      </c>
      <c r="CV14" s="277">
        <v>0</v>
      </c>
      <c r="CW14" s="278">
        <v>0</v>
      </c>
      <c r="CX14" s="273">
        <v>0</v>
      </c>
      <c r="CY14" s="274">
        <v>0</v>
      </c>
      <c r="CZ14" s="275">
        <v>0</v>
      </c>
      <c r="DA14" s="279"/>
      <c r="DB14" s="274">
        <v>0</v>
      </c>
      <c r="DC14" s="274">
        <v>0</v>
      </c>
      <c r="DD14" s="274">
        <v>0</v>
      </c>
      <c r="DE14" s="274">
        <v>0</v>
      </c>
      <c r="DF14" s="274">
        <v>0</v>
      </c>
      <c r="DG14" s="277">
        <v>0</v>
      </c>
      <c r="DH14" s="278">
        <v>0</v>
      </c>
      <c r="DI14" s="273">
        <v>7818</v>
      </c>
      <c r="DJ14" s="274">
        <v>20379</v>
      </c>
      <c r="DK14" s="275">
        <v>28197</v>
      </c>
      <c r="DL14" s="276">
        <v>0</v>
      </c>
      <c r="DM14" s="274">
        <v>433189</v>
      </c>
      <c r="DN14" s="274">
        <v>849239</v>
      </c>
      <c r="DO14" s="274">
        <v>3201083</v>
      </c>
      <c r="DP14" s="274">
        <v>4799376</v>
      </c>
      <c r="DQ14" s="274">
        <v>4472471</v>
      </c>
      <c r="DR14" s="277">
        <v>13755358</v>
      </c>
      <c r="DS14" s="280">
        <v>13783555</v>
      </c>
      <c r="DT14" s="273">
        <v>0</v>
      </c>
      <c r="DU14" s="274">
        <v>0</v>
      </c>
      <c r="DV14" s="275">
        <v>0</v>
      </c>
      <c r="DW14" s="279"/>
      <c r="DX14" s="274">
        <v>121954</v>
      </c>
      <c r="DY14" s="274">
        <v>401283</v>
      </c>
      <c r="DZ14" s="274">
        <v>2695323</v>
      </c>
      <c r="EA14" s="274">
        <v>4173210</v>
      </c>
      <c r="EB14" s="274">
        <v>4030501</v>
      </c>
      <c r="EC14" s="277">
        <v>11422271</v>
      </c>
      <c r="ED14" s="278">
        <v>11422271</v>
      </c>
      <c r="EE14" s="273">
        <v>0</v>
      </c>
      <c r="EF14" s="274">
        <v>0</v>
      </c>
      <c r="EG14" s="275">
        <v>0</v>
      </c>
      <c r="EH14" s="279"/>
      <c r="EI14" s="274">
        <v>108801</v>
      </c>
      <c r="EJ14" s="274">
        <v>99555</v>
      </c>
      <c r="EK14" s="274">
        <v>158376</v>
      </c>
      <c r="EL14" s="274">
        <v>147861</v>
      </c>
      <c r="EM14" s="274">
        <v>36968</v>
      </c>
      <c r="EN14" s="277">
        <v>551561</v>
      </c>
      <c r="EO14" s="278">
        <v>551561</v>
      </c>
      <c r="EP14" s="273">
        <v>0</v>
      </c>
      <c r="EQ14" s="274">
        <v>0</v>
      </c>
      <c r="ER14" s="275">
        <v>0</v>
      </c>
      <c r="ES14" s="279"/>
      <c r="ET14" s="274">
        <v>0</v>
      </c>
      <c r="EU14" s="274">
        <v>0</v>
      </c>
      <c r="EV14" s="274">
        <v>0</v>
      </c>
      <c r="EW14" s="274">
        <v>0</v>
      </c>
      <c r="EX14" s="274">
        <v>0</v>
      </c>
      <c r="EY14" s="277">
        <v>0</v>
      </c>
      <c r="EZ14" s="278">
        <v>0</v>
      </c>
      <c r="FA14" s="273">
        <v>0</v>
      </c>
      <c r="FB14" s="274">
        <v>0</v>
      </c>
      <c r="FC14" s="275">
        <v>0</v>
      </c>
      <c r="FD14" s="279"/>
      <c r="FE14" s="274">
        <v>0</v>
      </c>
      <c r="FF14" s="274">
        <v>0</v>
      </c>
      <c r="FG14" s="274">
        <v>0</v>
      </c>
      <c r="FH14" s="274">
        <v>434</v>
      </c>
      <c r="FI14" s="274">
        <v>5145</v>
      </c>
      <c r="FJ14" s="277">
        <v>5579</v>
      </c>
      <c r="FK14" s="278">
        <v>5579</v>
      </c>
      <c r="FL14" s="273">
        <v>0</v>
      </c>
      <c r="FM14" s="274">
        <v>0</v>
      </c>
      <c r="FN14" s="275">
        <v>0</v>
      </c>
      <c r="FO14" s="279"/>
      <c r="FP14" s="274">
        <v>0</v>
      </c>
      <c r="FQ14" s="274">
        <v>0</v>
      </c>
      <c r="FR14" s="274">
        <v>0</v>
      </c>
      <c r="FS14" s="274">
        <v>36766</v>
      </c>
      <c r="FT14" s="274">
        <v>135656</v>
      </c>
      <c r="FU14" s="277">
        <v>172422</v>
      </c>
      <c r="FV14" s="278">
        <v>172422</v>
      </c>
      <c r="FW14" s="273">
        <v>7818</v>
      </c>
      <c r="FX14" s="274">
        <v>20379</v>
      </c>
      <c r="FY14" s="275">
        <v>28197</v>
      </c>
      <c r="FZ14" s="276">
        <v>0</v>
      </c>
      <c r="GA14" s="274">
        <v>202350</v>
      </c>
      <c r="GB14" s="274">
        <v>348093</v>
      </c>
      <c r="GC14" s="274">
        <v>347272</v>
      </c>
      <c r="GD14" s="274">
        <v>435827</v>
      </c>
      <c r="GE14" s="274">
        <v>259167</v>
      </c>
      <c r="GF14" s="277">
        <v>1592709</v>
      </c>
      <c r="GG14" s="278">
        <v>1620906</v>
      </c>
      <c r="GH14" s="273">
        <v>0</v>
      </c>
      <c r="GI14" s="274">
        <v>0</v>
      </c>
      <c r="GJ14" s="275">
        <v>0</v>
      </c>
      <c r="GK14" s="276">
        <v>0</v>
      </c>
      <c r="GL14" s="274">
        <v>84</v>
      </c>
      <c r="GM14" s="274">
        <v>308</v>
      </c>
      <c r="GN14" s="274">
        <v>112</v>
      </c>
      <c r="GO14" s="274">
        <v>5278</v>
      </c>
      <c r="GP14" s="274">
        <v>5034</v>
      </c>
      <c r="GQ14" s="277">
        <v>10816</v>
      </c>
      <c r="GR14" s="278">
        <v>10816</v>
      </c>
      <c r="GS14" s="273">
        <v>0</v>
      </c>
      <c r="GT14" s="274">
        <v>0</v>
      </c>
      <c r="GU14" s="275">
        <v>0</v>
      </c>
      <c r="GV14" s="276">
        <v>0</v>
      </c>
      <c r="GW14" s="274">
        <v>0</v>
      </c>
      <c r="GX14" s="274">
        <v>0</v>
      </c>
      <c r="GY14" s="274">
        <v>0</v>
      </c>
      <c r="GZ14" s="274">
        <v>0</v>
      </c>
      <c r="HA14" s="274">
        <v>0</v>
      </c>
      <c r="HB14" s="277">
        <v>0</v>
      </c>
      <c r="HC14" s="278">
        <v>0</v>
      </c>
      <c r="HD14" s="273">
        <v>0</v>
      </c>
      <c r="HE14" s="274">
        <v>0</v>
      </c>
      <c r="HF14" s="275">
        <v>0</v>
      </c>
      <c r="HG14" s="279"/>
      <c r="HH14" s="274">
        <v>0</v>
      </c>
      <c r="HI14" s="274">
        <v>0</v>
      </c>
      <c r="HJ14" s="274">
        <v>0</v>
      </c>
      <c r="HK14" s="274">
        <v>0</v>
      </c>
      <c r="HL14" s="274">
        <v>0</v>
      </c>
      <c r="HM14" s="277">
        <v>0</v>
      </c>
      <c r="HN14" s="278">
        <v>0</v>
      </c>
      <c r="HO14" s="273">
        <v>12248</v>
      </c>
      <c r="HP14" s="274">
        <v>35914</v>
      </c>
      <c r="HQ14" s="275">
        <v>48162</v>
      </c>
      <c r="HR14" s="276">
        <v>0</v>
      </c>
      <c r="HS14" s="274">
        <v>1059215</v>
      </c>
      <c r="HT14" s="274">
        <v>1805243</v>
      </c>
      <c r="HU14" s="274">
        <v>6077803</v>
      </c>
      <c r="HV14" s="274">
        <v>8988162</v>
      </c>
      <c r="HW14" s="274">
        <v>8715471</v>
      </c>
      <c r="HX14" s="277">
        <v>26645894</v>
      </c>
      <c r="HY14" s="278">
        <v>26694056</v>
      </c>
    </row>
    <row r="15" spans="2:233" ht="21" customHeight="1" x14ac:dyDescent="0.2">
      <c r="B15" s="472" t="s">
        <v>11</v>
      </c>
      <c r="C15" s="273">
        <v>0</v>
      </c>
      <c r="D15" s="274">
        <v>5795</v>
      </c>
      <c r="E15" s="275">
        <v>5795</v>
      </c>
      <c r="F15" s="276">
        <v>0</v>
      </c>
      <c r="G15" s="274">
        <v>585240</v>
      </c>
      <c r="H15" s="274">
        <v>845756</v>
      </c>
      <c r="I15" s="274">
        <v>2447389</v>
      </c>
      <c r="J15" s="274">
        <v>4683793</v>
      </c>
      <c r="K15" s="274">
        <v>2369438</v>
      </c>
      <c r="L15" s="277">
        <v>10931616</v>
      </c>
      <c r="M15" s="278">
        <v>10937411</v>
      </c>
      <c r="N15" s="273">
        <v>0</v>
      </c>
      <c r="O15" s="274">
        <v>0</v>
      </c>
      <c r="P15" s="275">
        <v>0</v>
      </c>
      <c r="Q15" s="279"/>
      <c r="R15" s="274">
        <v>0</v>
      </c>
      <c r="S15" s="274">
        <v>103850</v>
      </c>
      <c r="T15" s="274">
        <v>1516370</v>
      </c>
      <c r="U15" s="274">
        <v>3352200</v>
      </c>
      <c r="V15" s="274">
        <v>1625635</v>
      </c>
      <c r="W15" s="277">
        <v>6598055</v>
      </c>
      <c r="X15" s="278">
        <v>6598055</v>
      </c>
      <c r="Y15" s="273">
        <v>0</v>
      </c>
      <c r="Z15" s="274">
        <v>0</v>
      </c>
      <c r="AA15" s="275">
        <v>0</v>
      </c>
      <c r="AB15" s="279"/>
      <c r="AC15" s="274">
        <v>482950</v>
      </c>
      <c r="AD15" s="274">
        <v>602885</v>
      </c>
      <c r="AE15" s="274">
        <v>705970</v>
      </c>
      <c r="AF15" s="274">
        <v>1020845</v>
      </c>
      <c r="AG15" s="274">
        <v>360390</v>
      </c>
      <c r="AH15" s="277">
        <v>3173040</v>
      </c>
      <c r="AI15" s="278">
        <v>3173040</v>
      </c>
      <c r="AJ15" s="273">
        <v>0</v>
      </c>
      <c r="AK15" s="274">
        <v>0</v>
      </c>
      <c r="AL15" s="275">
        <v>0</v>
      </c>
      <c r="AM15" s="279"/>
      <c r="AN15" s="274">
        <v>0</v>
      </c>
      <c r="AO15" s="274">
        <v>0</v>
      </c>
      <c r="AP15" s="274">
        <v>0</v>
      </c>
      <c r="AQ15" s="274">
        <v>0</v>
      </c>
      <c r="AR15" s="274">
        <v>0</v>
      </c>
      <c r="AS15" s="277">
        <v>0</v>
      </c>
      <c r="AT15" s="278">
        <v>0</v>
      </c>
      <c r="AU15" s="273">
        <v>0</v>
      </c>
      <c r="AV15" s="274">
        <v>0</v>
      </c>
      <c r="AW15" s="275">
        <v>0</v>
      </c>
      <c r="AX15" s="279"/>
      <c r="AY15" s="274">
        <v>29915</v>
      </c>
      <c r="AZ15" s="274">
        <v>12425</v>
      </c>
      <c r="BA15" s="274">
        <v>28710</v>
      </c>
      <c r="BB15" s="274">
        <v>76570</v>
      </c>
      <c r="BC15" s="274">
        <v>316865</v>
      </c>
      <c r="BD15" s="277">
        <v>464485</v>
      </c>
      <c r="BE15" s="278">
        <v>464485</v>
      </c>
      <c r="BF15" s="273">
        <v>0</v>
      </c>
      <c r="BG15" s="274">
        <v>0</v>
      </c>
      <c r="BH15" s="275">
        <v>0</v>
      </c>
      <c r="BI15" s="279"/>
      <c r="BJ15" s="274">
        <v>0</v>
      </c>
      <c r="BK15" s="274">
        <v>24645</v>
      </c>
      <c r="BL15" s="274">
        <v>0</v>
      </c>
      <c r="BM15" s="274">
        <v>0</v>
      </c>
      <c r="BN15" s="274">
        <v>0</v>
      </c>
      <c r="BO15" s="277">
        <v>24645</v>
      </c>
      <c r="BP15" s="278">
        <v>24645</v>
      </c>
      <c r="BQ15" s="273">
        <v>0</v>
      </c>
      <c r="BR15" s="274">
        <v>5795</v>
      </c>
      <c r="BS15" s="275">
        <v>5795</v>
      </c>
      <c r="BT15" s="276">
        <v>0</v>
      </c>
      <c r="BU15" s="274">
        <v>72375</v>
      </c>
      <c r="BV15" s="274">
        <v>94429</v>
      </c>
      <c r="BW15" s="274">
        <v>195904</v>
      </c>
      <c r="BX15" s="274">
        <v>234178</v>
      </c>
      <c r="BY15" s="274">
        <v>65243</v>
      </c>
      <c r="BZ15" s="277">
        <v>662129</v>
      </c>
      <c r="CA15" s="278">
        <v>667924</v>
      </c>
      <c r="CB15" s="273">
        <v>0</v>
      </c>
      <c r="CC15" s="274">
        <v>0</v>
      </c>
      <c r="CD15" s="275">
        <v>0</v>
      </c>
      <c r="CE15" s="276">
        <v>0</v>
      </c>
      <c r="CF15" s="274">
        <v>0</v>
      </c>
      <c r="CG15" s="274">
        <v>7522</v>
      </c>
      <c r="CH15" s="274">
        <v>435</v>
      </c>
      <c r="CI15" s="274">
        <v>0</v>
      </c>
      <c r="CJ15" s="274">
        <v>1305</v>
      </c>
      <c r="CK15" s="277">
        <v>9262</v>
      </c>
      <c r="CL15" s="278">
        <v>9262</v>
      </c>
      <c r="CM15" s="273">
        <v>0</v>
      </c>
      <c r="CN15" s="274">
        <v>0</v>
      </c>
      <c r="CO15" s="275">
        <v>0</v>
      </c>
      <c r="CP15" s="276">
        <v>0</v>
      </c>
      <c r="CQ15" s="274">
        <v>0</v>
      </c>
      <c r="CR15" s="274">
        <v>0</v>
      </c>
      <c r="CS15" s="274">
        <v>0</v>
      </c>
      <c r="CT15" s="274">
        <v>0</v>
      </c>
      <c r="CU15" s="274">
        <v>0</v>
      </c>
      <c r="CV15" s="277">
        <v>0</v>
      </c>
      <c r="CW15" s="278">
        <v>0</v>
      </c>
      <c r="CX15" s="273">
        <v>0</v>
      </c>
      <c r="CY15" s="274">
        <v>0</v>
      </c>
      <c r="CZ15" s="275">
        <v>0</v>
      </c>
      <c r="DA15" s="279"/>
      <c r="DB15" s="274">
        <v>0</v>
      </c>
      <c r="DC15" s="274">
        <v>0</v>
      </c>
      <c r="DD15" s="274">
        <v>0</v>
      </c>
      <c r="DE15" s="274">
        <v>0</v>
      </c>
      <c r="DF15" s="274">
        <v>0</v>
      </c>
      <c r="DG15" s="277">
        <v>0</v>
      </c>
      <c r="DH15" s="278">
        <v>0</v>
      </c>
      <c r="DI15" s="273">
        <v>0</v>
      </c>
      <c r="DJ15" s="274">
        <v>8845</v>
      </c>
      <c r="DK15" s="275">
        <v>8845</v>
      </c>
      <c r="DL15" s="276">
        <v>0</v>
      </c>
      <c r="DM15" s="274">
        <v>179734</v>
      </c>
      <c r="DN15" s="274">
        <v>365430</v>
      </c>
      <c r="DO15" s="274">
        <v>2444871</v>
      </c>
      <c r="DP15" s="274">
        <v>4075724</v>
      </c>
      <c r="DQ15" s="274">
        <v>2070543</v>
      </c>
      <c r="DR15" s="277">
        <v>9136302</v>
      </c>
      <c r="DS15" s="280">
        <v>9145147</v>
      </c>
      <c r="DT15" s="273">
        <v>0</v>
      </c>
      <c r="DU15" s="274">
        <v>0</v>
      </c>
      <c r="DV15" s="275">
        <v>0</v>
      </c>
      <c r="DW15" s="279"/>
      <c r="DX15" s="274">
        <v>0</v>
      </c>
      <c r="DY15" s="274">
        <v>103292</v>
      </c>
      <c r="DZ15" s="274">
        <v>2064896</v>
      </c>
      <c r="EA15" s="274">
        <v>3716932</v>
      </c>
      <c r="EB15" s="274">
        <v>1889177</v>
      </c>
      <c r="EC15" s="277">
        <v>7774297</v>
      </c>
      <c r="ED15" s="278">
        <v>7774297</v>
      </c>
      <c r="EE15" s="273">
        <v>0</v>
      </c>
      <c r="EF15" s="274">
        <v>0</v>
      </c>
      <c r="EG15" s="275">
        <v>0</v>
      </c>
      <c r="EH15" s="279"/>
      <c r="EI15" s="274">
        <v>88218</v>
      </c>
      <c r="EJ15" s="274">
        <v>128730</v>
      </c>
      <c r="EK15" s="274">
        <v>125798</v>
      </c>
      <c r="EL15" s="274">
        <v>140361</v>
      </c>
      <c r="EM15" s="274">
        <v>47277</v>
      </c>
      <c r="EN15" s="277">
        <v>530384</v>
      </c>
      <c r="EO15" s="278">
        <v>530384</v>
      </c>
      <c r="EP15" s="273">
        <v>0</v>
      </c>
      <c r="EQ15" s="274">
        <v>0</v>
      </c>
      <c r="ER15" s="275">
        <v>0</v>
      </c>
      <c r="ES15" s="279"/>
      <c r="ET15" s="274">
        <v>0</v>
      </c>
      <c r="EU15" s="274">
        <v>0</v>
      </c>
      <c r="EV15" s="274">
        <v>0</v>
      </c>
      <c r="EW15" s="274">
        <v>0</v>
      </c>
      <c r="EX15" s="274">
        <v>0</v>
      </c>
      <c r="EY15" s="277">
        <v>0</v>
      </c>
      <c r="EZ15" s="278">
        <v>0</v>
      </c>
      <c r="FA15" s="273">
        <v>0</v>
      </c>
      <c r="FB15" s="274">
        <v>0</v>
      </c>
      <c r="FC15" s="275">
        <v>0</v>
      </c>
      <c r="FD15" s="279"/>
      <c r="FE15" s="274">
        <v>651</v>
      </c>
      <c r="FF15" s="274">
        <v>11644</v>
      </c>
      <c r="FG15" s="274">
        <v>24492</v>
      </c>
      <c r="FH15" s="274">
        <v>868</v>
      </c>
      <c r="FI15" s="274">
        <v>59520</v>
      </c>
      <c r="FJ15" s="277">
        <v>97175</v>
      </c>
      <c r="FK15" s="278">
        <v>97175</v>
      </c>
      <c r="FL15" s="273">
        <v>0</v>
      </c>
      <c r="FM15" s="274">
        <v>0</v>
      </c>
      <c r="FN15" s="275">
        <v>0</v>
      </c>
      <c r="FO15" s="279"/>
      <c r="FP15" s="274">
        <v>0</v>
      </c>
      <c r="FQ15" s="274">
        <v>21576</v>
      </c>
      <c r="FR15" s="274">
        <v>0</v>
      </c>
      <c r="FS15" s="274">
        <v>0</v>
      </c>
      <c r="FT15" s="274">
        <v>0</v>
      </c>
      <c r="FU15" s="277">
        <v>21576</v>
      </c>
      <c r="FV15" s="278">
        <v>21576</v>
      </c>
      <c r="FW15" s="273">
        <v>0</v>
      </c>
      <c r="FX15" s="274">
        <v>8845</v>
      </c>
      <c r="FY15" s="275">
        <v>8845</v>
      </c>
      <c r="FZ15" s="276">
        <v>0</v>
      </c>
      <c r="GA15" s="274">
        <v>90865</v>
      </c>
      <c r="GB15" s="274">
        <v>100083</v>
      </c>
      <c r="GC15" s="274">
        <v>229664</v>
      </c>
      <c r="GD15" s="274">
        <v>217563</v>
      </c>
      <c r="GE15" s="274">
        <v>74506</v>
      </c>
      <c r="GF15" s="277">
        <v>712681</v>
      </c>
      <c r="GG15" s="278">
        <v>721526</v>
      </c>
      <c r="GH15" s="273">
        <v>0</v>
      </c>
      <c r="GI15" s="274">
        <v>0</v>
      </c>
      <c r="GJ15" s="275">
        <v>0</v>
      </c>
      <c r="GK15" s="276">
        <v>0</v>
      </c>
      <c r="GL15" s="274">
        <v>0</v>
      </c>
      <c r="GM15" s="274">
        <v>105</v>
      </c>
      <c r="GN15" s="274">
        <v>21</v>
      </c>
      <c r="GO15" s="274">
        <v>0</v>
      </c>
      <c r="GP15" s="274">
        <v>63</v>
      </c>
      <c r="GQ15" s="277">
        <v>189</v>
      </c>
      <c r="GR15" s="278">
        <v>189</v>
      </c>
      <c r="GS15" s="273">
        <v>0</v>
      </c>
      <c r="GT15" s="274">
        <v>0</v>
      </c>
      <c r="GU15" s="275">
        <v>0</v>
      </c>
      <c r="GV15" s="276">
        <v>0</v>
      </c>
      <c r="GW15" s="274">
        <v>0</v>
      </c>
      <c r="GX15" s="274">
        <v>0</v>
      </c>
      <c r="GY15" s="274">
        <v>0</v>
      </c>
      <c r="GZ15" s="274">
        <v>0</v>
      </c>
      <c r="HA15" s="274">
        <v>0</v>
      </c>
      <c r="HB15" s="277">
        <v>0</v>
      </c>
      <c r="HC15" s="278">
        <v>0</v>
      </c>
      <c r="HD15" s="273">
        <v>0</v>
      </c>
      <c r="HE15" s="274">
        <v>0</v>
      </c>
      <c r="HF15" s="275">
        <v>0</v>
      </c>
      <c r="HG15" s="279"/>
      <c r="HH15" s="274">
        <v>0</v>
      </c>
      <c r="HI15" s="274">
        <v>0</v>
      </c>
      <c r="HJ15" s="274">
        <v>0</v>
      </c>
      <c r="HK15" s="274">
        <v>0</v>
      </c>
      <c r="HL15" s="274">
        <v>0</v>
      </c>
      <c r="HM15" s="277">
        <v>0</v>
      </c>
      <c r="HN15" s="278">
        <v>0</v>
      </c>
      <c r="HO15" s="273">
        <v>0</v>
      </c>
      <c r="HP15" s="274">
        <v>14640</v>
      </c>
      <c r="HQ15" s="275">
        <v>14640</v>
      </c>
      <c r="HR15" s="276">
        <v>0</v>
      </c>
      <c r="HS15" s="274">
        <v>764974</v>
      </c>
      <c r="HT15" s="274">
        <v>1211186</v>
      </c>
      <c r="HU15" s="274">
        <v>4892260</v>
      </c>
      <c r="HV15" s="274">
        <v>8759517</v>
      </c>
      <c r="HW15" s="274">
        <v>4439981</v>
      </c>
      <c r="HX15" s="277">
        <v>20067918</v>
      </c>
      <c r="HY15" s="278">
        <v>20082558</v>
      </c>
    </row>
    <row r="16" spans="2:233" ht="21" customHeight="1" x14ac:dyDescent="0.2">
      <c r="B16" s="472" t="s">
        <v>12</v>
      </c>
      <c r="C16" s="273">
        <v>4770</v>
      </c>
      <c r="D16" s="274">
        <v>11795</v>
      </c>
      <c r="E16" s="275">
        <v>16565</v>
      </c>
      <c r="F16" s="276">
        <v>0</v>
      </c>
      <c r="G16" s="274">
        <v>164670</v>
      </c>
      <c r="H16" s="274">
        <v>601652</v>
      </c>
      <c r="I16" s="274">
        <v>2334744</v>
      </c>
      <c r="J16" s="274">
        <v>3450741</v>
      </c>
      <c r="K16" s="274">
        <v>1895856</v>
      </c>
      <c r="L16" s="277">
        <v>8447663</v>
      </c>
      <c r="M16" s="278">
        <v>8464228</v>
      </c>
      <c r="N16" s="273">
        <v>0</v>
      </c>
      <c r="O16" s="274">
        <v>0</v>
      </c>
      <c r="P16" s="275">
        <v>0</v>
      </c>
      <c r="Q16" s="279"/>
      <c r="R16" s="274">
        <v>5270</v>
      </c>
      <c r="S16" s="274">
        <v>81065</v>
      </c>
      <c r="T16" s="274">
        <v>1375094</v>
      </c>
      <c r="U16" s="274">
        <v>2343077</v>
      </c>
      <c r="V16" s="274">
        <v>1379884</v>
      </c>
      <c r="W16" s="277">
        <v>5184390</v>
      </c>
      <c r="X16" s="278">
        <v>5184390</v>
      </c>
      <c r="Y16" s="273">
        <v>0</v>
      </c>
      <c r="Z16" s="274">
        <v>0</v>
      </c>
      <c r="AA16" s="275">
        <v>0</v>
      </c>
      <c r="AB16" s="279"/>
      <c r="AC16" s="274">
        <v>112190</v>
      </c>
      <c r="AD16" s="274">
        <v>461315</v>
      </c>
      <c r="AE16" s="274">
        <v>734570</v>
      </c>
      <c r="AF16" s="274">
        <v>826788</v>
      </c>
      <c r="AG16" s="274">
        <v>378775</v>
      </c>
      <c r="AH16" s="277">
        <v>2513638</v>
      </c>
      <c r="AI16" s="278">
        <v>2513638</v>
      </c>
      <c r="AJ16" s="273">
        <v>0</v>
      </c>
      <c r="AK16" s="274">
        <v>0</v>
      </c>
      <c r="AL16" s="275">
        <v>0</v>
      </c>
      <c r="AM16" s="279"/>
      <c r="AN16" s="274">
        <v>0</v>
      </c>
      <c r="AO16" s="274">
        <v>0</v>
      </c>
      <c r="AP16" s="274">
        <v>0</v>
      </c>
      <c r="AQ16" s="274">
        <v>0</v>
      </c>
      <c r="AR16" s="274">
        <v>5270</v>
      </c>
      <c r="AS16" s="277">
        <v>5270</v>
      </c>
      <c r="AT16" s="278">
        <v>5270</v>
      </c>
      <c r="AU16" s="273">
        <v>0</v>
      </c>
      <c r="AV16" s="274">
        <v>0</v>
      </c>
      <c r="AW16" s="275">
        <v>0</v>
      </c>
      <c r="AX16" s="279"/>
      <c r="AY16" s="274">
        <v>0</v>
      </c>
      <c r="AZ16" s="274">
        <v>0</v>
      </c>
      <c r="BA16" s="274">
        <v>0</v>
      </c>
      <c r="BB16" s="274">
        <v>7905</v>
      </c>
      <c r="BC16" s="274">
        <v>43090</v>
      </c>
      <c r="BD16" s="277">
        <v>50995</v>
      </c>
      <c r="BE16" s="278">
        <v>50995</v>
      </c>
      <c r="BF16" s="273">
        <v>0</v>
      </c>
      <c r="BG16" s="274">
        <v>0</v>
      </c>
      <c r="BH16" s="275">
        <v>0</v>
      </c>
      <c r="BI16" s="279"/>
      <c r="BJ16" s="274">
        <v>0</v>
      </c>
      <c r="BK16" s="274">
        <v>0</v>
      </c>
      <c r="BL16" s="274">
        <v>67890</v>
      </c>
      <c r="BM16" s="274">
        <v>94265</v>
      </c>
      <c r="BN16" s="274">
        <v>37975</v>
      </c>
      <c r="BO16" s="277">
        <v>200130</v>
      </c>
      <c r="BP16" s="278">
        <v>200130</v>
      </c>
      <c r="BQ16" s="273">
        <v>4770</v>
      </c>
      <c r="BR16" s="274">
        <v>11795</v>
      </c>
      <c r="BS16" s="275">
        <v>16565</v>
      </c>
      <c r="BT16" s="276">
        <v>0</v>
      </c>
      <c r="BU16" s="274">
        <v>45615</v>
      </c>
      <c r="BV16" s="274">
        <v>56157</v>
      </c>
      <c r="BW16" s="274">
        <v>157190</v>
      </c>
      <c r="BX16" s="274">
        <v>177836</v>
      </c>
      <c r="BY16" s="274">
        <v>50623</v>
      </c>
      <c r="BZ16" s="277">
        <v>487421</v>
      </c>
      <c r="CA16" s="278">
        <v>503986</v>
      </c>
      <c r="CB16" s="273">
        <v>0</v>
      </c>
      <c r="CC16" s="274">
        <v>0</v>
      </c>
      <c r="CD16" s="275">
        <v>0</v>
      </c>
      <c r="CE16" s="276">
        <v>0</v>
      </c>
      <c r="CF16" s="274">
        <v>1595</v>
      </c>
      <c r="CG16" s="274">
        <v>3115</v>
      </c>
      <c r="CH16" s="274">
        <v>0</v>
      </c>
      <c r="CI16" s="274">
        <v>870</v>
      </c>
      <c r="CJ16" s="274">
        <v>239</v>
      </c>
      <c r="CK16" s="277">
        <v>5819</v>
      </c>
      <c r="CL16" s="278">
        <v>5819</v>
      </c>
      <c r="CM16" s="273">
        <v>0</v>
      </c>
      <c r="CN16" s="274">
        <v>0</v>
      </c>
      <c r="CO16" s="275">
        <v>0</v>
      </c>
      <c r="CP16" s="276">
        <v>0</v>
      </c>
      <c r="CQ16" s="274">
        <v>0</v>
      </c>
      <c r="CR16" s="274">
        <v>0</v>
      </c>
      <c r="CS16" s="274">
        <v>0</v>
      </c>
      <c r="CT16" s="274">
        <v>0</v>
      </c>
      <c r="CU16" s="274">
        <v>0</v>
      </c>
      <c r="CV16" s="277">
        <v>0</v>
      </c>
      <c r="CW16" s="278">
        <v>0</v>
      </c>
      <c r="CX16" s="273">
        <v>0</v>
      </c>
      <c r="CY16" s="274">
        <v>0</v>
      </c>
      <c r="CZ16" s="275">
        <v>0</v>
      </c>
      <c r="DA16" s="279"/>
      <c r="DB16" s="274">
        <v>0</v>
      </c>
      <c r="DC16" s="274">
        <v>0</v>
      </c>
      <c r="DD16" s="274">
        <v>0</v>
      </c>
      <c r="DE16" s="274">
        <v>0</v>
      </c>
      <c r="DF16" s="274">
        <v>0</v>
      </c>
      <c r="DG16" s="277">
        <v>0</v>
      </c>
      <c r="DH16" s="278">
        <v>0</v>
      </c>
      <c r="DI16" s="273">
        <v>3606</v>
      </c>
      <c r="DJ16" s="274">
        <v>19896</v>
      </c>
      <c r="DK16" s="275">
        <v>23502</v>
      </c>
      <c r="DL16" s="276">
        <v>0</v>
      </c>
      <c r="DM16" s="274">
        <v>189543</v>
      </c>
      <c r="DN16" s="274">
        <v>381427</v>
      </c>
      <c r="DO16" s="274">
        <v>2549964</v>
      </c>
      <c r="DP16" s="274">
        <v>3616651</v>
      </c>
      <c r="DQ16" s="274">
        <v>2001240</v>
      </c>
      <c r="DR16" s="277">
        <v>8738825</v>
      </c>
      <c r="DS16" s="280">
        <v>8762327</v>
      </c>
      <c r="DT16" s="273">
        <v>0</v>
      </c>
      <c r="DU16" s="274">
        <v>0</v>
      </c>
      <c r="DV16" s="275">
        <v>0</v>
      </c>
      <c r="DW16" s="279"/>
      <c r="DX16" s="274">
        <v>43152</v>
      </c>
      <c r="DY16" s="274">
        <v>245985</v>
      </c>
      <c r="DZ16" s="274">
        <v>2054942</v>
      </c>
      <c r="EA16" s="274">
        <v>2999693</v>
      </c>
      <c r="EB16" s="274">
        <v>1705519</v>
      </c>
      <c r="EC16" s="277">
        <v>7049291</v>
      </c>
      <c r="ED16" s="278">
        <v>7049291</v>
      </c>
      <c r="EE16" s="273">
        <v>0</v>
      </c>
      <c r="EF16" s="274">
        <v>0</v>
      </c>
      <c r="EG16" s="275">
        <v>0</v>
      </c>
      <c r="EH16" s="279"/>
      <c r="EI16" s="274">
        <v>39486</v>
      </c>
      <c r="EJ16" s="274">
        <v>30105</v>
      </c>
      <c r="EK16" s="274">
        <v>111353</v>
      </c>
      <c r="EL16" s="274">
        <v>177651</v>
      </c>
      <c r="EM16" s="274">
        <v>51337</v>
      </c>
      <c r="EN16" s="277">
        <v>409932</v>
      </c>
      <c r="EO16" s="278">
        <v>409932</v>
      </c>
      <c r="EP16" s="273">
        <v>0</v>
      </c>
      <c r="EQ16" s="274">
        <v>0</v>
      </c>
      <c r="ER16" s="275">
        <v>0</v>
      </c>
      <c r="ES16" s="279"/>
      <c r="ET16" s="274">
        <v>0</v>
      </c>
      <c r="EU16" s="274">
        <v>0</v>
      </c>
      <c r="EV16" s="274">
        <v>0</v>
      </c>
      <c r="EW16" s="274">
        <v>0</v>
      </c>
      <c r="EX16" s="274">
        <v>434</v>
      </c>
      <c r="EY16" s="277">
        <v>434</v>
      </c>
      <c r="EZ16" s="278">
        <v>434</v>
      </c>
      <c r="FA16" s="273">
        <v>0</v>
      </c>
      <c r="FB16" s="274">
        <v>0</v>
      </c>
      <c r="FC16" s="275">
        <v>0</v>
      </c>
      <c r="FD16" s="279"/>
      <c r="FE16" s="274">
        <v>0</v>
      </c>
      <c r="FF16" s="274">
        <v>0</v>
      </c>
      <c r="FG16" s="274">
        <v>0</v>
      </c>
      <c r="FH16" s="274">
        <v>651</v>
      </c>
      <c r="FI16" s="274">
        <v>1736</v>
      </c>
      <c r="FJ16" s="277">
        <v>2387</v>
      </c>
      <c r="FK16" s="278">
        <v>2387</v>
      </c>
      <c r="FL16" s="273">
        <v>0</v>
      </c>
      <c r="FM16" s="274">
        <v>0</v>
      </c>
      <c r="FN16" s="275">
        <v>0</v>
      </c>
      <c r="FO16" s="279"/>
      <c r="FP16" s="274">
        <v>0</v>
      </c>
      <c r="FQ16" s="274">
        <v>0</v>
      </c>
      <c r="FR16" s="274">
        <v>144646</v>
      </c>
      <c r="FS16" s="274">
        <v>181412</v>
      </c>
      <c r="FT16" s="274">
        <v>79918</v>
      </c>
      <c r="FU16" s="277">
        <v>405976</v>
      </c>
      <c r="FV16" s="278">
        <v>405976</v>
      </c>
      <c r="FW16" s="273">
        <v>3606</v>
      </c>
      <c r="FX16" s="274">
        <v>19896</v>
      </c>
      <c r="FY16" s="275">
        <v>23502</v>
      </c>
      <c r="FZ16" s="276">
        <v>0</v>
      </c>
      <c r="GA16" s="274">
        <v>102945</v>
      </c>
      <c r="GB16" s="274">
        <v>105337</v>
      </c>
      <c r="GC16" s="274">
        <v>239023</v>
      </c>
      <c r="GD16" s="274">
        <v>254380</v>
      </c>
      <c r="GE16" s="274">
        <v>162275</v>
      </c>
      <c r="GF16" s="277">
        <v>863960</v>
      </c>
      <c r="GG16" s="278">
        <v>887462</v>
      </c>
      <c r="GH16" s="273">
        <v>0</v>
      </c>
      <c r="GI16" s="274">
        <v>0</v>
      </c>
      <c r="GJ16" s="275">
        <v>0</v>
      </c>
      <c r="GK16" s="276">
        <v>0</v>
      </c>
      <c r="GL16" s="274">
        <v>3960</v>
      </c>
      <c r="GM16" s="274">
        <v>0</v>
      </c>
      <c r="GN16" s="274">
        <v>0</v>
      </c>
      <c r="GO16" s="274">
        <v>2864</v>
      </c>
      <c r="GP16" s="274">
        <v>21</v>
      </c>
      <c r="GQ16" s="277">
        <v>6845</v>
      </c>
      <c r="GR16" s="278">
        <v>6845</v>
      </c>
      <c r="GS16" s="273">
        <v>0</v>
      </c>
      <c r="GT16" s="274">
        <v>0</v>
      </c>
      <c r="GU16" s="275">
        <v>0</v>
      </c>
      <c r="GV16" s="276">
        <v>0</v>
      </c>
      <c r="GW16" s="274">
        <v>0</v>
      </c>
      <c r="GX16" s="274">
        <v>0</v>
      </c>
      <c r="GY16" s="274">
        <v>0</v>
      </c>
      <c r="GZ16" s="274">
        <v>0</v>
      </c>
      <c r="HA16" s="274">
        <v>0</v>
      </c>
      <c r="HB16" s="277">
        <v>0</v>
      </c>
      <c r="HC16" s="278">
        <v>0</v>
      </c>
      <c r="HD16" s="273">
        <v>0</v>
      </c>
      <c r="HE16" s="274">
        <v>0</v>
      </c>
      <c r="HF16" s="275">
        <v>0</v>
      </c>
      <c r="HG16" s="279"/>
      <c r="HH16" s="274">
        <v>0</v>
      </c>
      <c r="HI16" s="274">
        <v>0</v>
      </c>
      <c r="HJ16" s="274">
        <v>0</v>
      </c>
      <c r="HK16" s="274">
        <v>0</v>
      </c>
      <c r="HL16" s="274">
        <v>0</v>
      </c>
      <c r="HM16" s="277">
        <v>0</v>
      </c>
      <c r="HN16" s="278">
        <v>0</v>
      </c>
      <c r="HO16" s="273">
        <v>8376</v>
      </c>
      <c r="HP16" s="274">
        <v>31691</v>
      </c>
      <c r="HQ16" s="275">
        <v>40067</v>
      </c>
      <c r="HR16" s="276">
        <v>0</v>
      </c>
      <c r="HS16" s="274">
        <v>354213</v>
      </c>
      <c r="HT16" s="274">
        <v>983079</v>
      </c>
      <c r="HU16" s="274">
        <v>4884708</v>
      </c>
      <c r="HV16" s="274">
        <v>7067392</v>
      </c>
      <c r="HW16" s="274">
        <v>3897096</v>
      </c>
      <c r="HX16" s="277">
        <v>17186488</v>
      </c>
      <c r="HY16" s="278">
        <v>17226555</v>
      </c>
    </row>
    <row r="17" spans="2:233" ht="21" customHeight="1" x14ac:dyDescent="0.2">
      <c r="B17" s="472" t="s">
        <v>13</v>
      </c>
      <c r="C17" s="273">
        <v>0</v>
      </c>
      <c r="D17" s="274">
        <v>0</v>
      </c>
      <c r="E17" s="275">
        <v>0</v>
      </c>
      <c r="F17" s="276">
        <v>0</v>
      </c>
      <c r="G17" s="274">
        <v>59600</v>
      </c>
      <c r="H17" s="274">
        <v>129956</v>
      </c>
      <c r="I17" s="274">
        <v>540632</v>
      </c>
      <c r="J17" s="274">
        <v>923849</v>
      </c>
      <c r="K17" s="274">
        <v>618982</v>
      </c>
      <c r="L17" s="277">
        <v>2273019</v>
      </c>
      <c r="M17" s="278">
        <v>2273019</v>
      </c>
      <c r="N17" s="273">
        <v>0</v>
      </c>
      <c r="O17" s="274">
        <v>0</v>
      </c>
      <c r="P17" s="275">
        <v>0</v>
      </c>
      <c r="Q17" s="279"/>
      <c r="R17" s="274">
        <v>2635</v>
      </c>
      <c r="S17" s="274">
        <v>5270</v>
      </c>
      <c r="T17" s="274">
        <v>329815</v>
      </c>
      <c r="U17" s="274">
        <v>774285</v>
      </c>
      <c r="V17" s="274">
        <v>564517</v>
      </c>
      <c r="W17" s="277">
        <v>1676522</v>
      </c>
      <c r="X17" s="278">
        <v>1676522</v>
      </c>
      <c r="Y17" s="273">
        <v>0</v>
      </c>
      <c r="Z17" s="274">
        <v>0</v>
      </c>
      <c r="AA17" s="275">
        <v>0</v>
      </c>
      <c r="AB17" s="279"/>
      <c r="AC17" s="274">
        <v>48650</v>
      </c>
      <c r="AD17" s="274">
        <v>92535</v>
      </c>
      <c r="AE17" s="274">
        <v>152300</v>
      </c>
      <c r="AF17" s="274">
        <v>123142</v>
      </c>
      <c r="AG17" s="274">
        <v>22120</v>
      </c>
      <c r="AH17" s="277">
        <v>438747</v>
      </c>
      <c r="AI17" s="278">
        <v>438747</v>
      </c>
      <c r="AJ17" s="273">
        <v>0</v>
      </c>
      <c r="AK17" s="274">
        <v>0</v>
      </c>
      <c r="AL17" s="275">
        <v>0</v>
      </c>
      <c r="AM17" s="279"/>
      <c r="AN17" s="274">
        <v>0</v>
      </c>
      <c r="AO17" s="274">
        <v>0</v>
      </c>
      <c r="AP17" s="274">
        <v>0</v>
      </c>
      <c r="AQ17" s="274">
        <v>0</v>
      </c>
      <c r="AR17" s="274">
        <v>0</v>
      </c>
      <c r="AS17" s="277">
        <v>0</v>
      </c>
      <c r="AT17" s="278">
        <v>0</v>
      </c>
      <c r="AU17" s="273">
        <v>0</v>
      </c>
      <c r="AV17" s="274">
        <v>0</v>
      </c>
      <c r="AW17" s="275">
        <v>0</v>
      </c>
      <c r="AX17" s="279"/>
      <c r="AY17" s="274">
        <v>0</v>
      </c>
      <c r="AZ17" s="274">
        <v>0</v>
      </c>
      <c r="BA17" s="274">
        <v>0</v>
      </c>
      <c r="BB17" s="274">
        <v>0</v>
      </c>
      <c r="BC17" s="274">
        <v>0</v>
      </c>
      <c r="BD17" s="277">
        <v>0</v>
      </c>
      <c r="BE17" s="278">
        <v>0</v>
      </c>
      <c r="BF17" s="273">
        <v>0</v>
      </c>
      <c r="BG17" s="274">
        <v>0</v>
      </c>
      <c r="BH17" s="275">
        <v>0</v>
      </c>
      <c r="BI17" s="279"/>
      <c r="BJ17" s="274">
        <v>0</v>
      </c>
      <c r="BK17" s="274">
        <v>0</v>
      </c>
      <c r="BL17" s="274">
        <v>0</v>
      </c>
      <c r="BM17" s="274">
        <v>0</v>
      </c>
      <c r="BN17" s="274">
        <v>0</v>
      </c>
      <c r="BO17" s="277">
        <v>0</v>
      </c>
      <c r="BP17" s="278">
        <v>0</v>
      </c>
      <c r="BQ17" s="273">
        <v>0</v>
      </c>
      <c r="BR17" s="274">
        <v>0</v>
      </c>
      <c r="BS17" s="275">
        <v>0</v>
      </c>
      <c r="BT17" s="276">
        <v>0</v>
      </c>
      <c r="BU17" s="274">
        <v>8025</v>
      </c>
      <c r="BV17" s="274">
        <v>29360</v>
      </c>
      <c r="BW17" s="274">
        <v>56387</v>
      </c>
      <c r="BX17" s="274">
        <v>20477</v>
      </c>
      <c r="BY17" s="274">
        <v>28720</v>
      </c>
      <c r="BZ17" s="277">
        <v>142969</v>
      </c>
      <c r="CA17" s="278">
        <v>142969</v>
      </c>
      <c r="CB17" s="273">
        <v>0</v>
      </c>
      <c r="CC17" s="274">
        <v>0</v>
      </c>
      <c r="CD17" s="275">
        <v>0</v>
      </c>
      <c r="CE17" s="276">
        <v>0</v>
      </c>
      <c r="CF17" s="274">
        <v>290</v>
      </c>
      <c r="CG17" s="274">
        <v>2791</v>
      </c>
      <c r="CH17" s="274">
        <v>2130</v>
      </c>
      <c r="CI17" s="274">
        <v>5945</v>
      </c>
      <c r="CJ17" s="274">
        <v>3625</v>
      </c>
      <c r="CK17" s="277">
        <v>14781</v>
      </c>
      <c r="CL17" s="278">
        <v>14781</v>
      </c>
      <c r="CM17" s="273">
        <v>0</v>
      </c>
      <c r="CN17" s="274">
        <v>0</v>
      </c>
      <c r="CO17" s="275">
        <v>0</v>
      </c>
      <c r="CP17" s="276">
        <v>0</v>
      </c>
      <c r="CQ17" s="274">
        <v>0</v>
      </c>
      <c r="CR17" s="274">
        <v>0</v>
      </c>
      <c r="CS17" s="274">
        <v>0</v>
      </c>
      <c r="CT17" s="274">
        <v>0</v>
      </c>
      <c r="CU17" s="274">
        <v>0</v>
      </c>
      <c r="CV17" s="277">
        <v>0</v>
      </c>
      <c r="CW17" s="278">
        <v>0</v>
      </c>
      <c r="CX17" s="273">
        <v>0</v>
      </c>
      <c r="CY17" s="274">
        <v>0</v>
      </c>
      <c r="CZ17" s="275">
        <v>0</v>
      </c>
      <c r="DA17" s="279"/>
      <c r="DB17" s="274">
        <v>0</v>
      </c>
      <c r="DC17" s="274">
        <v>0</v>
      </c>
      <c r="DD17" s="274">
        <v>0</v>
      </c>
      <c r="DE17" s="274">
        <v>0</v>
      </c>
      <c r="DF17" s="274">
        <v>0</v>
      </c>
      <c r="DG17" s="277">
        <v>0</v>
      </c>
      <c r="DH17" s="278">
        <v>0</v>
      </c>
      <c r="DI17" s="273">
        <v>0</v>
      </c>
      <c r="DJ17" s="274">
        <v>0</v>
      </c>
      <c r="DK17" s="275">
        <v>0</v>
      </c>
      <c r="DL17" s="276">
        <v>0</v>
      </c>
      <c r="DM17" s="274">
        <v>46476</v>
      </c>
      <c r="DN17" s="274">
        <v>76945</v>
      </c>
      <c r="DO17" s="274">
        <v>600909</v>
      </c>
      <c r="DP17" s="274">
        <v>974424</v>
      </c>
      <c r="DQ17" s="274">
        <v>780121</v>
      </c>
      <c r="DR17" s="277">
        <v>2478875</v>
      </c>
      <c r="DS17" s="280">
        <v>2478875</v>
      </c>
      <c r="DT17" s="273">
        <v>0</v>
      </c>
      <c r="DU17" s="274">
        <v>0</v>
      </c>
      <c r="DV17" s="275">
        <v>0</v>
      </c>
      <c r="DW17" s="279"/>
      <c r="DX17" s="274">
        <v>21576</v>
      </c>
      <c r="DY17" s="274">
        <v>36611</v>
      </c>
      <c r="DZ17" s="274">
        <v>425623</v>
      </c>
      <c r="EA17" s="274">
        <v>874140</v>
      </c>
      <c r="EB17" s="274">
        <v>728181</v>
      </c>
      <c r="EC17" s="277">
        <v>2086131</v>
      </c>
      <c r="ED17" s="278">
        <v>2086131</v>
      </c>
      <c r="EE17" s="273">
        <v>0</v>
      </c>
      <c r="EF17" s="274">
        <v>0</v>
      </c>
      <c r="EG17" s="275">
        <v>0</v>
      </c>
      <c r="EH17" s="279"/>
      <c r="EI17" s="274">
        <v>11504</v>
      </c>
      <c r="EJ17" s="274">
        <v>1309</v>
      </c>
      <c r="EK17" s="274">
        <v>33284</v>
      </c>
      <c r="EL17" s="274">
        <v>2093</v>
      </c>
      <c r="EM17" s="274">
        <v>22304</v>
      </c>
      <c r="EN17" s="277">
        <v>70494</v>
      </c>
      <c r="EO17" s="278">
        <v>70494</v>
      </c>
      <c r="EP17" s="273">
        <v>0</v>
      </c>
      <c r="EQ17" s="274">
        <v>0</v>
      </c>
      <c r="ER17" s="275">
        <v>0</v>
      </c>
      <c r="ES17" s="279"/>
      <c r="ET17" s="274">
        <v>0</v>
      </c>
      <c r="EU17" s="274">
        <v>0</v>
      </c>
      <c r="EV17" s="274">
        <v>0</v>
      </c>
      <c r="EW17" s="274">
        <v>0</v>
      </c>
      <c r="EX17" s="274">
        <v>0</v>
      </c>
      <c r="EY17" s="277">
        <v>0</v>
      </c>
      <c r="EZ17" s="278">
        <v>0</v>
      </c>
      <c r="FA17" s="273">
        <v>0</v>
      </c>
      <c r="FB17" s="274">
        <v>0</v>
      </c>
      <c r="FC17" s="275">
        <v>0</v>
      </c>
      <c r="FD17" s="279"/>
      <c r="FE17" s="274">
        <v>0</v>
      </c>
      <c r="FF17" s="274">
        <v>0</v>
      </c>
      <c r="FG17" s="274">
        <v>0</v>
      </c>
      <c r="FH17" s="274">
        <v>0</v>
      </c>
      <c r="FI17" s="274">
        <v>0</v>
      </c>
      <c r="FJ17" s="277">
        <v>0</v>
      </c>
      <c r="FK17" s="278">
        <v>0</v>
      </c>
      <c r="FL17" s="273">
        <v>0</v>
      </c>
      <c r="FM17" s="274">
        <v>0</v>
      </c>
      <c r="FN17" s="275">
        <v>0</v>
      </c>
      <c r="FO17" s="279"/>
      <c r="FP17" s="274">
        <v>0</v>
      </c>
      <c r="FQ17" s="274">
        <v>0</v>
      </c>
      <c r="FR17" s="274">
        <v>0</v>
      </c>
      <c r="FS17" s="274">
        <v>0</v>
      </c>
      <c r="FT17" s="274">
        <v>0</v>
      </c>
      <c r="FU17" s="277">
        <v>0</v>
      </c>
      <c r="FV17" s="278">
        <v>0</v>
      </c>
      <c r="FW17" s="273">
        <v>0</v>
      </c>
      <c r="FX17" s="274">
        <v>0</v>
      </c>
      <c r="FY17" s="275">
        <v>0</v>
      </c>
      <c r="FZ17" s="276">
        <v>0</v>
      </c>
      <c r="GA17" s="274">
        <v>11964</v>
      </c>
      <c r="GB17" s="274">
        <v>38976</v>
      </c>
      <c r="GC17" s="274">
        <v>141918</v>
      </c>
      <c r="GD17" s="274">
        <v>68959</v>
      </c>
      <c r="GE17" s="274">
        <v>20686</v>
      </c>
      <c r="GF17" s="277">
        <v>282503</v>
      </c>
      <c r="GG17" s="278">
        <v>282503</v>
      </c>
      <c r="GH17" s="273">
        <v>0</v>
      </c>
      <c r="GI17" s="274">
        <v>0</v>
      </c>
      <c r="GJ17" s="275">
        <v>0</v>
      </c>
      <c r="GK17" s="276">
        <v>0</v>
      </c>
      <c r="GL17" s="274">
        <v>1432</v>
      </c>
      <c r="GM17" s="274">
        <v>49</v>
      </c>
      <c r="GN17" s="274">
        <v>84</v>
      </c>
      <c r="GO17" s="274">
        <v>29232</v>
      </c>
      <c r="GP17" s="274">
        <v>8950</v>
      </c>
      <c r="GQ17" s="277">
        <v>39747</v>
      </c>
      <c r="GR17" s="278">
        <v>39747</v>
      </c>
      <c r="GS17" s="273">
        <v>0</v>
      </c>
      <c r="GT17" s="274">
        <v>0</v>
      </c>
      <c r="GU17" s="275">
        <v>0</v>
      </c>
      <c r="GV17" s="276">
        <v>0</v>
      </c>
      <c r="GW17" s="274">
        <v>0</v>
      </c>
      <c r="GX17" s="274">
        <v>0</v>
      </c>
      <c r="GY17" s="274">
        <v>0</v>
      </c>
      <c r="GZ17" s="274">
        <v>0</v>
      </c>
      <c r="HA17" s="274">
        <v>0</v>
      </c>
      <c r="HB17" s="277">
        <v>0</v>
      </c>
      <c r="HC17" s="278">
        <v>0</v>
      </c>
      <c r="HD17" s="273">
        <v>0</v>
      </c>
      <c r="HE17" s="274">
        <v>0</v>
      </c>
      <c r="HF17" s="275">
        <v>0</v>
      </c>
      <c r="HG17" s="279"/>
      <c r="HH17" s="274">
        <v>0</v>
      </c>
      <c r="HI17" s="274">
        <v>0</v>
      </c>
      <c r="HJ17" s="274">
        <v>0</v>
      </c>
      <c r="HK17" s="274">
        <v>0</v>
      </c>
      <c r="HL17" s="274">
        <v>0</v>
      </c>
      <c r="HM17" s="277">
        <v>0</v>
      </c>
      <c r="HN17" s="278">
        <v>0</v>
      </c>
      <c r="HO17" s="273">
        <v>0</v>
      </c>
      <c r="HP17" s="274">
        <v>0</v>
      </c>
      <c r="HQ17" s="275">
        <v>0</v>
      </c>
      <c r="HR17" s="276">
        <v>0</v>
      </c>
      <c r="HS17" s="274">
        <v>106076</v>
      </c>
      <c r="HT17" s="274">
        <v>206901</v>
      </c>
      <c r="HU17" s="274">
        <v>1141541</v>
      </c>
      <c r="HV17" s="274">
        <v>1898273</v>
      </c>
      <c r="HW17" s="274">
        <v>1399103</v>
      </c>
      <c r="HX17" s="277">
        <v>4751894</v>
      </c>
      <c r="HY17" s="278">
        <v>4751894</v>
      </c>
    </row>
    <row r="18" spans="2:233" ht="21" customHeight="1" x14ac:dyDescent="0.2">
      <c r="B18" s="472" t="s">
        <v>15</v>
      </c>
      <c r="C18" s="273">
        <v>0</v>
      </c>
      <c r="D18" s="274">
        <v>3102</v>
      </c>
      <c r="E18" s="275">
        <v>3102</v>
      </c>
      <c r="F18" s="276">
        <v>0</v>
      </c>
      <c r="G18" s="274">
        <v>215753</v>
      </c>
      <c r="H18" s="274">
        <v>362980</v>
      </c>
      <c r="I18" s="274">
        <v>1460731</v>
      </c>
      <c r="J18" s="274">
        <v>2063355</v>
      </c>
      <c r="K18" s="274">
        <v>1304526</v>
      </c>
      <c r="L18" s="277">
        <v>5407345</v>
      </c>
      <c r="M18" s="278">
        <v>5410447</v>
      </c>
      <c r="N18" s="273">
        <v>0</v>
      </c>
      <c r="O18" s="274">
        <v>0</v>
      </c>
      <c r="P18" s="275">
        <v>0</v>
      </c>
      <c r="Q18" s="279"/>
      <c r="R18" s="274">
        <v>2635</v>
      </c>
      <c r="S18" s="274">
        <v>0</v>
      </c>
      <c r="T18" s="274">
        <v>968150</v>
      </c>
      <c r="U18" s="274">
        <v>1234015</v>
      </c>
      <c r="V18" s="274">
        <v>947310</v>
      </c>
      <c r="W18" s="277">
        <v>3152110</v>
      </c>
      <c r="X18" s="278">
        <v>3152110</v>
      </c>
      <c r="Y18" s="273">
        <v>0</v>
      </c>
      <c r="Z18" s="274">
        <v>0</v>
      </c>
      <c r="AA18" s="275">
        <v>0</v>
      </c>
      <c r="AB18" s="279"/>
      <c r="AC18" s="274">
        <v>203763</v>
      </c>
      <c r="AD18" s="274">
        <v>303278</v>
      </c>
      <c r="AE18" s="274">
        <v>235000</v>
      </c>
      <c r="AF18" s="274">
        <v>539349</v>
      </c>
      <c r="AG18" s="274">
        <v>104561</v>
      </c>
      <c r="AH18" s="277">
        <v>1385951</v>
      </c>
      <c r="AI18" s="278">
        <v>1385951</v>
      </c>
      <c r="AJ18" s="273">
        <v>0</v>
      </c>
      <c r="AK18" s="274">
        <v>0</v>
      </c>
      <c r="AL18" s="275">
        <v>0</v>
      </c>
      <c r="AM18" s="279"/>
      <c r="AN18" s="274">
        <v>0</v>
      </c>
      <c r="AO18" s="274">
        <v>0</v>
      </c>
      <c r="AP18" s="274">
        <v>0</v>
      </c>
      <c r="AQ18" s="274">
        <v>0</v>
      </c>
      <c r="AR18" s="274">
        <v>0</v>
      </c>
      <c r="AS18" s="277">
        <v>0</v>
      </c>
      <c r="AT18" s="278">
        <v>0</v>
      </c>
      <c r="AU18" s="273">
        <v>0</v>
      </c>
      <c r="AV18" s="274">
        <v>0</v>
      </c>
      <c r="AW18" s="275">
        <v>0</v>
      </c>
      <c r="AX18" s="279"/>
      <c r="AY18" s="274">
        <v>0</v>
      </c>
      <c r="AZ18" s="274">
        <v>0</v>
      </c>
      <c r="BA18" s="274">
        <v>0</v>
      </c>
      <c r="BB18" s="274">
        <v>0</v>
      </c>
      <c r="BC18" s="274">
        <v>0</v>
      </c>
      <c r="BD18" s="277">
        <v>0</v>
      </c>
      <c r="BE18" s="278">
        <v>0</v>
      </c>
      <c r="BF18" s="273">
        <v>0</v>
      </c>
      <c r="BG18" s="274">
        <v>0</v>
      </c>
      <c r="BH18" s="275">
        <v>0</v>
      </c>
      <c r="BI18" s="279"/>
      <c r="BJ18" s="274">
        <v>0</v>
      </c>
      <c r="BK18" s="274">
        <v>0</v>
      </c>
      <c r="BL18" s="274">
        <v>72975</v>
      </c>
      <c r="BM18" s="274">
        <v>121170</v>
      </c>
      <c r="BN18" s="274">
        <v>65410</v>
      </c>
      <c r="BO18" s="277">
        <v>259555</v>
      </c>
      <c r="BP18" s="278">
        <v>259555</v>
      </c>
      <c r="BQ18" s="273">
        <v>0</v>
      </c>
      <c r="BR18" s="274">
        <v>3102</v>
      </c>
      <c r="BS18" s="275">
        <v>3102</v>
      </c>
      <c r="BT18" s="276">
        <v>0</v>
      </c>
      <c r="BU18" s="274">
        <v>145</v>
      </c>
      <c r="BV18" s="274">
        <v>44855</v>
      </c>
      <c r="BW18" s="274">
        <v>178516</v>
      </c>
      <c r="BX18" s="274">
        <v>155562</v>
      </c>
      <c r="BY18" s="274">
        <v>187245</v>
      </c>
      <c r="BZ18" s="277">
        <v>566323</v>
      </c>
      <c r="CA18" s="278">
        <v>569425</v>
      </c>
      <c r="CB18" s="273">
        <v>0</v>
      </c>
      <c r="CC18" s="274">
        <v>0</v>
      </c>
      <c r="CD18" s="275">
        <v>0</v>
      </c>
      <c r="CE18" s="276">
        <v>0</v>
      </c>
      <c r="CF18" s="274">
        <v>9210</v>
      </c>
      <c r="CG18" s="274">
        <v>14847</v>
      </c>
      <c r="CH18" s="274">
        <v>6090</v>
      </c>
      <c r="CI18" s="274">
        <v>13259</v>
      </c>
      <c r="CJ18" s="274">
        <v>0</v>
      </c>
      <c r="CK18" s="277">
        <v>43406</v>
      </c>
      <c r="CL18" s="278">
        <v>43406</v>
      </c>
      <c r="CM18" s="273">
        <v>0</v>
      </c>
      <c r="CN18" s="274">
        <v>0</v>
      </c>
      <c r="CO18" s="275">
        <v>0</v>
      </c>
      <c r="CP18" s="276">
        <v>0</v>
      </c>
      <c r="CQ18" s="274">
        <v>0</v>
      </c>
      <c r="CR18" s="274">
        <v>0</v>
      </c>
      <c r="CS18" s="274">
        <v>0</v>
      </c>
      <c r="CT18" s="274">
        <v>0</v>
      </c>
      <c r="CU18" s="274">
        <v>0</v>
      </c>
      <c r="CV18" s="277">
        <v>0</v>
      </c>
      <c r="CW18" s="278">
        <v>0</v>
      </c>
      <c r="CX18" s="273">
        <v>0</v>
      </c>
      <c r="CY18" s="274">
        <v>0</v>
      </c>
      <c r="CZ18" s="275">
        <v>0</v>
      </c>
      <c r="DA18" s="279"/>
      <c r="DB18" s="274">
        <v>0</v>
      </c>
      <c r="DC18" s="274">
        <v>0</v>
      </c>
      <c r="DD18" s="274">
        <v>0</v>
      </c>
      <c r="DE18" s="274">
        <v>0</v>
      </c>
      <c r="DF18" s="274">
        <v>0</v>
      </c>
      <c r="DG18" s="277">
        <v>0</v>
      </c>
      <c r="DH18" s="278">
        <v>0</v>
      </c>
      <c r="DI18" s="273">
        <v>0</v>
      </c>
      <c r="DJ18" s="274">
        <v>2565</v>
      </c>
      <c r="DK18" s="275">
        <v>2565</v>
      </c>
      <c r="DL18" s="276">
        <v>0</v>
      </c>
      <c r="DM18" s="274">
        <v>26357</v>
      </c>
      <c r="DN18" s="274">
        <v>137026</v>
      </c>
      <c r="DO18" s="274">
        <v>1493106</v>
      </c>
      <c r="DP18" s="274">
        <v>1929568</v>
      </c>
      <c r="DQ18" s="274">
        <v>1402315</v>
      </c>
      <c r="DR18" s="277">
        <v>4988372</v>
      </c>
      <c r="DS18" s="280">
        <v>4990937</v>
      </c>
      <c r="DT18" s="273">
        <v>0</v>
      </c>
      <c r="DU18" s="274">
        <v>0</v>
      </c>
      <c r="DV18" s="275">
        <v>0</v>
      </c>
      <c r="DW18" s="279"/>
      <c r="DX18" s="274">
        <v>10881</v>
      </c>
      <c r="DY18" s="274">
        <v>0</v>
      </c>
      <c r="DZ18" s="274">
        <v>1016994</v>
      </c>
      <c r="EA18" s="274">
        <v>1512569</v>
      </c>
      <c r="EB18" s="274">
        <v>1090737</v>
      </c>
      <c r="EC18" s="277">
        <v>3631181</v>
      </c>
      <c r="ED18" s="278">
        <v>3631181</v>
      </c>
      <c r="EE18" s="273">
        <v>0</v>
      </c>
      <c r="EF18" s="274">
        <v>0</v>
      </c>
      <c r="EG18" s="275">
        <v>0</v>
      </c>
      <c r="EH18" s="279"/>
      <c r="EI18" s="274">
        <v>13311</v>
      </c>
      <c r="EJ18" s="274">
        <v>60367</v>
      </c>
      <c r="EK18" s="274">
        <v>14950</v>
      </c>
      <c r="EL18" s="274">
        <v>52266</v>
      </c>
      <c r="EM18" s="274">
        <v>12366</v>
      </c>
      <c r="EN18" s="277">
        <v>153260</v>
      </c>
      <c r="EO18" s="278">
        <v>153260</v>
      </c>
      <c r="EP18" s="273">
        <v>0</v>
      </c>
      <c r="EQ18" s="274">
        <v>0</v>
      </c>
      <c r="ER18" s="275">
        <v>0</v>
      </c>
      <c r="ES18" s="279"/>
      <c r="ET18" s="274">
        <v>0</v>
      </c>
      <c r="EU18" s="274">
        <v>0</v>
      </c>
      <c r="EV18" s="274">
        <v>0</v>
      </c>
      <c r="EW18" s="274">
        <v>0</v>
      </c>
      <c r="EX18" s="274">
        <v>0</v>
      </c>
      <c r="EY18" s="277">
        <v>0</v>
      </c>
      <c r="EZ18" s="278">
        <v>0</v>
      </c>
      <c r="FA18" s="273">
        <v>0</v>
      </c>
      <c r="FB18" s="274">
        <v>0</v>
      </c>
      <c r="FC18" s="275">
        <v>0</v>
      </c>
      <c r="FD18" s="279"/>
      <c r="FE18" s="274">
        <v>0</v>
      </c>
      <c r="FF18" s="274">
        <v>0</v>
      </c>
      <c r="FG18" s="274">
        <v>0</v>
      </c>
      <c r="FH18" s="274">
        <v>0</v>
      </c>
      <c r="FI18" s="274">
        <v>0</v>
      </c>
      <c r="FJ18" s="277">
        <v>0</v>
      </c>
      <c r="FK18" s="278">
        <v>0</v>
      </c>
      <c r="FL18" s="273">
        <v>0</v>
      </c>
      <c r="FM18" s="274">
        <v>0</v>
      </c>
      <c r="FN18" s="275">
        <v>0</v>
      </c>
      <c r="FO18" s="279"/>
      <c r="FP18" s="274">
        <v>0</v>
      </c>
      <c r="FQ18" s="274">
        <v>0</v>
      </c>
      <c r="FR18" s="274">
        <v>138260</v>
      </c>
      <c r="FS18" s="274">
        <v>185928</v>
      </c>
      <c r="FT18" s="274">
        <v>73532</v>
      </c>
      <c r="FU18" s="277">
        <v>397720</v>
      </c>
      <c r="FV18" s="278">
        <v>397720</v>
      </c>
      <c r="FW18" s="273">
        <v>0</v>
      </c>
      <c r="FX18" s="274">
        <v>2565</v>
      </c>
      <c r="FY18" s="275">
        <v>2565</v>
      </c>
      <c r="FZ18" s="276">
        <v>0</v>
      </c>
      <c r="GA18" s="274">
        <v>2088</v>
      </c>
      <c r="GB18" s="274">
        <v>76442</v>
      </c>
      <c r="GC18" s="274">
        <v>312401</v>
      </c>
      <c r="GD18" s="274">
        <v>174769</v>
      </c>
      <c r="GE18" s="274">
        <v>225680</v>
      </c>
      <c r="GF18" s="277">
        <v>791380</v>
      </c>
      <c r="GG18" s="278">
        <v>793945</v>
      </c>
      <c r="GH18" s="273">
        <v>0</v>
      </c>
      <c r="GI18" s="274">
        <v>0</v>
      </c>
      <c r="GJ18" s="275">
        <v>0</v>
      </c>
      <c r="GK18" s="276">
        <v>0</v>
      </c>
      <c r="GL18" s="274">
        <v>77</v>
      </c>
      <c r="GM18" s="274">
        <v>217</v>
      </c>
      <c r="GN18" s="274">
        <v>10501</v>
      </c>
      <c r="GO18" s="274">
        <v>4036</v>
      </c>
      <c r="GP18" s="274">
        <v>0</v>
      </c>
      <c r="GQ18" s="277">
        <v>14831</v>
      </c>
      <c r="GR18" s="278">
        <v>14831</v>
      </c>
      <c r="GS18" s="273">
        <v>0</v>
      </c>
      <c r="GT18" s="274">
        <v>0</v>
      </c>
      <c r="GU18" s="275">
        <v>0</v>
      </c>
      <c r="GV18" s="276">
        <v>0</v>
      </c>
      <c r="GW18" s="274">
        <v>0</v>
      </c>
      <c r="GX18" s="274">
        <v>0</v>
      </c>
      <c r="GY18" s="274">
        <v>0</v>
      </c>
      <c r="GZ18" s="274">
        <v>0</v>
      </c>
      <c r="HA18" s="274">
        <v>0</v>
      </c>
      <c r="HB18" s="277">
        <v>0</v>
      </c>
      <c r="HC18" s="278">
        <v>0</v>
      </c>
      <c r="HD18" s="273">
        <v>0</v>
      </c>
      <c r="HE18" s="274">
        <v>0</v>
      </c>
      <c r="HF18" s="275">
        <v>0</v>
      </c>
      <c r="HG18" s="279"/>
      <c r="HH18" s="274">
        <v>0</v>
      </c>
      <c r="HI18" s="274">
        <v>0</v>
      </c>
      <c r="HJ18" s="274">
        <v>0</v>
      </c>
      <c r="HK18" s="274">
        <v>0</v>
      </c>
      <c r="HL18" s="274">
        <v>0</v>
      </c>
      <c r="HM18" s="277">
        <v>0</v>
      </c>
      <c r="HN18" s="278">
        <v>0</v>
      </c>
      <c r="HO18" s="273">
        <v>0</v>
      </c>
      <c r="HP18" s="274">
        <v>5667</v>
      </c>
      <c r="HQ18" s="275">
        <v>5667</v>
      </c>
      <c r="HR18" s="276">
        <v>0</v>
      </c>
      <c r="HS18" s="274">
        <v>242110</v>
      </c>
      <c r="HT18" s="274">
        <v>500006</v>
      </c>
      <c r="HU18" s="274">
        <v>2953837</v>
      </c>
      <c r="HV18" s="274">
        <v>3992923</v>
      </c>
      <c r="HW18" s="274">
        <v>2706841</v>
      </c>
      <c r="HX18" s="277">
        <v>10395717</v>
      </c>
      <c r="HY18" s="278">
        <v>10401384</v>
      </c>
    </row>
    <row r="19" spans="2:233" ht="21" customHeight="1" x14ac:dyDescent="0.2">
      <c r="B19" s="472" t="s">
        <v>16</v>
      </c>
      <c r="C19" s="273">
        <v>0</v>
      </c>
      <c r="D19" s="274">
        <v>0</v>
      </c>
      <c r="E19" s="275">
        <v>0</v>
      </c>
      <c r="F19" s="276">
        <v>0</v>
      </c>
      <c r="G19" s="274">
        <v>311792</v>
      </c>
      <c r="H19" s="274">
        <v>819110</v>
      </c>
      <c r="I19" s="274">
        <v>2882649</v>
      </c>
      <c r="J19" s="274">
        <v>3226930</v>
      </c>
      <c r="K19" s="274">
        <v>2294759</v>
      </c>
      <c r="L19" s="277">
        <v>9535240</v>
      </c>
      <c r="M19" s="278">
        <v>9535240</v>
      </c>
      <c r="N19" s="273">
        <v>0</v>
      </c>
      <c r="O19" s="274">
        <v>0</v>
      </c>
      <c r="P19" s="275">
        <v>0</v>
      </c>
      <c r="Q19" s="279"/>
      <c r="R19" s="274">
        <v>97960</v>
      </c>
      <c r="S19" s="274">
        <v>29180</v>
      </c>
      <c r="T19" s="274">
        <v>1723805</v>
      </c>
      <c r="U19" s="274">
        <v>2433123</v>
      </c>
      <c r="V19" s="274">
        <v>1588017</v>
      </c>
      <c r="W19" s="277">
        <v>5872085</v>
      </c>
      <c r="X19" s="278">
        <v>5872085</v>
      </c>
      <c r="Y19" s="273">
        <v>0</v>
      </c>
      <c r="Z19" s="274">
        <v>0</v>
      </c>
      <c r="AA19" s="275">
        <v>0</v>
      </c>
      <c r="AB19" s="279"/>
      <c r="AC19" s="274">
        <v>166815</v>
      </c>
      <c r="AD19" s="274">
        <v>679877</v>
      </c>
      <c r="AE19" s="274">
        <v>1023392</v>
      </c>
      <c r="AF19" s="274">
        <v>520405</v>
      </c>
      <c r="AG19" s="274">
        <v>305765</v>
      </c>
      <c r="AH19" s="277">
        <v>2696254</v>
      </c>
      <c r="AI19" s="278">
        <v>2696254</v>
      </c>
      <c r="AJ19" s="273">
        <v>0</v>
      </c>
      <c r="AK19" s="274">
        <v>0</v>
      </c>
      <c r="AL19" s="275">
        <v>0</v>
      </c>
      <c r="AM19" s="279"/>
      <c r="AN19" s="274">
        <v>0</v>
      </c>
      <c r="AO19" s="274">
        <v>0</v>
      </c>
      <c r="AP19" s="274">
        <v>0</v>
      </c>
      <c r="AQ19" s="274">
        <v>0</v>
      </c>
      <c r="AR19" s="274">
        <v>0</v>
      </c>
      <c r="AS19" s="277">
        <v>0</v>
      </c>
      <c r="AT19" s="278">
        <v>0</v>
      </c>
      <c r="AU19" s="273">
        <v>0</v>
      </c>
      <c r="AV19" s="274">
        <v>0</v>
      </c>
      <c r="AW19" s="275">
        <v>0</v>
      </c>
      <c r="AX19" s="279"/>
      <c r="AY19" s="274">
        <v>0</v>
      </c>
      <c r="AZ19" s="274">
        <v>0</v>
      </c>
      <c r="BA19" s="274">
        <v>22155</v>
      </c>
      <c r="BB19" s="274">
        <v>80000</v>
      </c>
      <c r="BC19" s="274">
        <v>152125</v>
      </c>
      <c r="BD19" s="277">
        <v>254280</v>
      </c>
      <c r="BE19" s="278">
        <v>254280</v>
      </c>
      <c r="BF19" s="273">
        <v>0</v>
      </c>
      <c r="BG19" s="274">
        <v>0</v>
      </c>
      <c r="BH19" s="275">
        <v>0</v>
      </c>
      <c r="BI19" s="279"/>
      <c r="BJ19" s="274">
        <v>2635</v>
      </c>
      <c r="BK19" s="274">
        <v>27280</v>
      </c>
      <c r="BL19" s="274">
        <v>32550</v>
      </c>
      <c r="BM19" s="274">
        <v>62620</v>
      </c>
      <c r="BN19" s="274">
        <v>151910</v>
      </c>
      <c r="BO19" s="277">
        <v>276995</v>
      </c>
      <c r="BP19" s="278">
        <v>276995</v>
      </c>
      <c r="BQ19" s="273">
        <v>0</v>
      </c>
      <c r="BR19" s="274">
        <v>0</v>
      </c>
      <c r="BS19" s="275">
        <v>0</v>
      </c>
      <c r="BT19" s="276">
        <v>0</v>
      </c>
      <c r="BU19" s="274">
        <v>43474</v>
      </c>
      <c r="BV19" s="274">
        <v>82773</v>
      </c>
      <c r="BW19" s="274">
        <v>79152</v>
      </c>
      <c r="BX19" s="274">
        <v>125427</v>
      </c>
      <c r="BY19" s="274">
        <v>96942</v>
      </c>
      <c r="BZ19" s="277">
        <v>427768</v>
      </c>
      <c r="CA19" s="278">
        <v>427768</v>
      </c>
      <c r="CB19" s="273">
        <v>0</v>
      </c>
      <c r="CC19" s="274">
        <v>0</v>
      </c>
      <c r="CD19" s="275">
        <v>0</v>
      </c>
      <c r="CE19" s="276">
        <v>0</v>
      </c>
      <c r="CF19" s="274">
        <v>908</v>
      </c>
      <c r="CG19" s="274">
        <v>0</v>
      </c>
      <c r="CH19" s="274">
        <v>1595</v>
      </c>
      <c r="CI19" s="274">
        <v>5355</v>
      </c>
      <c r="CJ19" s="274">
        <v>0</v>
      </c>
      <c r="CK19" s="277">
        <v>7858</v>
      </c>
      <c r="CL19" s="278">
        <v>7858</v>
      </c>
      <c r="CM19" s="273">
        <v>0</v>
      </c>
      <c r="CN19" s="274">
        <v>0</v>
      </c>
      <c r="CO19" s="275">
        <v>0</v>
      </c>
      <c r="CP19" s="276">
        <v>0</v>
      </c>
      <c r="CQ19" s="274">
        <v>0</v>
      </c>
      <c r="CR19" s="274">
        <v>0</v>
      </c>
      <c r="CS19" s="274">
        <v>0</v>
      </c>
      <c r="CT19" s="274">
        <v>0</v>
      </c>
      <c r="CU19" s="274">
        <v>0</v>
      </c>
      <c r="CV19" s="277">
        <v>0</v>
      </c>
      <c r="CW19" s="278">
        <v>0</v>
      </c>
      <c r="CX19" s="273">
        <v>0</v>
      </c>
      <c r="CY19" s="274">
        <v>0</v>
      </c>
      <c r="CZ19" s="275">
        <v>0</v>
      </c>
      <c r="DA19" s="279"/>
      <c r="DB19" s="274">
        <v>0</v>
      </c>
      <c r="DC19" s="274">
        <v>0</v>
      </c>
      <c r="DD19" s="274">
        <v>0</v>
      </c>
      <c r="DE19" s="274">
        <v>0</v>
      </c>
      <c r="DF19" s="274">
        <v>0</v>
      </c>
      <c r="DG19" s="277">
        <v>0</v>
      </c>
      <c r="DH19" s="278">
        <v>0</v>
      </c>
      <c r="DI19" s="273">
        <v>0</v>
      </c>
      <c r="DJ19" s="274">
        <v>0</v>
      </c>
      <c r="DK19" s="275">
        <v>0</v>
      </c>
      <c r="DL19" s="276">
        <v>0</v>
      </c>
      <c r="DM19" s="274">
        <v>361533</v>
      </c>
      <c r="DN19" s="274">
        <v>594126</v>
      </c>
      <c r="DO19" s="274">
        <v>2843925</v>
      </c>
      <c r="DP19" s="274">
        <v>3742067</v>
      </c>
      <c r="DQ19" s="274">
        <v>2377166</v>
      </c>
      <c r="DR19" s="277">
        <v>9918817</v>
      </c>
      <c r="DS19" s="280">
        <v>9918817</v>
      </c>
      <c r="DT19" s="273">
        <v>0</v>
      </c>
      <c r="DU19" s="274">
        <v>0</v>
      </c>
      <c r="DV19" s="275">
        <v>0</v>
      </c>
      <c r="DW19" s="279"/>
      <c r="DX19" s="274">
        <v>91512</v>
      </c>
      <c r="DY19" s="274">
        <v>203112</v>
      </c>
      <c r="DZ19" s="274">
        <v>2363583</v>
      </c>
      <c r="EA19" s="274">
        <v>3300845</v>
      </c>
      <c r="EB19" s="274">
        <v>1991537</v>
      </c>
      <c r="EC19" s="277">
        <v>7950589</v>
      </c>
      <c r="ED19" s="278">
        <v>7950589</v>
      </c>
      <c r="EE19" s="273">
        <v>0</v>
      </c>
      <c r="EF19" s="274">
        <v>0</v>
      </c>
      <c r="EG19" s="275">
        <v>0</v>
      </c>
      <c r="EH19" s="279"/>
      <c r="EI19" s="274">
        <v>180184</v>
      </c>
      <c r="EJ19" s="274">
        <v>234383</v>
      </c>
      <c r="EK19" s="274">
        <v>253265</v>
      </c>
      <c r="EL19" s="274">
        <v>121841</v>
      </c>
      <c r="EM19" s="274">
        <v>103894</v>
      </c>
      <c r="EN19" s="277">
        <v>893567</v>
      </c>
      <c r="EO19" s="278">
        <v>893567</v>
      </c>
      <c r="EP19" s="273">
        <v>0</v>
      </c>
      <c r="EQ19" s="274">
        <v>0</v>
      </c>
      <c r="ER19" s="275">
        <v>0</v>
      </c>
      <c r="ES19" s="279"/>
      <c r="ET19" s="274">
        <v>0</v>
      </c>
      <c r="EU19" s="274">
        <v>0</v>
      </c>
      <c r="EV19" s="274">
        <v>0</v>
      </c>
      <c r="EW19" s="274">
        <v>0</v>
      </c>
      <c r="EX19" s="274">
        <v>0</v>
      </c>
      <c r="EY19" s="277">
        <v>0</v>
      </c>
      <c r="EZ19" s="278">
        <v>0</v>
      </c>
      <c r="FA19" s="273">
        <v>0</v>
      </c>
      <c r="FB19" s="274">
        <v>0</v>
      </c>
      <c r="FC19" s="275">
        <v>0</v>
      </c>
      <c r="FD19" s="279"/>
      <c r="FE19" s="274">
        <v>0</v>
      </c>
      <c r="FF19" s="274">
        <v>0</v>
      </c>
      <c r="FG19" s="274">
        <v>154</v>
      </c>
      <c r="FH19" s="274">
        <v>24179</v>
      </c>
      <c r="FI19" s="274">
        <v>25110</v>
      </c>
      <c r="FJ19" s="277">
        <v>49443</v>
      </c>
      <c r="FK19" s="278">
        <v>49443</v>
      </c>
      <c r="FL19" s="273">
        <v>0</v>
      </c>
      <c r="FM19" s="274">
        <v>0</v>
      </c>
      <c r="FN19" s="275">
        <v>0</v>
      </c>
      <c r="FO19" s="279"/>
      <c r="FP19" s="274">
        <v>21576</v>
      </c>
      <c r="FQ19" s="274">
        <v>43152</v>
      </c>
      <c r="FR19" s="274">
        <v>86304</v>
      </c>
      <c r="FS19" s="274">
        <v>101494</v>
      </c>
      <c r="FT19" s="274">
        <v>194514</v>
      </c>
      <c r="FU19" s="277">
        <v>447040</v>
      </c>
      <c r="FV19" s="278">
        <v>447040</v>
      </c>
      <c r="FW19" s="273">
        <v>0</v>
      </c>
      <c r="FX19" s="274">
        <v>0</v>
      </c>
      <c r="FY19" s="275">
        <v>0</v>
      </c>
      <c r="FZ19" s="276">
        <v>0</v>
      </c>
      <c r="GA19" s="274">
        <v>68205</v>
      </c>
      <c r="GB19" s="274">
        <v>113479</v>
      </c>
      <c r="GC19" s="274">
        <v>140528</v>
      </c>
      <c r="GD19" s="274">
        <v>184660</v>
      </c>
      <c r="GE19" s="274">
        <v>62111</v>
      </c>
      <c r="GF19" s="277">
        <v>568983</v>
      </c>
      <c r="GG19" s="278">
        <v>568983</v>
      </c>
      <c r="GH19" s="273">
        <v>0</v>
      </c>
      <c r="GI19" s="274">
        <v>0</v>
      </c>
      <c r="GJ19" s="275">
        <v>0</v>
      </c>
      <c r="GK19" s="276">
        <v>0</v>
      </c>
      <c r="GL19" s="274">
        <v>56</v>
      </c>
      <c r="GM19" s="274">
        <v>0</v>
      </c>
      <c r="GN19" s="274">
        <v>91</v>
      </c>
      <c r="GO19" s="274">
        <v>9048</v>
      </c>
      <c r="GP19" s="274">
        <v>0</v>
      </c>
      <c r="GQ19" s="277">
        <v>9195</v>
      </c>
      <c r="GR19" s="278">
        <v>9195</v>
      </c>
      <c r="GS19" s="273">
        <v>0</v>
      </c>
      <c r="GT19" s="274">
        <v>0</v>
      </c>
      <c r="GU19" s="275">
        <v>0</v>
      </c>
      <c r="GV19" s="276">
        <v>0</v>
      </c>
      <c r="GW19" s="274">
        <v>0</v>
      </c>
      <c r="GX19" s="274">
        <v>0</v>
      </c>
      <c r="GY19" s="274">
        <v>0</v>
      </c>
      <c r="GZ19" s="274">
        <v>0</v>
      </c>
      <c r="HA19" s="274">
        <v>0</v>
      </c>
      <c r="HB19" s="277">
        <v>0</v>
      </c>
      <c r="HC19" s="278">
        <v>0</v>
      </c>
      <c r="HD19" s="273">
        <v>0</v>
      </c>
      <c r="HE19" s="274">
        <v>0</v>
      </c>
      <c r="HF19" s="275">
        <v>0</v>
      </c>
      <c r="HG19" s="279"/>
      <c r="HH19" s="274">
        <v>0</v>
      </c>
      <c r="HI19" s="274">
        <v>0</v>
      </c>
      <c r="HJ19" s="274">
        <v>0</v>
      </c>
      <c r="HK19" s="274">
        <v>0</v>
      </c>
      <c r="HL19" s="274">
        <v>0</v>
      </c>
      <c r="HM19" s="277">
        <v>0</v>
      </c>
      <c r="HN19" s="278">
        <v>0</v>
      </c>
      <c r="HO19" s="273">
        <v>0</v>
      </c>
      <c r="HP19" s="274">
        <v>0</v>
      </c>
      <c r="HQ19" s="275">
        <v>0</v>
      </c>
      <c r="HR19" s="276">
        <v>0</v>
      </c>
      <c r="HS19" s="274">
        <v>673325</v>
      </c>
      <c r="HT19" s="274">
        <v>1413236</v>
      </c>
      <c r="HU19" s="274">
        <v>5726574</v>
      </c>
      <c r="HV19" s="274">
        <v>6968997</v>
      </c>
      <c r="HW19" s="274">
        <v>4671925</v>
      </c>
      <c r="HX19" s="277">
        <v>19454057</v>
      </c>
      <c r="HY19" s="278">
        <v>19454057</v>
      </c>
    </row>
    <row r="20" spans="2:233" ht="21" customHeight="1" x14ac:dyDescent="0.2">
      <c r="B20" s="472" t="s">
        <v>17</v>
      </c>
      <c r="C20" s="273">
        <v>3290</v>
      </c>
      <c r="D20" s="274">
        <v>0</v>
      </c>
      <c r="E20" s="275">
        <v>3290</v>
      </c>
      <c r="F20" s="276">
        <v>0</v>
      </c>
      <c r="G20" s="274">
        <v>230115</v>
      </c>
      <c r="H20" s="274">
        <v>1154190</v>
      </c>
      <c r="I20" s="274">
        <v>2664443</v>
      </c>
      <c r="J20" s="274">
        <v>3400350</v>
      </c>
      <c r="K20" s="274">
        <v>2726869</v>
      </c>
      <c r="L20" s="277">
        <v>10175967</v>
      </c>
      <c r="M20" s="278">
        <v>10179257</v>
      </c>
      <c r="N20" s="273">
        <v>0</v>
      </c>
      <c r="O20" s="274">
        <v>0</v>
      </c>
      <c r="P20" s="275">
        <v>0</v>
      </c>
      <c r="Q20" s="279"/>
      <c r="R20" s="274">
        <v>56060</v>
      </c>
      <c r="S20" s="274">
        <v>163370</v>
      </c>
      <c r="T20" s="274">
        <v>1482870</v>
      </c>
      <c r="U20" s="274">
        <v>2198415</v>
      </c>
      <c r="V20" s="274">
        <v>2064464</v>
      </c>
      <c r="W20" s="277">
        <v>5965179</v>
      </c>
      <c r="X20" s="278">
        <v>5965179</v>
      </c>
      <c r="Y20" s="273">
        <v>0</v>
      </c>
      <c r="Z20" s="274">
        <v>0</v>
      </c>
      <c r="AA20" s="275">
        <v>0</v>
      </c>
      <c r="AB20" s="279"/>
      <c r="AC20" s="274">
        <v>149980</v>
      </c>
      <c r="AD20" s="274">
        <v>896525</v>
      </c>
      <c r="AE20" s="274">
        <v>798253</v>
      </c>
      <c r="AF20" s="274">
        <v>604735</v>
      </c>
      <c r="AG20" s="274">
        <v>275555</v>
      </c>
      <c r="AH20" s="277">
        <v>2725048</v>
      </c>
      <c r="AI20" s="278">
        <v>2725048</v>
      </c>
      <c r="AJ20" s="273">
        <v>0</v>
      </c>
      <c r="AK20" s="274">
        <v>0</v>
      </c>
      <c r="AL20" s="275">
        <v>0</v>
      </c>
      <c r="AM20" s="279"/>
      <c r="AN20" s="274">
        <v>0</v>
      </c>
      <c r="AO20" s="274">
        <v>0</v>
      </c>
      <c r="AP20" s="274">
        <v>0</v>
      </c>
      <c r="AQ20" s="274">
        <v>0</v>
      </c>
      <c r="AR20" s="274">
        <v>24790</v>
      </c>
      <c r="AS20" s="277">
        <v>24790</v>
      </c>
      <c r="AT20" s="278">
        <v>24790</v>
      </c>
      <c r="AU20" s="273">
        <v>0</v>
      </c>
      <c r="AV20" s="274">
        <v>0</v>
      </c>
      <c r="AW20" s="275">
        <v>0</v>
      </c>
      <c r="AX20" s="279"/>
      <c r="AY20" s="274">
        <v>0</v>
      </c>
      <c r="AZ20" s="274">
        <v>0</v>
      </c>
      <c r="BA20" s="274">
        <v>0</v>
      </c>
      <c r="BB20" s="274">
        <v>2635</v>
      </c>
      <c r="BC20" s="274">
        <v>90055</v>
      </c>
      <c r="BD20" s="277">
        <v>92690</v>
      </c>
      <c r="BE20" s="278">
        <v>92690</v>
      </c>
      <c r="BF20" s="273">
        <v>0</v>
      </c>
      <c r="BG20" s="274">
        <v>0</v>
      </c>
      <c r="BH20" s="275">
        <v>0</v>
      </c>
      <c r="BI20" s="279"/>
      <c r="BJ20" s="274">
        <v>0</v>
      </c>
      <c r="BK20" s="274">
        <v>2635</v>
      </c>
      <c r="BL20" s="274">
        <v>218400</v>
      </c>
      <c r="BM20" s="274">
        <v>253070</v>
      </c>
      <c r="BN20" s="274">
        <v>163965</v>
      </c>
      <c r="BO20" s="277">
        <v>638070</v>
      </c>
      <c r="BP20" s="278">
        <v>638070</v>
      </c>
      <c r="BQ20" s="273">
        <v>3290</v>
      </c>
      <c r="BR20" s="274">
        <v>0</v>
      </c>
      <c r="BS20" s="275">
        <v>3290</v>
      </c>
      <c r="BT20" s="276">
        <v>0</v>
      </c>
      <c r="BU20" s="274">
        <v>24075</v>
      </c>
      <c r="BV20" s="274">
        <v>83470</v>
      </c>
      <c r="BW20" s="274">
        <v>160425</v>
      </c>
      <c r="BX20" s="274">
        <v>299040</v>
      </c>
      <c r="BY20" s="274">
        <v>85650</v>
      </c>
      <c r="BZ20" s="277">
        <v>652660</v>
      </c>
      <c r="CA20" s="278">
        <v>655950</v>
      </c>
      <c r="CB20" s="273">
        <v>0</v>
      </c>
      <c r="CC20" s="274">
        <v>0</v>
      </c>
      <c r="CD20" s="275">
        <v>0</v>
      </c>
      <c r="CE20" s="276">
        <v>0</v>
      </c>
      <c r="CF20" s="274">
        <v>0</v>
      </c>
      <c r="CG20" s="274">
        <v>8190</v>
      </c>
      <c r="CH20" s="274">
        <v>4495</v>
      </c>
      <c r="CI20" s="274">
        <v>42455</v>
      </c>
      <c r="CJ20" s="274">
        <v>22390</v>
      </c>
      <c r="CK20" s="277">
        <v>77530</v>
      </c>
      <c r="CL20" s="278">
        <v>77530</v>
      </c>
      <c r="CM20" s="273">
        <v>0</v>
      </c>
      <c r="CN20" s="274">
        <v>0</v>
      </c>
      <c r="CO20" s="275">
        <v>0</v>
      </c>
      <c r="CP20" s="276">
        <v>0</v>
      </c>
      <c r="CQ20" s="274">
        <v>0</v>
      </c>
      <c r="CR20" s="274">
        <v>0</v>
      </c>
      <c r="CS20" s="274">
        <v>0</v>
      </c>
      <c r="CT20" s="274">
        <v>0</v>
      </c>
      <c r="CU20" s="274">
        <v>0</v>
      </c>
      <c r="CV20" s="277">
        <v>0</v>
      </c>
      <c r="CW20" s="278">
        <v>0</v>
      </c>
      <c r="CX20" s="273">
        <v>0</v>
      </c>
      <c r="CY20" s="274">
        <v>0</v>
      </c>
      <c r="CZ20" s="275">
        <v>0</v>
      </c>
      <c r="DA20" s="279"/>
      <c r="DB20" s="274">
        <v>0</v>
      </c>
      <c r="DC20" s="274">
        <v>0</v>
      </c>
      <c r="DD20" s="274">
        <v>0</v>
      </c>
      <c r="DE20" s="274">
        <v>0</v>
      </c>
      <c r="DF20" s="274">
        <v>0</v>
      </c>
      <c r="DG20" s="277">
        <v>0</v>
      </c>
      <c r="DH20" s="278">
        <v>0</v>
      </c>
      <c r="DI20" s="273">
        <v>3558</v>
      </c>
      <c r="DJ20" s="274">
        <v>0</v>
      </c>
      <c r="DK20" s="275">
        <v>3558</v>
      </c>
      <c r="DL20" s="276">
        <v>0</v>
      </c>
      <c r="DM20" s="274">
        <v>69187</v>
      </c>
      <c r="DN20" s="274">
        <v>375204</v>
      </c>
      <c r="DO20" s="274">
        <v>2774824</v>
      </c>
      <c r="DP20" s="274">
        <v>3856960</v>
      </c>
      <c r="DQ20" s="274">
        <v>2797900</v>
      </c>
      <c r="DR20" s="277">
        <v>9874075</v>
      </c>
      <c r="DS20" s="280">
        <v>9877633</v>
      </c>
      <c r="DT20" s="273">
        <v>0</v>
      </c>
      <c r="DU20" s="274">
        <v>0</v>
      </c>
      <c r="DV20" s="275">
        <v>0</v>
      </c>
      <c r="DW20" s="279"/>
      <c r="DX20" s="274">
        <v>30070</v>
      </c>
      <c r="DY20" s="274">
        <v>198090</v>
      </c>
      <c r="DZ20" s="274">
        <v>2102318</v>
      </c>
      <c r="EA20" s="274">
        <v>3082031</v>
      </c>
      <c r="EB20" s="274">
        <v>2346275</v>
      </c>
      <c r="EC20" s="277">
        <v>7758784</v>
      </c>
      <c r="ED20" s="278">
        <v>7758784</v>
      </c>
      <c r="EE20" s="273">
        <v>0</v>
      </c>
      <c r="EF20" s="274">
        <v>0</v>
      </c>
      <c r="EG20" s="275">
        <v>0</v>
      </c>
      <c r="EH20" s="279"/>
      <c r="EI20" s="274">
        <v>2800</v>
      </c>
      <c r="EJ20" s="274">
        <v>54481</v>
      </c>
      <c r="EK20" s="274">
        <v>97380</v>
      </c>
      <c r="EL20" s="274">
        <v>30705</v>
      </c>
      <c r="EM20" s="274">
        <v>4851</v>
      </c>
      <c r="EN20" s="277">
        <v>190217</v>
      </c>
      <c r="EO20" s="278">
        <v>190217</v>
      </c>
      <c r="EP20" s="273">
        <v>0</v>
      </c>
      <c r="EQ20" s="274">
        <v>0</v>
      </c>
      <c r="ER20" s="275">
        <v>0</v>
      </c>
      <c r="ES20" s="279"/>
      <c r="ET20" s="274">
        <v>0</v>
      </c>
      <c r="EU20" s="274">
        <v>0</v>
      </c>
      <c r="EV20" s="274">
        <v>0</v>
      </c>
      <c r="EW20" s="274">
        <v>0</v>
      </c>
      <c r="EX20" s="274">
        <v>217</v>
      </c>
      <c r="EY20" s="277">
        <v>217</v>
      </c>
      <c r="EZ20" s="278">
        <v>217</v>
      </c>
      <c r="FA20" s="273">
        <v>0</v>
      </c>
      <c r="FB20" s="274">
        <v>0</v>
      </c>
      <c r="FC20" s="275">
        <v>0</v>
      </c>
      <c r="FD20" s="279"/>
      <c r="FE20" s="274">
        <v>0</v>
      </c>
      <c r="FF20" s="274">
        <v>0</v>
      </c>
      <c r="FG20" s="274">
        <v>0</v>
      </c>
      <c r="FH20" s="274">
        <v>217</v>
      </c>
      <c r="FI20" s="274">
        <v>12361</v>
      </c>
      <c r="FJ20" s="277">
        <v>12578</v>
      </c>
      <c r="FK20" s="278">
        <v>12578</v>
      </c>
      <c r="FL20" s="273">
        <v>0</v>
      </c>
      <c r="FM20" s="274">
        <v>0</v>
      </c>
      <c r="FN20" s="275">
        <v>0</v>
      </c>
      <c r="FO20" s="279"/>
      <c r="FP20" s="274">
        <v>0</v>
      </c>
      <c r="FQ20" s="274">
        <v>10881</v>
      </c>
      <c r="FR20" s="274">
        <v>338719</v>
      </c>
      <c r="FS20" s="274">
        <v>383034</v>
      </c>
      <c r="FT20" s="274">
        <v>325297</v>
      </c>
      <c r="FU20" s="277">
        <v>1057931</v>
      </c>
      <c r="FV20" s="278">
        <v>1057931</v>
      </c>
      <c r="FW20" s="273">
        <v>3558</v>
      </c>
      <c r="FX20" s="274">
        <v>0</v>
      </c>
      <c r="FY20" s="275">
        <v>3558</v>
      </c>
      <c r="FZ20" s="276">
        <v>0</v>
      </c>
      <c r="GA20" s="274">
        <v>36317</v>
      </c>
      <c r="GB20" s="274">
        <v>109741</v>
      </c>
      <c r="GC20" s="274">
        <v>236169</v>
      </c>
      <c r="GD20" s="274">
        <v>360532</v>
      </c>
      <c r="GE20" s="274">
        <v>87281</v>
      </c>
      <c r="GF20" s="277">
        <v>830040</v>
      </c>
      <c r="GG20" s="278">
        <v>833598</v>
      </c>
      <c r="GH20" s="273">
        <v>0</v>
      </c>
      <c r="GI20" s="274">
        <v>0</v>
      </c>
      <c r="GJ20" s="275">
        <v>0</v>
      </c>
      <c r="GK20" s="276">
        <v>0</v>
      </c>
      <c r="GL20" s="274">
        <v>0</v>
      </c>
      <c r="GM20" s="274">
        <v>2011</v>
      </c>
      <c r="GN20" s="274">
        <v>238</v>
      </c>
      <c r="GO20" s="274">
        <v>441</v>
      </c>
      <c r="GP20" s="274">
        <v>21618</v>
      </c>
      <c r="GQ20" s="277">
        <v>24308</v>
      </c>
      <c r="GR20" s="278">
        <v>24308</v>
      </c>
      <c r="GS20" s="273">
        <v>0</v>
      </c>
      <c r="GT20" s="274">
        <v>0</v>
      </c>
      <c r="GU20" s="275">
        <v>0</v>
      </c>
      <c r="GV20" s="276">
        <v>0</v>
      </c>
      <c r="GW20" s="274">
        <v>0</v>
      </c>
      <c r="GX20" s="274">
        <v>0</v>
      </c>
      <c r="GY20" s="274">
        <v>0</v>
      </c>
      <c r="GZ20" s="274">
        <v>0</v>
      </c>
      <c r="HA20" s="274">
        <v>0</v>
      </c>
      <c r="HB20" s="277">
        <v>0</v>
      </c>
      <c r="HC20" s="278">
        <v>0</v>
      </c>
      <c r="HD20" s="273">
        <v>0</v>
      </c>
      <c r="HE20" s="274">
        <v>0</v>
      </c>
      <c r="HF20" s="275">
        <v>0</v>
      </c>
      <c r="HG20" s="279"/>
      <c r="HH20" s="274">
        <v>0</v>
      </c>
      <c r="HI20" s="274">
        <v>0</v>
      </c>
      <c r="HJ20" s="274">
        <v>0</v>
      </c>
      <c r="HK20" s="274">
        <v>0</v>
      </c>
      <c r="HL20" s="274">
        <v>0</v>
      </c>
      <c r="HM20" s="277">
        <v>0</v>
      </c>
      <c r="HN20" s="278">
        <v>0</v>
      </c>
      <c r="HO20" s="273">
        <v>6848</v>
      </c>
      <c r="HP20" s="274">
        <v>0</v>
      </c>
      <c r="HQ20" s="275">
        <v>6848</v>
      </c>
      <c r="HR20" s="276">
        <v>0</v>
      </c>
      <c r="HS20" s="274">
        <v>299302</v>
      </c>
      <c r="HT20" s="274">
        <v>1529394</v>
      </c>
      <c r="HU20" s="274">
        <v>5439267</v>
      </c>
      <c r="HV20" s="274">
        <v>7257310</v>
      </c>
      <c r="HW20" s="274">
        <v>5524769</v>
      </c>
      <c r="HX20" s="277">
        <v>20050042</v>
      </c>
      <c r="HY20" s="278">
        <v>20056890</v>
      </c>
    </row>
    <row r="21" spans="2:233" ht="21" customHeight="1" x14ac:dyDescent="0.2">
      <c r="B21" s="472" t="s">
        <v>18</v>
      </c>
      <c r="C21" s="273">
        <v>0</v>
      </c>
      <c r="D21" s="274">
        <v>1690</v>
      </c>
      <c r="E21" s="275">
        <v>1690</v>
      </c>
      <c r="F21" s="276">
        <v>0</v>
      </c>
      <c r="G21" s="274">
        <v>269305</v>
      </c>
      <c r="H21" s="274">
        <v>676454</v>
      </c>
      <c r="I21" s="274">
        <v>1528201</v>
      </c>
      <c r="J21" s="274">
        <v>2936955</v>
      </c>
      <c r="K21" s="274">
        <v>2441575</v>
      </c>
      <c r="L21" s="277">
        <v>7852490</v>
      </c>
      <c r="M21" s="278">
        <v>7854180</v>
      </c>
      <c r="N21" s="273">
        <v>0</v>
      </c>
      <c r="O21" s="274">
        <v>0</v>
      </c>
      <c r="P21" s="275">
        <v>0</v>
      </c>
      <c r="Q21" s="279"/>
      <c r="R21" s="274">
        <v>57970</v>
      </c>
      <c r="S21" s="274">
        <v>80820</v>
      </c>
      <c r="T21" s="274">
        <v>972596</v>
      </c>
      <c r="U21" s="274">
        <v>2174617</v>
      </c>
      <c r="V21" s="274">
        <v>1842037</v>
      </c>
      <c r="W21" s="277">
        <v>5128040</v>
      </c>
      <c r="X21" s="278">
        <v>5128040</v>
      </c>
      <c r="Y21" s="273">
        <v>0</v>
      </c>
      <c r="Z21" s="274">
        <v>0</v>
      </c>
      <c r="AA21" s="275">
        <v>0</v>
      </c>
      <c r="AB21" s="279"/>
      <c r="AC21" s="274">
        <v>179805</v>
      </c>
      <c r="AD21" s="274">
        <v>506305</v>
      </c>
      <c r="AE21" s="274">
        <v>387590</v>
      </c>
      <c r="AF21" s="274">
        <v>430005</v>
      </c>
      <c r="AG21" s="274">
        <v>372543</v>
      </c>
      <c r="AH21" s="277">
        <v>1876248</v>
      </c>
      <c r="AI21" s="278">
        <v>1876248</v>
      </c>
      <c r="AJ21" s="273">
        <v>0</v>
      </c>
      <c r="AK21" s="274">
        <v>0</v>
      </c>
      <c r="AL21" s="275">
        <v>0</v>
      </c>
      <c r="AM21" s="279"/>
      <c r="AN21" s="274">
        <v>0</v>
      </c>
      <c r="AO21" s="274">
        <v>0</v>
      </c>
      <c r="AP21" s="274">
        <v>0</v>
      </c>
      <c r="AQ21" s="274">
        <v>2635</v>
      </c>
      <c r="AR21" s="274">
        <v>2380</v>
      </c>
      <c r="AS21" s="277">
        <v>5015</v>
      </c>
      <c r="AT21" s="278">
        <v>5015</v>
      </c>
      <c r="AU21" s="273">
        <v>0</v>
      </c>
      <c r="AV21" s="274">
        <v>0</v>
      </c>
      <c r="AW21" s="275">
        <v>0</v>
      </c>
      <c r="AX21" s="279"/>
      <c r="AY21" s="274">
        <v>0</v>
      </c>
      <c r="AZ21" s="274">
        <v>0</v>
      </c>
      <c r="BA21" s="274">
        <v>0</v>
      </c>
      <c r="BB21" s="274">
        <v>24645</v>
      </c>
      <c r="BC21" s="274">
        <v>50500</v>
      </c>
      <c r="BD21" s="277">
        <v>75145</v>
      </c>
      <c r="BE21" s="278">
        <v>75145</v>
      </c>
      <c r="BF21" s="273">
        <v>0</v>
      </c>
      <c r="BG21" s="274">
        <v>0</v>
      </c>
      <c r="BH21" s="275">
        <v>0</v>
      </c>
      <c r="BI21" s="279"/>
      <c r="BJ21" s="274">
        <v>0</v>
      </c>
      <c r="BK21" s="274">
        <v>2550</v>
      </c>
      <c r="BL21" s="274">
        <v>35340</v>
      </c>
      <c r="BM21" s="274">
        <v>81220</v>
      </c>
      <c r="BN21" s="274">
        <v>35340</v>
      </c>
      <c r="BO21" s="277">
        <v>154450</v>
      </c>
      <c r="BP21" s="278">
        <v>154450</v>
      </c>
      <c r="BQ21" s="273">
        <v>0</v>
      </c>
      <c r="BR21" s="274">
        <v>1690</v>
      </c>
      <c r="BS21" s="275">
        <v>1690</v>
      </c>
      <c r="BT21" s="276">
        <v>0</v>
      </c>
      <c r="BU21" s="274">
        <v>29840</v>
      </c>
      <c r="BV21" s="274">
        <v>85414</v>
      </c>
      <c r="BW21" s="274">
        <v>132110</v>
      </c>
      <c r="BX21" s="274">
        <v>213278</v>
      </c>
      <c r="BY21" s="274">
        <v>138775</v>
      </c>
      <c r="BZ21" s="277">
        <v>599417</v>
      </c>
      <c r="CA21" s="278">
        <v>601107</v>
      </c>
      <c r="CB21" s="273">
        <v>0</v>
      </c>
      <c r="CC21" s="274">
        <v>0</v>
      </c>
      <c r="CD21" s="275">
        <v>0</v>
      </c>
      <c r="CE21" s="276">
        <v>0</v>
      </c>
      <c r="CF21" s="274">
        <v>1690</v>
      </c>
      <c r="CG21" s="274">
        <v>1365</v>
      </c>
      <c r="CH21" s="274">
        <v>565</v>
      </c>
      <c r="CI21" s="274">
        <v>10555</v>
      </c>
      <c r="CJ21" s="274">
        <v>0</v>
      </c>
      <c r="CK21" s="277">
        <v>14175</v>
      </c>
      <c r="CL21" s="278">
        <v>14175</v>
      </c>
      <c r="CM21" s="273">
        <v>0</v>
      </c>
      <c r="CN21" s="274">
        <v>0</v>
      </c>
      <c r="CO21" s="275">
        <v>0</v>
      </c>
      <c r="CP21" s="276">
        <v>0</v>
      </c>
      <c r="CQ21" s="274">
        <v>0</v>
      </c>
      <c r="CR21" s="274">
        <v>0</v>
      </c>
      <c r="CS21" s="274">
        <v>0</v>
      </c>
      <c r="CT21" s="274">
        <v>0</v>
      </c>
      <c r="CU21" s="274">
        <v>0</v>
      </c>
      <c r="CV21" s="277">
        <v>0</v>
      </c>
      <c r="CW21" s="278">
        <v>0</v>
      </c>
      <c r="CX21" s="273">
        <v>0</v>
      </c>
      <c r="CY21" s="274">
        <v>0</v>
      </c>
      <c r="CZ21" s="275">
        <v>0</v>
      </c>
      <c r="DA21" s="279"/>
      <c r="DB21" s="274">
        <v>0</v>
      </c>
      <c r="DC21" s="274">
        <v>0</v>
      </c>
      <c r="DD21" s="274">
        <v>0</v>
      </c>
      <c r="DE21" s="274">
        <v>0</v>
      </c>
      <c r="DF21" s="274">
        <v>0</v>
      </c>
      <c r="DG21" s="277">
        <v>0</v>
      </c>
      <c r="DH21" s="278">
        <v>0</v>
      </c>
      <c r="DI21" s="273">
        <v>0</v>
      </c>
      <c r="DJ21" s="274">
        <v>5646</v>
      </c>
      <c r="DK21" s="275">
        <v>5646</v>
      </c>
      <c r="DL21" s="276">
        <v>0</v>
      </c>
      <c r="DM21" s="274">
        <v>150847</v>
      </c>
      <c r="DN21" s="274">
        <v>390011</v>
      </c>
      <c r="DO21" s="274">
        <v>2093557</v>
      </c>
      <c r="DP21" s="274">
        <v>3758667</v>
      </c>
      <c r="DQ21" s="274">
        <v>2583353</v>
      </c>
      <c r="DR21" s="277">
        <v>8976435</v>
      </c>
      <c r="DS21" s="280">
        <v>8982081</v>
      </c>
      <c r="DT21" s="273">
        <v>0</v>
      </c>
      <c r="DU21" s="274">
        <v>0</v>
      </c>
      <c r="DV21" s="275">
        <v>0</v>
      </c>
      <c r="DW21" s="279"/>
      <c r="DX21" s="274">
        <v>78802</v>
      </c>
      <c r="DY21" s="274">
        <v>127846</v>
      </c>
      <c r="DZ21" s="274">
        <v>1648133</v>
      </c>
      <c r="EA21" s="274">
        <v>3210356</v>
      </c>
      <c r="EB21" s="274">
        <v>2281240</v>
      </c>
      <c r="EC21" s="277">
        <v>7346377</v>
      </c>
      <c r="ED21" s="278">
        <v>7346377</v>
      </c>
      <c r="EE21" s="273">
        <v>0</v>
      </c>
      <c r="EF21" s="274">
        <v>0</v>
      </c>
      <c r="EG21" s="275">
        <v>0</v>
      </c>
      <c r="EH21" s="279"/>
      <c r="EI21" s="274">
        <v>34445</v>
      </c>
      <c r="EJ21" s="274">
        <v>51563</v>
      </c>
      <c r="EK21" s="274">
        <v>103778</v>
      </c>
      <c r="EL21" s="274">
        <v>63047</v>
      </c>
      <c r="EM21" s="274">
        <v>56282</v>
      </c>
      <c r="EN21" s="277">
        <v>309115</v>
      </c>
      <c r="EO21" s="278">
        <v>309115</v>
      </c>
      <c r="EP21" s="273">
        <v>0</v>
      </c>
      <c r="EQ21" s="274">
        <v>0</v>
      </c>
      <c r="ER21" s="275">
        <v>0</v>
      </c>
      <c r="ES21" s="279"/>
      <c r="ET21" s="274">
        <v>0</v>
      </c>
      <c r="EU21" s="274">
        <v>0</v>
      </c>
      <c r="EV21" s="274">
        <v>0</v>
      </c>
      <c r="EW21" s="274">
        <v>217</v>
      </c>
      <c r="EX21" s="274">
        <v>217</v>
      </c>
      <c r="EY21" s="277">
        <v>434</v>
      </c>
      <c r="EZ21" s="278">
        <v>434</v>
      </c>
      <c r="FA21" s="273">
        <v>0</v>
      </c>
      <c r="FB21" s="274">
        <v>0</v>
      </c>
      <c r="FC21" s="275">
        <v>0</v>
      </c>
      <c r="FD21" s="279"/>
      <c r="FE21" s="274">
        <v>0</v>
      </c>
      <c r="FF21" s="274">
        <v>0</v>
      </c>
      <c r="FG21" s="274">
        <v>7</v>
      </c>
      <c r="FH21" s="274">
        <v>217</v>
      </c>
      <c r="FI21" s="274">
        <v>1386</v>
      </c>
      <c r="FJ21" s="277">
        <v>1610</v>
      </c>
      <c r="FK21" s="278">
        <v>1610</v>
      </c>
      <c r="FL21" s="273">
        <v>0</v>
      </c>
      <c r="FM21" s="274">
        <v>0</v>
      </c>
      <c r="FN21" s="275">
        <v>0</v>
      </c>
      <c r="FO21" s="279"/>
      <c r="FP21" s="274">
        <v>0</v>
      </c>
      <c r="FQ21" s="274">
        <v>21576</v>
      </c>
      <c r="FR21" s="274">
        <v>58342</v>
      </c>
      <c r="FS21" s="274">
        <v>202988</v>
      </c>
      <c r="FT21" s="274">
        <v>58342</v>
      </c>
      <c r="FU21" s="277">
        <v>341248</v>
      </c>
      <c r="FV21" s="278">
        <v>341248</v>
      </c>
      <c r="FW21" s="273">
        <v>0</v>
      </c>
      <c r="FX21" s="274">
        <v>5646</v>
      </c>
      <c r="FY21" s="275">
        <v>5646</v>
      </c>
      <c r="FZ21" s="276">
        <v>0</v>
      </c>
      <c r="GA21" s="274">
        <v>35244</v>
      </c>
      <c r="GB21" s="274">
        <v>188991</v>
      </c>
      <c r="GC21" s="274">
        <v>281865</v>
      </c>
      <c r="GD21" s="274">
        <v>278072</v>
      </c>
      <c r="GE21" s="274">
        <v>185886</v>
      </c>
      <c r="GF21" s="277">
        <v>970058</v>
      </c>
      <c r="GG21" s="278">
        <v>975704</v>
      </c>
      <c r="GH21" s="273">
        <v>0</v>
      </c>
      <c r="GI21" s="274">
        <v>0</v>
      </c>
      <c r="GJ21" s="275">
        <v>0</v>
      </c>
      <c r="GK21" s="276">
        <v>0</v>
      </c>
      <c r="GL21" s="274">
        <v>2356</v>
      </c>
      <c r="GM21" s="274">
        <v>35</v>
      </c>
      <c r="GN21" s="274">
        <v>1432</v>
      </c>
      <c r="GO21" s="274">
        <v>3770</v>
      </c>
      <c r="GP21" s="274">
        <v>0</v>
      </c>
      <c r="GQ21" s="277">
        <v>7593</v>
      </c>
      <c r="GR21" s="278">
        <v>7593</v>
      </c>
      <c r="GS21" s="273">
        <v>0</v>
      </c>
      <c r="GT21" s="274">
        <v>0</v>
      </c>
      <c r="GU21" s="275">
        <v>0</v>
      </c>
      <c r="GV21" s="276">
        <v>0</v>
      </c>
      <c r="GW21" s="274">
        <v>0</v>
      </c>
      <c r="GX21" s="274">
        <v>0</v>
      </c>
      <c r="GY21" s="274">
        <v>0</v>
      </c>
      <c r="GZ21" s="274">
        <v>0</v>
      </c>
      <c r="HA21" s="274">
        <v>0</v>
      </c>
      <c r="HB21" s="277">
        <v>0</v>
      </c>
      <c r="HC21" s="278">
        <v>0</v>
      </c>
      <c r="HD21" s="273">
        <v>0</v>
      </c>
      <c r="HE21" s="274">
        <v>0</v>
      </c>
      <c r="HF21" s="275">
        <v>0</v>
      </c>
      <c r="HG21" s="279"/>
      <c r="HH21" s="274">
        <v>0</v>
      </c>
      <c r="HI21" s="274">
        <v>0</v>
      </c>
      <c r="HJ21" s="274">
        <v>0</v>
      </c>
      <c r="HK21" s="274">
        <v>0</v>
      </c>
      <c r="HL21" s="274">
        <v>0</v>
      </c>
      <c r="HM21" s="277">
        <v>0</v>
      </c>
      <c r="HN21" s="278">
        <v>0</v>
      </c>
      <c r="HO21" s="273">
        <v>0</v>
      </c>
      <c r="HP21" s="274">
        <v>7336</v>
      </c>
      <c r="HQ21" s="275">
        <v>7336</v>
      </c>
      <c r="HR21" s="276">
        <v>0</v>
      </c>
      <c r="HS21" s="274">
        <v>420152</v>
      </c>
      <c r="HT21" s="274">
        <v>1066465</v>
      </c>
      <c r="HU21" s="274">
        <v>3621758</v>
      </c>
      <c r="HV21" s="274">
        <v>6695622</v>
      </c>
      <c r="HW21" s="274">
        <v>5024928</v>
      </c>
      <c r="HX21" s="277">
        <v>16828925</v>
      </c>
      <c r="HY21" s="278">
        <v>16836261</v>
      </c>
    </row>
    <row r="22" spans="2:233" ht="21" customHeight="1" x14ac:dyDescent="0.2">
      <c r="B22" s="472" t="s">
        <v>19</v>
      </c>
      <c r="C22" s="273">
        <v>0</v>
      </c>
      <c r="D22" s="274">
        <v>0</v>
      </c>
      <c r="E22" s="275">
        <v>0</v>
      </c>
      <c r="F22" s="276">
        <v>0</v>
      </c>
      <c r="G22" s="274">
        <v>111655</v>
      </c>
      <c r="H22" s="274">
        <v>383320</v>
      </c>
      <c r="I22" s="274">
        <v>1364940</v>
      </c>
      <c r="J22" s="274">
        <v>1208545</v>
      </c>
      <c r="K22" s="274">
        <v>1082355</v>
      </c>
      <c r="L22" s="277">
        <v>4150815</v>
      </c>
      <c r="M22" s="278">
        <v>4150815</v>
      </c>
      <c r="N22" s="273">
        <v>0</v>
      </c>
      <c r="O22" s="274">
        <v>0</v>
      </c>
      <c r="P22" s="275">
        <v>0</v>
      </c>
      <c r="Q22" s="279"/>
      <c r="R22" s="274">
        <v>0</v>
      </c>
      <c r="S22" s="274">
        <v>40765</v>
      </c>
      <c r="T22" s="274">
        <v>973705</v>
      </c>
      <c r="U22" s="274">
        <v>853305</v>
      </c>
      <c r="V22" s="274">
        <v>900320</v>
      </c>
      <c r="W22" s="277">
        <v>2768095</v>
      </c>
      <c r="X22" s="278">
        <v>2768095</v>
      </c>
      <c r="Y22" s="273">
        <v>0</v>
      </c>
      <c r="Z22" s="274">
        <v>0</v>
      </c>
      <c r="AA22" s="275">
        <v>0</v>
      </c>
      <c r="AB22" s="279"/>
      <c r="AC22" s="274">
        <v>98980</v>
      </c>
      <c r="AD22" s="274">
        <v>277715</v>
      </c>
      <c r="AE22" s="274">
        <v>335130</v>
      </c>
      <c r="AF22" s="274">
        <v>262520</v>
      </c>
      <c r="AG22" s="274">
        <v>129490</v>
      </c>
      <c r="AH22" s="277">
        <v>1103835</v>
      </c>
      <c r="AI22" s="278">
        <v>1103835</v>
      </c>
      <c r="AJ22" s="273">
        <v>0</v>
      </c>
      <c r="AK22" s="274">
        <v>0</v>
      </c>
      <c r="AL22" s="275">
        <v>0</v>
      </c>
      <c r="AM22" s="279"/>
      <c r="AN22" s="274">
        <v>0</v>
      </c>
      <c r="AO22" s="274">
        <v>0</v>
      </c>
      <c r="AP22" s="274">
        <v>0</v>
      </c>
      <c r="AQ22" s="274">
        <v>0</v>
      </c>
      <c r="AR22" s="274">
        <v>0</v>
      </c>
      <c r="AS22" s="277">
        <v>0</v>
      </c>
      <c r="AT22" s="278">
        <v>0</v>
      </c>
      <c r="AU22" s="273">
        <v>0</v>
      </c>
      <c r="AV22" s="274">
        <v>0</v>
      </c>
      <c r="AW22" s="275">
        <v>0</v>
      </c>
      <c r="AX22" s="279"/>
      <c r="AY22" s="274">
        <v>0</v>
      </c>
      <c r="AZ22" s="274">
        <v>0</v>
      </c>
      <c r="BA22" s="274">
        <v>0</v>
      </c>
      <c r="BB22" s="274">
        <v>0</v>
      </c>
      <c r="BC22" s="274">
        <v>24645</v>
      </c>
      <c r="BD22" s="277">
        <v>24645</v>
      </c>
      <c r="BE22" s="278">
        <v>24645</v>
      </c>
      <c r="BF22" s="273">
        <v>0</v>
      </c>
      <c r="BG22" s="274">
        <v>0</v>
      </c>
      <c r="BH22" s="275">
        <v>0</v>
      </c>
      <c r="BI22" s="279"/>
      <c r="BJ22" s="274">
        <v>0</v>
      </c>
      <c r="BK22" s="274">
        <v>0</v>
      </c>
      <c r="BL22" s="274">
        <v>0</v>
      </c>
      <c r="BM22" s="274">
        <v>0</v>
      </c>
      <c r="BN22" s="274">
        <v>0</v>
      </c>
      <c r="BO22" s="277">
        <v>0</v>
      </c>
      <c r="BP22" s="278">
        <v>0</v>
      </c>
      <c r="BQ22" s="273">
        <v>0</v>
      </c>
      <c r="BR22" s="274">
        <v>0</v>
      </c>
      <c r="BS22" s="275">
        <v>0</v>
      </c>
      <c r="BT22" s="276">
        <v>0</v>
      </c>
      <c r="BU22" s="274">
        <v>11605</v>
      </c>
      <c r="BV22" s="274">
        <v>62955</v>
      </c>
      <c r="BW22" s="274">
        <v>56105</v>
      </c>
      <c r="BX22" s="274">
        <v>89820</v>
      </c>
      <c r="BY22" s="274">
        <v>27900</v>
      </c>
      <c r="BZ22" s="277">
        <v>248385</v>
      </c>
      <c r="CA22" s="278">
        <v>248385</v>
      </c>
      <c r="CB22" s="273">
        <v>0</v>
      </c>
      <c r="CC22" s="274">
        <v>0</v>
      </c>
      <c r="CD22" s="275">
        <v>0</v>
      </c>
      <c r="CE22" s="276">
        <v>0</v>
      </c>
      <c r="CF22" s="274">
        <v>1070</v>
      </c>
      <c r="CG22" s="274">
        <v>1885</v>
      </c>
      <c r="CH22" s="274">
        <v>0</v>
      </c>
      <c r="CI22" s="274">
        <v>2900</v>
      </c>
      <c r="CJ22" s="274">
        <v>0</v>
      </c>
      <c r="CK22" s="277">
        <v>5855</v>
      </c>
      <c r="CL22" s="278">
        <v>5855</v>
      </c>
      <c r="CM22" s="273">
        <v>0</v>
      </c>
      <c r="CN22" s="274">
        <v>0</v>
      </c>
      <c r="CO22" s="275">
        <v>0</v>
      </c>
      <c r="CP22" s="276">
        <v>0</v>
      </c>
      <c r="CQ22" s="274">
        <v>0</v>
      </c>
      <c r="CR22" s="274">
        <v>0</v>
      </c>
      <c r="CS22" s="274">
        <v>0</v>
      </c>
      <c r="CT22" s="274">
        <v>0</v>
      </c>
      <c r="CU22" s="274">
        <v>0</v>
      </c>
      <c r="CV22" s="277">
        <v>0</v>
      </c>
      <c r="CW22" s="278">
        <v>0</v>
      </c>
      <c r="CX22" s="273">
        <v>0</v>
      </c>
      <c r="CY22" s="274">
        <v>0</v>
      </c>
      <c r="CZ22" s="275">
        <v>0</v>
      </c>
      <c r="DA22" s="279"/>
      <c r="DB22" s="274">
        <v>0</v>
      </c>
      <c r="DC22" s="274">
        <v>0</v>
      </c>
      <c r="DD22" s="274">
        <v>0</v>
      </c>
      <c r="DE22" s="274">
        <v>0</v>
      </c>
      <c r="DF22" s="274">
        <v>0</v>
      </c>
      <c r="DG22" s="277">
        <v>0</v>
      </c>
      <c r="DH22" s="278">
        <v>0</v>
      </c>
      <c r="DI22" s="273">
        <v>0</v>
      </c>
      <c r="DJ22" s="274">
        <v>0</v>
      </c>
      <c r="DK22" s="275">
        <v>0</v>
      </c>
      <c r="DL22" s="276">
        <v>0</v>
      </c>
      <c r="DM22" s="274">
        <v>24905</v>
      </c>
      <c r="DN22" s="274">
        <v>186299</v>
      </c>
      <c r="DO22" s="274">
        <v>1431799</v>
      </c>
      <c r="DP22" s="274">
        <v>1396305</v>
      </c>
      <c r="DQ22" s="274">
        <v>1165833</v>
      </c>
      <c r="DR22" s="277">
        <v>4205141</v>
      </c>
      <c r="DS22" s="280">
        <v>4205141</v>
      </c>
      <c r="DT22" s="273">
        <v>0</v>
      </c>
      <c r="DU22" s="274">
        <v>0</v>
      </c>
      <c r="DV22" s="275">
        <v>0</v>
      </c>
      <c r="DW22" s="279"/>
      <c r="DX22" s="274">
        <v>0</v>
      </c>
      <c r="DY22" s="274">
        <v>62651</v>
      </c>
      <c r="DZ22" s="274">
        <v>1345766</v>
      </c>
      <c r="EA22" s="274">
        <v>1257073</v>
      </c>
      <c r="EB22" s="274">
        <v>1114332</v>
      </c>
      <c r="EC22" s="277">
        <v>3779822</v>
      </c>
      <c r="ED22" s="278">
        <v>3779822</v>
      </c>
      <c r="EE22" s="273">
        <v>0</v>
      </c>
      <c r="EF22" s="274">
        <v>0</v>
      </c>
      <c r="EG22" s="275">
        <v>0</v>
      </c>
      <c r="EH22" s="279"/>
      <c r="EI22" s="274">
        <v>12968</v>
      </c>
      <c r="EJ22" s="274">
        <v>36760</v>
      </c>
      <c r="EK22" s="274">
        <v>26363</v>
      </c>
      <c r="EL22" s="274">
        <v>25601</v>
      </c>
      <c r="EM22" s="274">
        <v>12134</v>
      </c>
      <c r="EN22" s="277">
        <v>113826</v>
      </c>
      <c r="EO22" s="278">
        <v>113826</v>
      </c>
      <c r="EP22" s="273">
        <v>0</v>
      </c>
      <c r="EQ22" s="274">
        <v>0</v>
      </c>
      <c r="ER22" s="275">
        <v>0</v>
      </c>
      <c r="ES22" s="279"/>
      <c r="ET22" s="274">
        <v>0</v>
      </c>
      <c r="EU22" s="274">
        <v>0</v>
      </c>
      <c r="EV22" s="274">
        <v>0</v>
      </c>
      <c r="EW22" s="274">
        <v>0</v>
      </c>
      <c r="EX22" s="274">
        <v>0</v>
      </c>
      <c r="EY22" s="277">
        <v>0</v>
      </c>
      <c r="EZ22" s="278">
        <v>0</v>
      </c>
      <c r="FA22" s="273">
        <v>0</v>
      </c>
      <c r="FB22" s="274">
        <v>0</v>
      </c>
      <c r="FC22" s="275">
        <v>0</v>
      </c>
      <c r="FD22" s="279"/>
      <c r="FE22" s="274">
        <v>0</v>
      </c>
      <c r="FF22" s="274">
        <v>0</v>
      </c>
      <c r="FG22" s="274">
        <v>0</v>
      </c>
      <c r="FH22" s="274">
        <v>0</v>
      </c>
      <c r="FI22" s="274">
        <v>217</v>
      </c>
      <c r="FJ22" s="277">
        <v>217</v>
      </c>
      <c r="FK22" s="278">
        <v>217</v>
      </c>
      <c r="FL22" s="273">
        <v>0</v>
      </c>
      <c r="FM22" s="274">
        <v>0</v>
      </c>
      <c r="FN22" s="275">
        <v>0</v>
      </c>
      <c r="FO22" s="279"/>
      <c r="FP22" s="274">
        <v>0</v>
      </c>
      <c r="FQ22" s="274">
        <v>0</v>
      </c>
      <c r="FR22" s="274">
        <v>0</v>
      </c>
      <c r="FS22" s="274">
        <v>0</v>
      </c>
      <c r="FT22" s="274">
        <v>0</v>
      </c>
      <c r="FU22" s="277">
        <v>0</v>
      </c>
      <c r="FV22" s="278">
        <v>0</v>
      </c>
      <c r="FW22" s="273">
        <v>0</v>
      </c>
      <c r="FX22" s="274">
        <v>0</v>
      </c>
      <c r="FY22" s="275">
        <v>0</v>
      </c>
      <c r="FZ22" s="276">
        <v>0</v>
      </c>
      <c r="GA22" s="274">
        <v>11937</v>
      </c>
      <c r="GB22" s="274">
        <v>81876</v>
      </c>
      <c r="GC22" s="274">
        <v>59670</v>
      </c>
      <c r="GD22" s="274">
        <v>101459</v>
      </c>
      <c r="GE22" s="274">
        <v>36510</v>
      </c>
      <c r="GF22" s="277">
        <v>291452</v>
      </c>
      <c r="GG22" s="278">
        <v>291452</v>
      </c>
      <c r="GH22" s="273">
        <v>0</v>
      </c>
      <c r="GI22" s="274">
        <v>0</v>
      </c>
      <c r="GJ22" s="275">
        <v>0</v>
      </c>
      <c r="GK22" s="276">
        <v>0</v>
      </c>
      <c r="GL22" s="274">
        <v>0</v>
      </c>
      <c r="GM22" s="274">
        <v>5012</v>
      </c>
      <c r="GN22" s="274">
        <v>0</v>
      </c>
      <c r="GO22" s="274">
        <v>12172</v>
      </c>
      <c r="GP22" s="274">
        <v>2640</v>
      </c>
      <c r="GQ22" s="277">
        <v>19824</v>
      </c>
      <c r="GR22" s="278">
        <v>19824</v>
      </c>
      <c r="GS22" s="273">
        <v>0</v>
      </c>
      <c r="GT22" s="274">
        <v>0</v>
      </c>
      <c r="GU22" s="275">
        <v>0</v>
      </c>
      <c r="GV22" s="276">
        <v>0</v>
      </c>
      <c r="GW22" s="274">
        <v>0</v>
      </c>
      <c r="GX22" s="274">
        <v>0</v>
      </c>
      <c r="GY22" s="274">
        <v>0</v>
      </c>
      <c r="GZ22" s="274">
        <v>0</v>
      </c>
      <c r="HA22" s="274">
        <v>0</v>
      </c>
      <c r="HB22" s="277">
        <v>0</v>
      </c>
      <c r="HC22" s="278">
        <v>0</v>
      </c>
      <c r="HD22" s="273">
        <v>0</v>
      </c>
      <c r="HE22" s="274">
        <v>0</v>
      </c>
      <c r="HF22" s="275">
        <v>0</v>
      </c>
      <c r="HG22" s="279"/>
      <c r="HH22" s="274">
        <v>0</v>
      </c>
      <c r="HI22" s="274">
        <v>0</v>
      </c>
      <c r="HJ22" s="274">
        <v>0</v>
      </c>
      <c r="HK22" s="274">
        <v>0</v>
      </c>
      <c r="HL22" s="274">
        <v>0</v>
      </c>
      <c r="HM22" s="277">
        <v>0</v>
      </c>
      <c r="HN22" s="278">
        <v>0</v>
      </c>
      <c r="HO22" s="273">
        <v>0</v>
      </c>
      <c r="HP22" s="274">
        <v>0</v>
      </c>
      <c r="HQ22" s="275">
        <v>0</v>
      </c>
      <c r="HR22" s="276">
        <v>0</v>
      </c>
      <c r="HS22" s="274">
        <v>136560</v>
      </c>
      <c r="HT22" s="274">
        <v>569619</v>
      </c>
      <c r="HU22" s="274">
        <v>2796739</v>
      </c>
      <c r="HV22" s="274">
        <v>2604850</v>
      </c>
      <c r="HW22" s="274">
        <v>2248188</v>
      </c>
      <c r="HX22" s="277">
        <v>8355956</v>
      </c>
      <c r="HY22" s="278">
        <v>8355956</v>
      </c>
    </row>
    <row r="23" spans="2:233" ht="21" customHeight="1" x14ac:dyDescent="0.2">
      <c r="B23" s="472" t="s">
        <v>20</v>
      </c>
      <c r="C23" s="273">
        <v>0</v>
      </c>
      <c r="D23" s="274">
        <v>9700</v>
      </c>
      <c r="E23" s="275">
        <v>9700</v>
      </c>
      <c r="F23" s="276">
        <v>0</v>
      </c>
      <c r="G23" s="274">
        <v>224840</v>
      </c>
      <c r="H23" s="274">
        <v>407274</v>
      </c>
      <c r="I23" s="274">
        <v>1381460</v>
      </c>
      <c r="J23" s="274">
        <v>1115010</v>
      </c>
      <c r="K23" s="274">
        <v>566470</v>
      </c>
      <c r="L23" s="277">
        <v>3695054</v>
      </c>
      <c r="M23" s="278">
        <v>3704754</v>
      </c>
      <c r="N23" s="273">
        <v>0</v>
      </c>
      <c r="O23" s="274">
        <v>0</v>
      </c>
      <c r="P23" s="275">
        <v>0</v>
      </c>
      <c r="Q23" s="279"/>
      <c r="R23" s="274">
        <v>38130</v>
      </c>
      <c r="S23" s="274">
        <v>209939</v>
      </c>
      <c r="T23" s="274">
        <v>876625</v>
      </c>
      <c r="U23" s="274">
        <v>903970</v>
      </c>
      <c r="V23" s="274">
        <v>497350</v>
      </c>
      <c r="W23" s="277">
        <v>2526014</v>
      </c>
      <c r="X23" s="278">
        <v>2526014</v>
      </c>
      <c r="Y23" s="273">
        <v>0</v>
      </c>
      <c r="Z23" s="274">
        <v>0</v>
      </c>
      <c r="AA23" s="275">
        <v>0</v>
      </c>
      <c r="AB23" s="279"/>
      <c r="AC23" s="274">
        <v>153765</v>
      </c>
      <c r="AD23" s="274">
        <v>128485</v>
      </c>
      <c r="AE23" s="274">
        <v>231975</v>
      </c>
      <c r="AF23" s="274">
        <v>148785</v>
      </c>
      <c r="AG23" s="274">
        <v>36430</v>
      </c>
      <c r="AH23" s="277">
        <v>699440</v>
      </c>
      <c r="AI23" s="278">
        <v>699440</v>
      </c>
      <c r="AJ23" s="273">
        <v>0</v>
      </c>
      <c r="AK23" s="274">
        <v>0</v>
      </c>
      <c r="AL23" s="275">
        <v>0</v>
      </c>
      <c r="AM23" s="279"/>
      <c r="AN23" s="274">
        <v>0</v>
      </c>
      <c r="AO23" s="274">
        <v>0</v>
      </c>
      <c r="AP23" s="274">
        <v>0</v>
      </c>
      <c r="AQ23" s="274">
        <v>0</v>
      </c>
      <c r="AR23" s="274">
        <v>0</v>
      </c>
      <c r="AS23" s="277">
        <v>0</v>
      </c>
      <c r="AT23" s="278">
        <v>0</v>
      </c>
      <c r="AU23" s="273">
        <v>0</v>
      </c>
      <c r="AV23" s="274">
        <v>0</v>
      </c>
      <c r="AW23" s="275">
        <v>0</v>
      </c>
      <c r="AX23" s="279"/>
      <c r="AY23" s="274">
        <v>0</v>
      </c>
      <c r="AZ23" s="274">
        <v>0</v>
      </c>
      <c r="BA23" s="274">
        <v>0</v>
      </c>
      <c r="BB23" s="274">
        <v>0</v>
      </c>
      <c r="BC23" s="274">
        <v>0</v>
      </c>
      <c r="BD23" s="277">
        <v>0</v>
      </c>
      <c r="BE23" s="278">
        <v>0</v>
      </c>
      <c r="BF23" s="273">
        <v>0</v>
      </c>
      <c r="BG23" s="274">
        <v>0</v>
      </c>
      <c r="BH23" s="275">
        <v>0</v>
      </c>
      <c r="BI23" s="279"/>
      <c r="BJ23" s="274">
        <v>0</v>
      </c>
      <c r="BK23" s="274">
        <v>0</v>
      </c>
      <c r="BL23" s="274">
        <v>0</v>
      </c>
      <c r="BM23" s="274">
        <v>0</v>
      </c>
      <c r="BN23" s="274">
        <v>0</v>
      </c>
      <c r="BO23" s="277">
        <v>0</v>
      </c>
      <c r="BP23" s="278">
        <v>0</v>
      </c>
      <c r="BQ23" s="273">
        <v>0</v>
      </c>
      <c r="BR23" s="274">
        <v>9700</v>
      </c>
      <c r="BS23" s="275">
        <v>9700</v>
      </c>
      <c r="BT23" s="276">
        <v>0</v>
      </c>
      <c r="BU23" s="274">
        <v>36115</v>
      </c>
      <c r="BV23" s="274">
        <v>66965</v>
      </c>
      <c r="BW23" s="274">
        <v>259270</v>
      </c>
      <c r="BX23" s="274">
        <v>62255</v>
      </c>
      <c r="BY23" s="274">
        <v>32690</v>
      </c>
      <c r="BZ23" s="277">
        <v>457295</v>
      </c>
      <c r="CA23" s="278">
        <v>466995</v>
      </c>
      <c r="CB23" s="273">
        <v>0</v>
      </c>
      <c r="CC23" s="274">
        <v>0</v>
      </c>
      <c r="CD23" s="275">
        <v>0</v>
      </c>
      <c r="CE23" s="276">
        <v>0</v>
      </c>
      <c r="CF23" s="274">
        <v>-3170</v>
      </c>
      <c r="CG23" s="274">
        <v>1885</v>
      </c>
      <c r="CH23" s="274">
        <v>13590</v>
      </c>
      <c r="CI23" s="274">
        <v>0</v>
      </c>
      <c r="CJ23" s="274">
        <v>0</v>
      </c>
      <c r="CK23" s="277">
        <v>12305</v>
      </c>
      <c r="CL23" s="278">
        <v>12305</v>
      </c>
      <c r="CM23" s="273">
        <v>0</v>
      </c>
      <c r="CN23" s="274">
        <v>0</v>
      </c>
      <c r="CO23" s="275">
        <v>0</v>
      </c>
      <c r="CP23" s="276">
        <v>0</v>
      </c>
      <c r="CQ23" s="274">
        <v>0</v>
      </c>
      <c r="CR23" s="274">
        <v>0</v>
      </c>
      <c r="CS23" s="274">
        <v>0</v>
      </c>
      <c r="CT23" s="274">
        <v>0</v>
      </c>
      <c r="CU23" s="274">
        <v>0</v>
      </c>
      <c r="CV23" s="277">
        <v>0</v>
      </c>
      <c r="CW23" s="278">
        <v>0</v>
      </c>
      <c r="CX23" s="273">
        <v>0</v>
      </c>
      <c r="CY23" s="274">
        <v>0</v>
      </c>
      <c r="CZ23" s="275">
        <v>0</v>
      </c>
      <c r="DA23" s="279"/>
      <c r="DB23" s="274">
        <v>0</v>
      </c>
      <c r="DC23" s="274">
        <v>0</v>
      </c>
      <c r="DD23" s="274">
        <v>0</v>
      </c>
      <c r="DE23" s="274">
        <v>0</v>
      </c>
      <c r="DF23" s="274">
        <v>0</v>
      </c>
      <c r="DG23" s="277">
        <v>0</v>
      </c>
      <c r="DH23" s="278">
        <v>0</v>
      </c>
      <c r="DI23" s="273">
        <v>0</v>
      </c>
      <c r="DJ23" s="274">
        <v>14285</v>
      </c>
      <c r="DK23" s="275">
        <v>14285</v>
      </c>
      <c r="DL23" s="276">
        <v>0</v>
      </c>
      <c r="DM23" s="274">
        <v>151133</v>
      </c>
      <c r="DN23" s="274">
        <v>455472</v>
      </c>
      <c r="DO23" s="274">
        <v>1944547</v>
      </c>
      <c r="DP23" s="274">
        <v>2038039</v>
      </c>
      <c r="DQ23" s="274">
        <v>836389</v>
      </c>
      <c r="DR23" s="277">
        <v>5425580</v>
      </c>
      <c r="DS23" s="280">
        <v>5439865</v>
      </c>
      <c r="DT23" s="273">
        <v>0</v>
      </c>
      <c r="DU23" s="274">
        <v>0</v>
      </c>
      <c r="DV23" s="275">
        <v>0</v>
      </c>
      <c r="DW23" s="279"/>
      <c r="DX23" s="274">
        <v>47647</v>
      </c>
      <c r="DY23" s="274">
        <v>311672</v>
      </c>
      <c r="DZ23" s="274">
        <v>1534942</v>
      </c>
      <c r="EA23" s="274">
        <v>1775951</v>
      </c>
      <c r="EB23" s="274">
        <v>771113</v>
      </c>
      <c r="EC23" s="277">
        <v>4441325</v>
      </c>
      <c r="ED23" s="278">
        <v>4441325</v>
      </c>
      <c r="EE23" s="273">
        <v>0</v>
      </c>
      <c r="EF23" s="274">
        <v>0</v>
      </c>
      <c r="EG23" s="275">
        <v>0</v>
      </c>
      <c r="EH23" s="279"/>
      <c r="EI23" s="274">
        <v>40458</v>
      </c>
      <c r="EJ23" s="274">
        <v>6184</v>
      </c>
      <c r="EK23" s="274">
        <v>47915</v>
      </c>
      <c r="EL23" s="274">
        <v>19161</v>
      </c>
      <c r="EM23" s="274">
        <v>1099</v>
      </c>
      <c r="EN23" s="277">
        <v>114817</v>
      </c>
      <c r="EO23" s="278">
        <v>114817</v>
      </c>
      <c r="EP23" s="273">
        <v>0</v>
      </c>
      <c r="EQ23" s="274">
        <v>0</v>
      </c>
      <c r="ER23" s="275">
        <v>0</v>
      </c>
      <c r="ES23" s="279"/>
      <c r="ET23" s="274">
        <v>0</v>
      </c>
      <c r="EU23" s="274">
        <v>0</v>
      </c>
      <c r="EV23" s="274">
        <v>0</v>
      </c>
      <c r="EW23" s="274">
        <v>0</v>
      </c>
      <c r="EX23" s="274">
        <v>0</v>
      </c>
      <c r="EY23" s="277">
        <v>0</v>
      </c>
      <c r="EZ23" s="278">
        <v>0</v>
      </c>
      <c r="FA23" s="273">
        <v>0</v>
      </c>
      <c r="FB23" s="274">
        <v>0</v>
      </c>
      <c r="FC23" s="275">
        <v>0</v>
      </c>
      <c r="FD23" s="279"/>
      <c r="FE23" s="274">
        <v>0</v>
      </c>
      <c r="FF23" s="274">
        <v>0</v>
      </c>
      <c r="FG23" s="274">
        <v>0</v>
      </c>
      <c r="FH23" s="274">
        <v>0</v>
      </c>
      <c r="FI23" s="274">
        <v>0</v>
      </c>
      <c r="FJ23" s="277">
        <v>0</v>
      </c>
      <c r="FK23" s="278">
        <v>0</v>
      </c>
      <c r="FL23" s="273">
        <v>0</v>
      </c>
      <c r="FM23" s="274">
        <v>0</v>
      </c>
      <c r="FN23" s="275">
        <v>0</v>
      </c>
      <c r="FO23" s="279"/>
      <c r="FP23" s="274">
        <v>0</v>
      </c>
      <c r="FQ23" s="274">
        <v>0</v>
      </c>
      <c r="FR23" s="274">
        <v>0</v>
      </c>
      <c r="FS23" s="274">
        <v>0</v>
      </c>
      <c r="FT23" s="274">
        <v>0</v>
      </c>
      <c r="FU23" s="277">
        <v>0</v>
      </c>
      <c r="FV23" s="278">
        <v>0</v>
      </c>
      <c r="FW23" s="273">
        <v>0</v>
      </c>
      <c r="FX23" s="274">
        <v>14285</v>
      </c>
      <c r="FY23" s="275">
        <v>14285</v>
      </c>
      <c r="FZ23" s="276">
        <v>0</v>
      </c>
      <c r="GA23" s="274">
        <v>65892</v>
      </c>
      <c r="GB23" s="274">
        <v>131888</v>
      </c>
      <c r="GC23" s="274">
        <v>345938</v>
      </c>
      <c r="GD23" s="274">
        <v>242927</v>
      </c>
      <c r="GE23" s="274">
        <v>64177</v>
      </c>
      <c r="GF23" s="277">
        <v>850822</v>
      </c>
      <c r="GG23" s="278">
        <v>865107</v>
      </c>
      <c r="GH23" s="273">
        <v>0</v>
      </c>
      <c r="GI23" s="274">
        <v>0</v>
      </c>
      <c r="GJ23" s="275">
        <v>0</v>
      </c>
      <c r="GK23" s="276">
        <v>0</v>
      </c>
      <c r="GL23" s="274">
        <v>-2864</v>
      </c>
      <c r="GM23" s="274">
        <v>5728</v>
      </c>
      <c r="GN23" s="274">
        <v>15752</v>
      </c>
      <c r="GO23" s="274">
        <v>0</v>
      </c>
      <c r="GP23" s="274">
        <v>0</v>
      </c>
      <c r="GQ23" s="277">
        <v>18616</v>
      </c>
      <c r="GR23" s="278">
        <v>18616</v>
      </c>
      <c r="GS23" s="273">
        <v>0</v>
      </c>
      <c r="GT23" s="274">
        <v>0</v>
      </c>
      <c r="GU23" s="275">
        <v>0</v>
      </c>
      <c r="GV23" s="276">
        <v>0</v>
      </c>
      <c r="GW23" s="274">
        <v>0</v>
      </c>
      <c r="GX23" s="274">
        <v>0</v>
      </c>
      <c r="GY23" s="274">
        <v>0</v>
      </c>
      <c r="GZ23" s="274">
        <v>0</v>
      </c>
      <c r="HA23" s="274">
        <v>0</v>
      </c>
      <c r="HB23" s="277">
        <v>0</v>
      </c>
      <c r="HC23" s="278">
        <v>0</v>
      </c>
      <c r="HD23" s="273">
        <v>0</v>
      </c>
      <c r="HE23" s="274">
        <v>0</v>
      </c>
      <c r="HF23" s="275">
        <v>0</v>
      </c>
      <c r="HG23" s="279"/>
      <c r="HH23" s="274">
        <v>0</v>
      </c>
      <c r="HI23" s="274">
        <v>0</v>
      </c>
      <c r="HJ23" s="274">
        <v>0</v>
      </c>
      <c r="HK23" s="274">
        <v>0</v>
      </c>
      <c r="HL23" s="274">
        <v>0</v>
      </c>
      <c r="HM23" s="277">
        <v>0</v>
      </c>
      <c r="HN23" s="278">
        <v>0</v>
      </c>
      <c r="HO23" s="273">
        <v>0</v>
      </c>
      <c r="HP23" s="274">
        <v>23985</v>
      </c>
      <c r="HQ23" s="275">
        <v>23985</v>
      </c>
      <c r="HR23" s="276">
        <v>0</v>
      </c>
      <c r="HS23" s="274">
        <v>375973</v>
      </c>
      <c r="HT23" s="274">
        <v>862746</v>
      </c>
      <c r="HU23" s="274">
        <v>3326007</v>
      </c>
      <c r="HV23" s="274">
        <v>3153049</v>
      </c>
      <c r="HW23" s="274">
        <v>1402859</v>
      </c>
      <c r="HX23" s="277">
        <v>9120634</v>
      </c>
      <c r="HY23" s="278">
        <v>9144619</v>
      </c>
    </row>
    <row r="24" spans="2:233" ht="21" customHeight="1" x14ac:dyDescent="0.2">
      <c r="B24" s="472" t="s">
        <v>21</v>
      </c>
      <c r="C24" s="273">
        <v>0</v>
      </c>
      <c r="D24" s="274">
        <v>0</v>
      </c>
      <c r="E24" s="275">
        <v>0</v>
      </c>
      <c r="F24" s="276">
        <v>0</v>
      </c>
      <c r="G24" s="274">
        <v>129625</v>
      </c>
      <c r="H24" s="274">
        <v>437508</v>
      </c>
      <c r="I24" s="274">
        <v>1826650</v>
      </c>
      <c r="J24" s="274">
        <v>1296058</v>
      </c>
      <c r="K24" s="274">
        <v>1205062</v>
      </c>
      <c r="L24" s="277">
        <v>4894903</v>
      </c>
      <c r="M24" s="278">
        <v>4894903</v>
      </c>
      <c r="N24" s="273">
        <v>0</v>
      </c>
      <c r="O24" s="274">
        <v>0</v>
      </c>
      <c r="P24" s="275">
        <v>0</v>
      </c>
      <c r="Q24" s="279"/>
      <c r="R24" s="274">
        <v>35495</v>
      </c>
      <c r="S24" s="274">
        <v>212578</v>
      </c>
      <c r="T24" s="274">
        <v>1512020</v>
      </c>
      <c r="U24" s="274">
        <v>986681</v>
      </c>
      <c r="V24" s="274">
        <v>840494</v>
      </c>
      <c r="W24" s="277">
        <v>3587268</v>
      </c>
      <c r="X24" s="278">
        <v>3587268</v>
      </c>
      <c r="Y24" s="273">
        <v>0</v>
      </c>
      <c r="Z24" s="274">
        <v>0</v>
      </c>
      <c r="AA24" s="275">
        <v>0</v>
      </c>
      <c r="AB24" s="279"/>
      <c r="AC24" s="274">
        <v>74620</v>
      </c>
      <c r="AD24" s="274">
        <v>176035</v>
      </c>
      <c r="AE24" s="274">
        <v>239630</v>
      </c>
      <c r="AF24" s="274">
        <v>123015</v>
      </c>
      <c r="AG24" s="274">
        <v>134250</v>
      </c>
      <c r="AH24" s="277">
        <v>747550</v>
      </c>
      <c r="AI24" s="278">
        <v>747550</v>
      </c>
      <c r="AJ24" s="273">
        <v>0</v>
      </c>
      <c r="AK24" s="274">
        <v>0</v>
      </c>
      <c r="AL24" s="275">
        <v>0</v>
      </c>
      <c r="AM24" s="279"/>
      <c r="AN24" s="274">
        <v>0</v>
      </c>
      <c r="AO24" s="274">
        <v>0</v>
      </c>
      <c r="AP24" s="274">
        <v>0</v>
      </c>
      <c r="AQ24" s="274">
        <v>32705</v>
      </c>
      <c r="AR24" s="274">
        <v>88855</v>
      </c>
      <c r="AS24" s="277">
        <v>121560</v>
      </c>
      <c r="AT24" s="278">
        <v>121560</v>
      </c>
      <c r="AU24" s="273">
        <v>0</v>
      </c>
      <c r="AV24" s="274">
        <v>0</v>
      </c>
      <c r="AW24" s="275">
        <v>0</v>
      </c>
      <c r="AX24" s="279"/>
      <c r="AY24" s="274">
        <v>0</v>
      </c>
      <c r="AZ24" s="274">
        <v>0</v>
      </c>
      <c r="BA24" s="274">
        <v>35495</v>
      </c>
      <c r="BB24" s="274">
        <v>38595</v>
      </c>
      <c r="BC24" s="274">
        <v>88660</v>
      </c>
      <c r="BD24" s="277">
        <v>162750</v>
      </c>
      <c r="BE24" s="278">
        <v>162750</v>
      </c>
      <c r="BF24" s="273">
        <v>0</v>
      </c>
      <c r="BG24" s="274">
        <v>0</v>
      </c>
      <c r="BH24" s="275">
        <v>0</v>
      </c>
      <c r="BI24" s="279"/>
      <c r="BJ24" s="274">
        <v>0</v>
      </c>
      <c r="BK24" s="274">
        <v>0</v>
      </c>
      <c r="BL24" s="274">
        <v>0</v>
      </c>
      <c r="BM24" s="274">
        <v>0</v>
      </c>
      <c r="BN24" s="274">
        <v>0</v>
      </c>
      <c r="BO24" s="277">
        <v>0</v>
      </c>
      <c r="BP24" s="278">
        <v>0</v>
      </c>
      <c r="BQ24" s="273">
        <v>0</v>
      </c>
      <c r="BR24" s="274">
        <v>0</v>
      </c>
      <c r="BS24" s="275">
        <v>0</v>
      </c>
      <c r="BT24" s="276">
        <v>0</v>
      </c>
      <c r="BU24" s="274">
        <v>19220</v>
      </c>
      <c r="BV24" s="274">
        <v>48895</v>
      </c>
      <c r="BW24" s="274">
        <v>38635</v>
      </c>
      <c r="BX24" s="274">
        <v>110330</v>
      </c>
      <c r="BY24" s="274">
        <v>52803</v>
      </c>
      <c r="BZ24" s="277">
        <v>269883</v>
      </c>
      <c r="CA24" s="278">
        <v>269883</v>
      </c>
      <c r="CB24" s="273">
        <v>0</v>
      </c>
      <c r="CC24" s="274">
        <v>0</v>
      </c>
      <c r="CD24" s="275">
        <v>0</v>
      </c>
      <c r="CE24" s="276">
        <v>0</v>
      </c>
      <c r="CF24" s="274">
        <v>290</v>
      </c>
      <c r="CG24" s="274">
        <v>0</v>
      </c>
      <c r="CH24" s="274">
        <v>870</v>
      </c>
      <c r="CI24" s="274">
        <v>4732</v>
      </c>
      <c r="CJ24" s="274">
        <v>0</v>
      </c>
      <c r="CK24" s="277">
        <v>5892</v>
      </c>
      <c r="CL24" s="278">
        <v>5892</v>
      </c>
      <c r="CM24" s="273">
        <v>0</v>
      </c>
      <c r="CN24" s="274">
        <v>0</v>
      </c>
      <c r="CO24" s="275">
        <v>0</v>
      </c>
      <c r="CP24" s="276">
        <v>0</v>
      </c>
      <c r="CQ24" s="274">
        <v>0</v>
      </c>
      <c r="CR24" s="274">
        <v>0</v>
      </c>
      <c r="CS24" s="274">
        <v>0</v>
      </c>
      <c r="CT24" s="274">
        <v>0</v>
      </c>
      <c r="CU24" s="274">
        <v>0</v>
      </c>
      <c r="CV24" s="277">
        <v>0</v>
      </c>
      <c r="CW24" s="278">
        <v>0</v>
      </c>
      <c r="CX24" s="273">
        <v>0</v>
      </c>
      <c r="CY24" s="274">
        <v>0</v>
      </c>
      <c r="CZ24" s="275">
        <v>0</v>
      </c>
      <c r="DA24" s="279"/>
      <c r="DB24" s="274">
        <v>0</v>
      </c>
      <c r="DC24" s="274">
        <v>0</v>
      </c>
      <c r="DD24" s="274">
        <v>0</v>
      </c>
      <c r="DE24" s="274">
        <v>0</v>
      </c>
      <c r="DF24" s="274">
        <v>0</v>
      </c>
      <c r="DG24" s="277">
        <v>0</v>
      </c>
      <c r="DH24" s="278">
        <v>0</v>
      </c>
      <c r="DI24" s="273">
        <v>0</v>
      </c>
      <c r="DJ24" s="274">
        <v>0</v>
      </c>
      <c r="DK24" s="275">
        <v>0</v>
      </c>
      <c r="DL24" s="276">
        <v>0</v>
      </c>
      <c r="DM24" s="274">
        <v>68916</v>
      </c>
      <c r="DN24" s="274">
        <v>330714</v>
      </c>
      <c r="DO24" s="274">
        <v>2056980</v>
      </c>
      <c r="DP24" s="274">
        <v>1631281</v>
      </c>
      <c r="DQ24" s="274">
        <v>1333752</v>
      </c>
      <c r="DR24" s="277">
        <v>5421643</v>
      </c>
      <c r="DS24" s="280">
        <v>5421643</v>
      </c>
      <c r="DT24" s="273">
        <v>0</v>
      </c>
      <c r="DU24" s="274">
        <v>0</v>
      </c>
      <c r="DV24" s="275">
        <v>0</v>
      </c>
      <c r="DW24" s="279"/>
      <c r="DX24" s="274">
        <v>26505</v>
      </c>
      <c r="DY24" s="274">
        <v>208507</v>
      </c>
      <c r="DZ24" s="274">
        <v>1850346</v>
      </c>
      <c r="EA24" s="274">
        <v>1430944</v>
      </c>
      <c r="EB24" s="274">
        <v>1187649</v>
      </c>
      <c r="EC24" s="277">
        <v>4703951</v>
      </c>
      <c r="ED24" s="278">
        <v>4703951</v>
      </c>
      <c r="EE24" s="273">
        <v>0</v>
      </c>
      <c r="EF24" s="274">
        <v>0</v>
      </c>
      <c r="EG24" s="275">
        <v>0</v>
      </c>
      <c r="EH24" s="279"/>
      <c r="EI24" s="274">
        <v>2324</v>
      </c>
      <c r="EJ24" s="274">
        <v>28296</v>
      </c>
      <c r="EK24" s="274">
        <v>61845</v>
      </c>
      <c r="EL24" s="274">
        <v>23830</v>
      </c>
      <c r="EM24" s="274">
        <v>2268</v>
      </c>
      <c r="EN24" s="277">
        <v>118563</v>
      </c>
      <c r="EO24" s="278">
        <v>118563</v>
      </c>
      <c r="EP24" s="273">
        <v>0</v>
      </c>
      <c r="EQ24" s="274">
        <v>0</v>
      </c>
      <c r="ER24" s="275">
        <v>0</v>
      </c>
      <c r="ES24" s="279"/>
      <c r="ET24" s="274">
        <v>0</v>
      </c>
      <c r="EU24" s="274">
        <v>0</v>
      </c>
      <c r="EV24" s="274">
        <v>0</v>
      </c>
      <c r="EW24" s="274">
        <v>0</v>
      </c>
      <c r="EX24" s="274">
        <v>27227</v>
      </c>
      <c r="EY24" s="277">
        <v>27227</v>
      </c>
      <c r="EZ24" s="278">
        <v>27227</v>
      </c>
      <c r="FA24" s="273">
        <v>0</v>
      </c>
      <c r="FB24" s="274">
        <v>0</v>
      </c>
      <c r="FC24" s="275">
        <v>0</v>
      </c>
      <c r="FD24" s="279"/>
      <c r="FE24" s="274">
        <v>0</v>
      </c>
      <c r="FF24" s="274">
        <v>0</v>
      </c>
      <c r="FG24" s="274">
        <v>11687</v>
      </c>
      <c r="FH24" s="274">
        <v>651</v>
      </c>
      <c r="FI24" s="274">
        <v>12338</v>
      </c>
      <c r="FJ24" s="277">
        <v>24676</v>
      </c>
      <c r="FK24" s="278">
        <v>24676</v>
      </c>
      <c r="FL24" s="273">
        <v>0</v>
      </c>
      <c r="FM24" s="274">
        <v>0</v>
      </c>
      <c r="FN24" s="275">
        <v>0</v>
      </c>
      <c r="FO24" s="279"/>
      <c r="FP24" s="274">
        <v>0</v>
      </c>
      <c r="FQ24" s="274">
        <v>0</v>
      </c>
      <c r="FR24" s="274">
        <v>0</v>
      </c>
      <c r="FS24" s="274">
        <v>0</v>
      </c>
      <c r="FT24" s="274">
        <v>0</v>
      </c>
      <c r="FU24" s="277">
        <v>0</v>
      </c>
      <c r="FV24" s="278">
        <v>0</v>
      </c>
      <c r="FW24" s="273">
        <v>0</v>
      </c>
      <c r="FX24" s="274">
        <v>0</v>
      </c>
      <c r="FY24" s="275">
        <v>0</v>
      </c>
      <c r="FZ24" s="276">
        <v>0</v>
      </c>
      <c r="GA24" s="274">
        <v>40059</v>
      </c>
      <c r="GB24" s="274">
        <v>93911</v>
      </c>
      <c r="GC24" s="274">
        <v>133039</v>
      </c>
      <c r="GD24" s="274">
        <v>173802</v>
      </c>
      <c r="GE24" s="274">
        <v>104270</v>
      </c>
      <c r="GF24" s="277">
        <v>545081</v>
      </c>
      <c r="GG24" s="278">
        <v>545081</v>
      </c>
      <c r="GH24" s="273">
        <v>0</v>
      </c>
      <c r="GI24" s="274">
        <v>0</v>
      </c>
      <c r="GJ24" s="275">
        <v>0</v>
      </c>
      <c r="GK24" s="276">
        <v>0</v>
      </c>
      <c r="GL24" s="274">
        <v>28</v>
      </c>
      <c r="GM24" s="274">
        <v>0</v>
      </c>
      <c r="GN24" s="274">
        <v>63</v>
      </c>
      <c r="GO24" s="274">
        <v>2054</v>
      </c>
      <c r="GP24" s="274">
        <v>0</v>
      </c>
      <c r="GQ24" s="277">
        <v>2145</v>
      </c>
      <c r="GR24" s="278">
        <v>2145</v>
      </c>
      <c r="GS24" s="273">
        <v>0</v>
      </c>
      <c r="GT24" s="274">
        <v>0</v>
      </c>
      <c r="GU24" s="275">
        <v>0</v>
      </c>
      <c r="GV24" s="276">
        <v>0</v>
      </c>
      <c r="GW24" s="274">
        <v>0</v>
      </c>
      <c r="GX24" s="274">
        <v>0</v>
      </c>
      <c r="GY24" s="274">
        <v>0</v>
      </c>
      <c r="GZ24" s="274">
        <v>0</v>
      </c>
      <c r="HA24" s="274">
        <v>0</v>
      </c>
      <c r="HB24" s="277">
        <v>0</v>
      </c>
      <c r="HC24" s="278">
        <v>0</v>
      </c>
      <c r="HD24" s="273">
        <v>0</v>
      </c>
      <c r="HE24" s="274">
        <v>0</v>
      </c>
      <c r="HF24" s="275">
        <v>0</v>
      </c>
      <c r="HG24" s="279"/>
      <c r="HH24" s="274">
        <v>0</v>
      </c>
      <c r="HI24" s="274">
        <v>0</v>
      </c>
      <c r="HJ24" s="274">
        <v>0</v>
      </c>
      <c r="HK24" s="274">
        <v>0</v>
      </c>
      <c r="HL24" s="274">
        <v>0</v>
      </c>
      <c r="HM24" s="277">
        <v>0</v>
      </c>
      <c r="HN24" s="278">
        <v>0</v>
      </c>
      <c r="HO24" s="273">
        <v>0</v>
      </c>
      <c r="HP24" s="274">
        <v>0</v>
      </c>
      <c r="HQ24" s="275">
        <v>0</v>
      </c>
      <c r="HR24" s="276">
        <v>0</v>
      </c>
      <c r="HS24" s="274">
        <v>198541</v>
      </c>
      <c r="HT24" s="274">
        <v>768222</v>
      </c>
      <c r="HU24" s="274">
        <v>3883630</v>
      </c>
      <c r="HV24" s="274">
        <v>2927339</v>
      </c>
      <c r="HW24" s="274">
        <v>2538814</v>
      </c>
      <c r="HX24" s="277">
        <v>10316546</v>
      </c>
      <c r="HY24" s="278">
        <v>10316546</v>
      </c>
    </row>
    <row r="25" spans="2:233" ht="21" customHeight="1" x14ac:dyDescent="0.2">
      <c r="B25" s="472" t="s">
        <v>22</v>
      </c>
      <c r="C25" s="273">
        <v>0</v>
      </c>
      <c r="D25" s="274">
        <v>0</v>
      </c>
      <c r="E25" s="275">
        <v>0</v>
      </c>
      <c r="F25" s="276">
        <v>0</v>
      </c>
      <c r="G25" s="274">
        <v>103505</v>
      </c>
      <c r="H25" s="274">
        <v>344255</v>
      </c>
      <c r="I25" s="274">
        <v>724010</v>
      </c>
      <c r="J25" s="274">
        <v>883475</v>
      </c>
      <c r="K25" s="274">
        <v>515435</v>
      </c>
      <c r="L25" s="277">
        <v>2570680</v>
      </c>
      <c r="M25" s="278">
        <v>2570680</v>
      </c>
      <c r="N25" s="273">
        <v>0</v>
      </c>
      <c r="O25" s="274">
        <v>0</v>
      </c>
      <c r="P25" s="275">
        <v>0</v>
      </c>
      <c r="Q25" s="279"/>
      <c r="R25" s="274">
        <v>35495</v>
      </c>
      <c r="S25" s="274">
        <v>65410</v>
      </c>
      <c r="T25" s="274">
        <v>533975</v>
      </c>
      <c r="U25" s="274">
        <v>457650</v>
      </c>
      <c r="V25" s="274">
        <v>252650</v>
      </c>
      <c r="W25" s="277">
        <v>1345180</v>
      </c>
      <c r="X25" s="278">
        <v>1345180</v>
      </c>
      <c r="Y25" s="273">
        <v>0</v>
      </c>
      <c r="Z25" s="274">
        <v>0</v>
      </c>
      <c r="AA25" s="275">
        <v>0</v>
      </c>
      <c r="AB25" s="279"/>
      <c r="AC25" s="274">
        <v>65410</v>
      </c>
      <c r="AD25" s="274">
        <v>272255</v>
      </c>
      <c r="AE25" s="274">
        <v>61170</v>
      </c>
      <c r="AF25" s="274">
        <v>313100</v>
      </c>
      <c r="AG25" s="274">
        <v>147175</v>
      </c>
      <c r="AH25" s="277">
        <v>859110</v>
      </c>
      <c r="AI25" s="278">
        <v>859110</v>
      </c>
      <c r="AJ25" s="273">
        <v>0</v>
      </c>
      <c r="AK25" s="274">
        <v>0</v>
      </c>
      <c r="AL25" s="275">
        <v>0</v>
      </c>
      <c r="AM25" s="279"/>
      <c r="AN25" s="274">
        <v>0</v>
      </c>
      <c r="AO25" s="274">
        <v>0</v>
      </c>
      <c r="AP25" s="274">
        <v>0</v>
      </c>
      <c r="AQ25" s="274">
        <v>0</v>
      </c>
      <c r="AR25" s="274">
        <v>0</v>
      </c>
      <c r="AS25" s="277">
        <v>0</v>
      </c>
      <c r="AT25" s="278">
        <v>0</v>
      </c>
      <c r="AU25" s="273">
        <v>0</v>
      </c>
      <c r="AV25" s="274">
        <v>0</v>
      </c>
      <c r="AW25" s="275">
        <v>0</v>
      </c>
      <c r="AX25" s="279"/>
      <c r="AY25" s="274">
        <v>0</v>
      </c>
      <c r="AZ25" s="274">
        <v>0</v>
      </c>
      <c r="BA25" s="274">
        <v>0</v>
      </c>
      <c r="BB25" s="274">
        <v>13090</v>
      </c>
      <c r="BC25" s="274">
        <v>73140</v>
      </c>
      <c r="BD25" s="277">
        <v>86230</v>
      </c>
      <c r="BE25" s="278">
        <v>86230</v>
      </c>
      <c r="BF25" s="273">
        <v>0</v>
      </c>
      <c r="BG25" s="274">
        <v>0</v>
      </c>
      <c r="BH25" s="275">
        <v>0</v>
      </c>
      <c r="BI25" s="279"/>
      <c r="BJ25" s="274">
        <v>0</v>
      </c>
      <c r="BK25" s="274">
        <v>0</v>
      </c>
      <c r="BL25" s="274">
        <v>29915</v>
      </c>
      <c r="BM25" s="274">
        <v>89050</v>
      </c>
      <c r="BN25" s="274">
        <v>37975</v>
      </c>
      <c r="BO25" s="277">
        <v>156940</v>
      </c>
      <c r="BP25" s="278">
        <v>156940</v>
      </c>
      <c r="BQ25" s="273">
        <v>0</v>
      </c>
      <c r="BR25" s="274">
        <v>0</v>
      </c>
      <c r="BS25" s="275">
        <v>0</v>
      </c>
      <c r="BT25" s="276">
        <v>0</v>
      </c>
      <c r="BU25" s="274">
        <v>2600</v>
      </c>
      <c r="BV25" s="274">
        <v>6590</v>
      </c>
      <c r="BW25" s="274">
        <v>97935</v>
      </c>
      <c r="BX25" s="274">
        <v>10585</v>
      </c>
      <c r="BY25" s="274">
        <v>4205</v>
      </c>
      <c r="BZ25" s="277">
        <v>121915</v>
      </c>
      <c r="CA25" s="278">
        <v>121915</v>
      </c>
      <c r="CB25" s="273">
        <v>0</v>
      </c>
      <c r="CC25" s="274">
        <v>0</v>
      </c>
      <c r="CD25" s="275">
        <v>0</v>
      </c>
      <c r="CE25" s="276">
        <v>0</v>
      </c>
      <c r="CF25" s="274">
        <v>0</v>
      </c>
      <c r="CG25" s="274">
        <v>0</v>
      </c>
      <c r="CH25" s="274">
        <v>1015</v>
      </c>
      <c r="CI25" s="274">
        <v>0</v>
      </c>
      <c r="CJ25" s="274">
        <v>290</v>
      </c>
      <c r="CK25" s="277">
        <v>1305</v>
      </c>
      <c r="CL25" s="278">
        <v>1305</v>
      </c>
      <c r="CM25" s="273">
        <v>0</v>
      </c>
      <c r="CN25" s="274">
        <v>0</v>
      </c>
      <c r="CO25" s="275">
        <v>0</v>
      </c>
      <c r="CP25" s="276">
        <v>0</v>
      </c>
      <c r="CQ25" s="274">
        <v>0</v>
      </c>
      <c r="CR25" s="274">
        <v>0</v>
      </c>
      <c r="CS25" s="274">
        <v>0</v>
      </c>
      <c r="CT25" s="274">
        <v>0</v>
      </c>
      <c r="CU25" s="274">
        <v>0</v>
      </c>
      <c r="CV25" s="277">
        <v>0</v>
      </c>
      <c r="CW25" s="278">
        <v>0</v>
      </c>
      <c r="CX25" s="273">
        <v>0</v>
      </c>
      <c r="CY25" s="274">
        <v>0</v>
      </c>
      <c r="CZ25" s="275">
        <v>0</v>
      </c>
      <c r="DA25" s="279"/>
      <c r="DB25" s="274">
        <v>0</v>
      </c>
      <c r="DC25" s="274">
        <v>0</v>
      </c>
      <c r="DD25" s="274">
        <v>0</v>
      </c>
      <c r="DE25" s="274">
        <v>0</v>
      </c>
      <c r="DF25" s="274">
        <v>0</v>
      </c>
      <c r="DG25" s="277">
        <v>0</v>
      </c>
      <c r="DH25" s="278">
        <v>0</v>
      </c>
      <c r="DI25" s="273">
        <v>0</v>
      </c>
      <c r="DJ25" s="274">
        <v>0</v>
      </c>
      <c r="DK25" s="275">
        <v>0</v>
      </c>
      <c r="DL25" s="276">
        <v>0</v>
      </c>
      <c r="DM25" s="274">
        <v>47520</v>
      </c>
      <c r="DN25" s="274">
        <v>103172</v>
      </c>
      <c r="DO25" s="274">
        <v>782385</v>
      </c>
      <c r="DP25" s="274">
        <v>942778</v>
      </c>
      <c r="DQ25" s="274">
        <v>460383</v>
      </c>
      <c r="DR25" s="277">
        <v>2336238</v>
      </c>
      <c r="DS25" s="280">
        <v>2336238</v>
      </c>
      <c r="DT25" s="273">
        <v>0</v>
      </c>
      <c r="DU25" s="274">
        <v>0</v>
      </c>
      <c r="DV25" s="275">
        <v>0</v>
      </c>
      <c r="DW25" s="279"/>
      <c r="DX25" s="274">
        <v>26505</v>
      </c>
      <c r="DY25" s="274">
        <v>36986</v>
      </c>
      <c r="DZ25" s="274">
        <v>578584</v>
      </c>
      <c r="EA25" s="274">
        <v>719392</v>
      </c>
      <c r="EB25" s="274">
        <v>346456</v>
      </c>
      <c r="EC25" s="277">
        <v>1707923</v>
      </c>
      <c r="ED25" s="278">
        <v>1707923</v>
      </c>
      <c r="EE25" s="273">
        <v>0</v>
      </c>
      <c r="EF25" s="274">
        <v>0</v>
      </c>
      <c r="EG25" s="275">
        <v>0</v>
      </c>
      <c r="EH25" s="279"/>
      <c r="EI25" s="274">
        <v>12338</v>
      </c>
      <c r="EJ25" s="274">
        <v>55835</v>
      </c>
      <c r="EK25" s="274">
        <v>23361</v>
      </c>
      <c r="EL25" s="274">
        <v>37448</v>
      </c>
      <c r="EM25" s="274">
        <v>12849</v>
      </c>
      <c r="EN25" s="277">
        <v>141831</v>
      </c>
      <c r="EO25" s="278">
        <v>141831</v>
      </c>
      <c r="EP25" s="273">
        <v>0</v>
      </c>
      <c r="EQ25" s="274">
        <v>0</v>
      </c>
      <c r="ER25" s="275">
        <v>0</v>
      </c>
      <c r="ES25" s="279"/>
      <c r="ET25" s="274">
        <v>0</v>
      </c>
      <c r="EU25" s="274">
        <v>0</v>
      </c>
      <c r="EV25" s="274">
        <v>0</v>
      </c>
      <c r="EW25" s="274">
        <v>0</v>
      </c>
      <c r="EX25" s="274">
        <v>0</v>
      </c>
      <c r="EY25" s="277">
        <v>0</v>
      </c>
      <c r="EZ25" s="278">
        <v>0</v>
      </c>
      <c r="FA25" s="273">
        <v>0</v>
      </c>
      <c r="FB25" s="274">
        <v>0</v>
      </c>
      <c r="FC25" s="275">
        <v>0</v>
      </c>
      <c r="FD25" s="279"/>
      <c r="FE25" s="274">
        <v>0</v>
      </c>
      <c r="FF25" s="274">
        <v>0</v>
      </c>
      <c r="FG25" s="274">
        <v>0</v>
      </c>
      <c r="FH25" s="274">
        <v>1078</v>
      </c>
      <c r="FI25" s="274">
        <v>11525</v>
      </c>
      <c r="FJ25" s="277">
        <v>12603</v>
      </c>
      <c r="FK25" s="278">
        <v>12603</v>
      </c>
      <c r="FL25" s="273">
        <v>0</v>
      </c>
      <c r="FM25" s="274">
        <v>0</v>
      </c>
      <c r="FN25" s="275">
        <v>0</v>
      </c>
      <c r="FO25" s="279"/>
      <c r="FP25" s="274">
        <v>0</v>
      </c>
      <c r="FQ25" s="274">
        <v>0</v>
      </c>
      <c r="FR25" s="274">
        <v>64170</v>
      </c>
      <c r="FS25" s="274">
        <v>137320</v>
      </c>
      <c r="FT25" s="274">
        <v>79360</v>
      </c>
      <c r="FU25" s="277">
        <v>280850</v>
      </c>
      <c r="FV25" s="278">
        <v>280850</v>
      </c>
      <c r="FW25" s="273">
        <v>0</v>
      </c>
      <c r="FX25" s="274">
        <v>0</v>
      </c>
      <c r="FY25" s="275">
        <v>0</v>
      </c>
      <c r="FZ25" s="276">
        <v>0</v>
      </c>
      <c r="GA25" s="274">
        <v>8677</v>
      </c>
      <c r="GB25" s="274">
        <v>10351</v>
      </c>
      <c r="GC25" s="274">
        <v>114817</v>
      </c>
      <c r="GD25" s="274">
        <v>47540</v>
      </c>
      <c r="GE25" s="274">
        <v>10179</v>
      </c>
      <c r="GF25" s="277">
        <v>191564</v>
      </c>
      <c r="GG25" s="278">
        <v>191564</v>
      </c>
      <c r="GH25" s="273">
        <v>0</v>
      </c>
      <c r="GI25" s="274">
        <v>0</v>
      </c>
      <c r="GJ25" s="275">
        <v>0</v>
      </c>
      <c r="GK25" s="276">
        <v>0</v>
      </c>
      <c r="GL25" s="274">
        <v>0</v>
      </c>
      <c r="GM25" s="274">
        <v>0</v>
      </c>
      <c r="GN25" s="274">
        <v>1453</v>
      </c>
      <c r="GO25" s="274">
        <v>0</v>
      </c>
      <c r="GP25" s="274">
        <v>14</v>
      </c>
      <c r="GQ25" s="277">
        <v>1467</v>
      </c>
      <c r="GR25" s="278">
        <v>1467</v>
      </c>
      <c r="GS25" s="273">
        <v>0</v>
      </c>
      <c r="GT25" s="274">
        <v>0</v>
      </c>
      <c r="GU25" s="275">
        <v>0</v>
      </c>
      <c r="GV25" s="276">
        <v>0</v>
      </c>
      <c r="GW25" s="274">
        <v>0</v>
      </c>
      <c r="GX25" s="274">
        <v>0</v>
      </c>
      <c r="GY25" s="274">
        <v>0</v>
      </c>
      <c r="GZ25" s="274">
        <v>0</v>
      </c>
      <c r="HA25" s="274">
        <v>0</v>
      </c>
      <c r="HB25" s="277">
        <v>0</v>
      </c>
      <c r="HC25" s="278">
        <v>0</v>
      </c>
      <c r="HD25" s="273">
        <v>0</v>
      </c>
      <c r="HE25" s="274">
        <v>0</v>
      </c>
      <c r="HF25" s="275">
        <v>0</v>
      </c>
      <c r="HG25" s="279"/>
      <c r="HH25" s="274">
        <v>0</v>
      </c>
      <c r="HI25" s="274">
        <v>0</v>
      </c>
      <c r="HJ25" s="274">
        <v>0</v>
      </c>
      <c r="HK25" s="274">
        <v>0</v>
      </c>
      <c r="HL25" s="274">
        <v>0</v>
      </c>
      <c r="HM25" s="277">
        <v>0</v>
      </c>
      <c r="HN25" s="278">
        <v>0</v>
      </c>
      <c r="HO25" s="273">
        <v>0</v>
      </c>
      <c r="HP25" s="274">
        <v>0</v>
      </c>
      <c r="HQ25" s="275">
        <v>0</v>
      </c>
      <c r="HR25" s="276">
        <v>0</v>
      </c>
      <c r="HS25" s="274">
        <v>151025</v>
      </c>
      <c r="HT25" s="274">
        <v>447427</v>
      </c>
      <c r="HU25" s="274">
        <v>1506395</v>
      </c>
      <c r="HV25" s="274">
        <v>1826253</v>
      </c>
      <c r="HW25" s="274">
        <v>975818</v>
      </c>
      <c r="HX25" s="277">
        <v>4906918</v>
      </c>
      <c r="HY25" s="278">
        <v>4906918</v>
      </c>
    </row>
    <row r="26" spans="2:233" ht="21" customHeight="1" x14ac:dyDescent="0.2">
      <c r="B26" s="472" t="s">
        <v>23</v>
      </c>
      <c r="C26" s="273">
        <v>0</v>
      </c>
      <c r="D26" s="274">
        <v>0</v>
      </c>
      <c r="E26" s="275">
        <v>0</v>
      </c>
      <c r="F26" s="276">
        <v>0</v>
      </c>
      <c r="G26" s="274">
        <v>182010</v>
      </c>
      <c r="H26" s="274">
        <v>361730</v>
      </c>
      <c r="I26" s="274">
        <v>1028686</v>
      </c>
      <c r="J26" s="274">
        <v>1320946</v>
      </c>
      <c r="K26" s="274">
        <v>915650</v>
      </c>
      <c r="L26" s="277">
        <v>3809022</v>
      </c>
      <c r="M26" s="278">
        <v>3809022</v>
      </c>
      <c r="N26" s="273">
        <v>0</v>
      </c>
      <c r="O26" s="274">
        <v>0</v>
      </c>
      <c r="P26" s="275">
        <v>0</v>
      </c>
      <c r="Q26" s="279"/>
      <c r="R26" s="274">
        <v>55240</v>
      </c>
      <c r="S26" s="274">
        <v>138880</v>
      </c>
      <c r="T26" s="274">
        <v>768965</v>
      </c>
      <c r="U26" s="274">
        <v>938352</v>
      </c>
      <c r="V26" s="274">
        <v>636200</v>
      </c>
      <c r="W26" s="277">
        <v>2537637</v>
      </c>
      <c r="X26" s="278">
        <v>2537637</v>
      </c>
      <c r="Y26" s="273">
        <v>0</v>
      </c>
      <c r="Z26" s="274">
        <v>0</v>
      </c>
      <c r="AA26" s="275">
        <v>0</v>
      </c>
      <c r="AB26" s="279"/>
      <c r="AC26" s="274">
        <v>120515</v>
      </c>
      <c r="AD26" s="274">
        <v>161490</v>
      </c>
      <c r="AE26" s="274">
        <v>227393</v>
      </c>
      <c r="AF26" s="274">
        <v>317281</v>
      </c>
      <c r="AG26" s="274">
        <v>163060</v>
      </c>
      <c r="AH26" s="277">
        <v>989739</v>
      </c>
      <c r="AI26" s="278">
        <v>989739</v>
      </c>
      <c r="AJ26" s="273">
        <v>0</v>
      </c>
      <c r="AK26" s="274">
        <v>0</v>
      </c>
      <c r="AL26" s="275">
        <v>0</v>
      </c>
      <c r="AM26" s="279"/>
      <c r="AN26" s="274">
        <v>0</v>
      </c>
      <c r="AO26" s="274">
        <v>0</v>
      </c>
      <c r="AP26" s="274">
        <v>0</v>
      </c>
      <c r="AQ26" s="274">
        <v>0</v>
      </c>
      <c r="AR26" s="274">
        <v>60140</v>
      </c>
      <c r="AS26" s="277">
        <v>60140</v>
      </c>
      <c r="AT26" s="278">
        <v>60140</v>
      </c>
      <c r="AU26" s="273">
        <v>0</v>
      </c>
      <c r="AV26" s="274">
        <v>0</v>
      </c>
      <c r="AW26" s="275">
        <v>0</v>
      </c>
      <c r="AX26" s="279"/>
      <c r="AY26" s="274">
        <v>0</v>
      </c>
      <c r="AZ26" s="274">
        <v>0</v>
      </c>
      <c r="BA26" s="274">
        <v>0</v>
      </c>
      <c r="BB26" s="274">
        <v>24645</v>
      </c>
      <c r="BC26" s="274">
        <v>49910</v>
      </c>
      <c r="BD26" s="277">
        <v>74555</v>
      </c>
      <c r="BE26" s="278">
        <v>74555</v>
      </c>
      <c r="BF26" s="273">
        <v>0</v>
      </c>
      <c r="BG26" s="274">
        <v>0</v>
      </c>
      <c r="BH26" s="275">
        <v>0</v>
      </c>
      <c r="BI26" s="279"/>
      <c r="BJ26" s="274">
        <v>0</v>
      </c>
      <c r="BK26" s="274">
        <v>0</v>
      </c>
      <c r="BL26" s="274">
        <v>0</v>
      </c>
      <c r="BM26" s="274">
        <v>0</v>
      </c>
      <c r="BN26" s="274">
        <v>0</v>
      </c>
      <c r="BO26" s="277">
        <v>0</v>
      </c>
      <c r="BP26" s="278">
        <v>0</v>
      </c>
      <c r="BQ26" s="273">
        <v>0</v>
      </c>
      <c r="BR26" s="274">
        <v>0</v>
      </c>
      <c r="BS26" s="275">
        <v>0</v>
      </c>
      <c r="BT26" s="276">
        <v>0</v>
      </c>
      <c r="BU26" s="274">
        <v>6255</v>
      </c>
      <c r="BV26" s="274">
        <v>61360</v>
      </c>
      <c r="BW26" s="274">
        <v>32328</v>
      </c>
      <c r="BX26" s="274">
        <v>40668</v>
      </c>
      <c r="BY26" s="274">
        <v>6340</v>
      </c>
      <c r="BZ26" s="277">
        <v>146951</v>
      </c>
      <c r="CA26" s="278">
        <v>146951</v>
      </c>
      <c r="CB26" s="273">
        <v>0</v>
      </c>
      <c r="CC26" s="274">
        <v>0</v>
      </c>
      <c r="CD26" s="275">
        <v>0</v>
      </c>
      <c r="CE26" s="276">
        <v>0</v>
      </c>
      <c r="CF26" s="274">
        <v>0</v>
      </c>
      <c r="CG26" s="274">
        <v>0</v>
      </c>
      <c r="CH26" s="274">
        <v>0</v>
      </c>
      <c r="CI26" s="274">
        <v>0</v>
      </c>
      <c r="CJ26" s="274">
        <v>0</v>
      </c>
      <c r="CK26" s="277">
        <v>0</v>
      </c>
      <c r="CL26" s="278">
        <v>0</v>
      </c>
      <c r="CM26" s="273">
        <v>0</v>
      </c>
      <c r="CN26" s="274">
        <v>0</v>
      </c>
      <c r="CO26" s="275">
        <v>0</v>
      </c>
      <c r="CP26" s="276">
        <v>0</v>
      </c>
      <c r="CQ26" s="274">
        <v>0</v>
      </c>
      <c r="CR26" s="274">
        <v>0</v>
      </c>
      <c r="CS26" s="274">
        <v>0</v>
      </c>
      <c r="CT26" s="274">
        <v>0</v>
      </c>
      <c r="CU26" s="274">
        <v>0</v>
      </c>
      <c r="CV26" s="277">
        <v>0</v>
      </c>
      <c r="CW26" s="278">
        <v>0</v>
      </c>
      <c r="CX26" s="273">
        <v>0</v>
      </c>
      <c r="CY26" s="274">
        <v>0</v>
      </c>
      <c r="CZ26" s="275">
        <v>0</v>
      </c>
      <c r="DA26" s="279"/>
      <c r="DB26" s="274">
        <v>0</v>
      </c>
      <c r="DC26" s="274">
        <v>0</v>
      </c>
      <c r="DD26" s="274">
        <v>0</v>
      </c>
      <c r="DE26" s="274">
        <v>0</v>
      </c>
      <c r="DF26" s="274">
        <v>0</v>
      </c>
      <c r="DG26" s="277">
        <v>0</v>
      </c>
      <c r="DH26" s="278">
        <v>0</v>
      </c>
      <c r="DI26" s="273">
        <v>0</v>
      </c>
      <c r="DJ26" s="274">
        <v>0</v>
      </c>
      <c r="DK26" s="275">
        <v>0</v>
      </c>
      <c r="DL26" s="276">
        <v>0</v>
      </c>
      <c r="DM26" s="274">
        <v>73434</v>
      </c>
      <c r="DN26" s="274">
        <v>203931</v>
      </c>
      <c r="DO26" s="274">
        <v>936416</v>
      </c>
      <c r="DP26" s="274">
        <v>1235001</v>
      </c>
      <c r="DQ26" s="274">
        <v>643506</v>
      </c>
      <c r="DR26" s="277">
        <v>3092288</v>
      </c>
      <c r="DS26" s="280">
        <v>3092288</v>
      </c>
      <c r="DT26" s="273">
        <v>0</v>
      </c>
      <c r="DU26" s="274">
        <v>0</v>
      </c>
      <c r="DV26" s="275">
        <v>0</v>
      </c>
      <c r="DW26" s="279"/>
      <c r="DX26" s="274">
        <v>21576</v>
      </c>
      <c r="DY26" s="274">
        <v>95108</v>
      </c>
      <c r="DZ26" s="274">
        <v>854028</v>
      </c>
      <c r="EA26" s="274">
        <v>1083864</v>
      </c>
      <c r="EB26" s="274">
        <v>577254</v>
      </c>
      <c r="EC26" s="277">
        <v>2631830</v>
      </c>
      <c r="ED26" s="278">
        <v>2631830</v>
      </c>
      <c r="EE26" s="273">
        <v>0</v>
      </c>
      <c r="EF26" s="274">
        <v>0</v>
      </c>
      <c r="EG26" s="275">
        <v>0</v>
      </c>
      <c r="EH26" s="279"/>
      <c r="EI26" s="274">
        <v>45928</v>
      </c>
      <c r="EJ26" s="274">
        <v>50508</v>
      </c>
      <c r="EK26" s="274">
        <v>2744</v>
      </c>
      <c r="EL26" s="274">
        <v>16741</v>
      </c>
      <c r="EM26" s="274">
        <v>39587</v>
      </c>
      <c r="EN26" s="277">
        <v>155508</v>
      </c>
      <c r="EO26" s="278">
        <v>155508</v>
      </c>
      <c r="EP26" s="273">
        <v>0</v>
      </c>
      <c r="EQ26" s="274">
        <v>0</v>
      </c>
      <c r="ER26" s="275">
        <v>0</v>
      </c>
      <c r="ES26" s="279"/>
      <c r="ET26" s="274">
        <v>0</v>
      </c>
      <c r="EU26" s="274">
        <v>0</v>
      </c>
      <c r="EV26" s="274">
        <v>0</v>
      </c>
      <c r="EW26" s="274">
        <v>0</v>
      </c>
      <c r="EX26" s="274">
        <v>11470</v>
      </c>
      <c r="EY26" s="277">
        <v>11470</v>
      </c>
      <c r="EZ26" s="278">
        <v>11470</v>
      </c>
      <c r="FA26" s="273">
        <v>0</v>
      </c>
      <c r="FB26" s="274">
        <v>0</v>
      </c>
      <c r="FC26" s="275">
        <v>0</v>
      </c>
      <c r="FD26" s="279"/>
      <c r="FE26" s="274">
        <v>0</v>
      </c>
      <c r="FF26" s="274">
        <v>0</v>
      </c>
      <c r="FG26" s="274">
        <v>0</v>
      </c>
      <c r="FH26" s="274">
        <v>217</v>
      </c>
      <c r="FI26" s="274">
        <v>11315</v>
      </c>
      <c r="FJ26" s="277">
        <v>11532</v>
      </c>
      <c r="FK26" s="278">
        <v>11532</v>
      </c>
      <c r="FL26" s="273">
        <v>0</v>
      </c>
      <c r="FM26" s="274">
        <v>0</v>
      </c>
      <c r="FN26" s="275">
        <v>0</v>
      </c>
      <c r="FO26" s="279"/>
      <c r="FP26" s="274">
        <v>0</v>
      </c>
      <c r="FQ26" s="274">
        <v>0</v>
      </c>
      <c r="FR26" s="274">
        <v>0</v>
      </c>
      <c r="FS26" s="274">
        <v>0</v>
      </c>
      <c r="FT26" s="274">
        <v>0</v>
      </c>
      <c r="FU26" s="277">
        <v>0</v>
      </c>
      <c r="FV26" s="278">
        <v>0</v>
      </c>
      <c r="FW26" s="273">
        <v>0</v>
      </c>
      <c r="FX26" s="274">
        <v>0</v>
      </c>
      <c r="FY26" s="275">
        <v>0</v>
      </c>
      <c r="FZ26" s="276">
        <v>0</v>
      </c>
      <c r="GA26" s="274">
        <v>5930</v>
      </c>
      <c r="GB26" s="274">
        <v>58315</v>
      </c>
      <c r="GC26" s="274">
        <v>79644</v>
      </c>
      <c r="GD26" s="274">
        <v>134179</v>
      </c>
      <c r="GE26" s="274">
        <v>3880</v>
      </c>
      <c r="GF26" s="277">
        <v>281948</v>
      </c>
      <c r="GG26" s="278">
        <v>281948</v>
      </c>
      <c r="GH26" s="273">
        <v>0</v>
      </c>
      <c r="GI26" s="274">
        <v>0</v>
      </c>
      <c r="GJ26" s="275">
        <v>0</v>
      </c>
      <c r="GK26" s="276">
        <v>0</v>
      </c>
      <c r="GL26" s="274">
        <v>0</v>
      </c>
      <c r="GM26" s="274">
        <v>0</v>
      </c>
      <c r="GN26" s="274">
        <v>0</v>
      </c>
      <c r="GO26" s="274">
        <v>0</v>
      </c>
      <c r="GP26" s="274">
        <v>0</v>
      </c>
      <c r="GQ26" s="277">
        <v>0</v>
      </c>
      <c r="GR26" s="278">
        <v>0</v>
      </c>
      <c r="GS26" s="273">
        <v>0</v>
      </c>
      <c r="GT26" s="274">
        <v>0</v>
      </c>
      <c r="GU26" s="275">
        <v>0</v>
      </c>
      <c r="GV26" s="276">
        <v>0</v>
      </c>
      <c r="GW26" s="274">
        <v>0</v>
      </c>
      <c r="GX26" s="274">
        <v>0</v>
      </c>
      <c r="GY26" s="274">
        <v>0</v>
      </c>
      <c r="GZ26" s="274">
        <v>0</v>
      </c>
      <c r="HA26" s="274">
        <v>0</v>
      </c>
      <c r="HB26" s="277">
        <v>0</v>
      </c>
      <c r="HC26" s="278">
        <v>0</v>
      </c>
      <c r="HD26" s="273">
        <v>0</v>
      </c>
      <c r="HE26" s="274">
        <v>0</v>
      </c>
      <c r="HF26" s="275">
        <v>0</v>
      </c>
      <c r="HG26" s="279"/>
      <c r="HH26" s="274">
        <v>0</v>
      </c>
      <c r="HI26" s="274">
        <v>0</v>
      </c>
      <c r="HJ26" s="274">
        <v>0</v>
      </c>
      <c r="HK26" s="274">
        <v>0</v>
      </c>
      <c r="HL26" s="274">
        <v>0</v>
      </c>
      <c r="HM26" s="277">
        <v>0</v>
      </c>
      <c r="HN26" s="278">
        <v>0</v>
      </c>
      <c r="HO26" s="273">
        <v>0</v>
      </c>
      <c r="HP26" s="274">
        <v>0</v>
      </c>
      <c r="HQ26" s="275">
        <v>0</v>
      </c>
      <c r="HR26" s="276">
        <v>0</v>
      </c>
      <c r="HS26" s="274">
        <v>255444</v>
      </c>
      <c r="HT26" s="274">
        <v>565661</v>
      </c>
      <c r="HU26" s="274">
        <v>1965102</v>
      </c>
      <c r="HV26" s="274">
        <v>2555947</v>
      </c>
      <c r="HW26" s="274">
        <v>1559156</v>
      </c>
      <c r="HX26" s="277">
        <v>6901310</v>
      </c>
      <c r="HY26" s="278">
        <v>6901310</v>
      </c>
    </row>
    <row r="27" spans="2:233" ht="21" customHeight="1" x14ac:dyDescent="0.2">
      <c r="B27" s="472" t="s">
        <v>24</v>
      </c>
      <c r="C27" s="273">
        <v>0</v>
      </c>
      <c r="D27" s="274">
        <v>0</v>
      </c>
      <c r="E27" s="275">
        <v>0</v>
      </c>
      <c r="F27" s="276">
        <v>0</v>
      </c>
      <c r="G27" s="274">
        <v>61675</v>
      </c>
      <c r="H27" s="274">
        <v>7215</v>
      </c>
      <c r="I27" s="274">
        <v>217910</v>
      </c>
      <c r="J27" s="274">
        <v>807800</v>
      </c>
      <c r="K27" s="274">
        <v>324180</v>
      </c>
      <c r="L27" s="277">
        <v>1418780</v>
      </c>
      <c r="M27" s="278">
        <v>1418780</v>
      </c>
      <c r="N27" s="273">
        <v>0</v>
      </c>
      <c r="O27" s="274">
        <v>0</v>
      </c>
      <c r="P27" s="275">
        <v>0</v>
      </c>
      <c r="Q27" s="279"/>
      <c r="R27" s="274">
        <v>0</v>
      </c>
      <c r="S27" s="274">
        <v>0</v>
      </c>
      <c r="T27" s="274">
        <v>191585</v>
      </c>
      <c r="U27" s="274">
        <v>634075</v>
      </c>
      <c r="V27" s="274">
        <v>201865</v>
      </c>
      <c r="W27" s="277">
        <v>1027525</v>
      </c>
      <c r="X27" s="278">
        <v>1027525</v>
      </c>
      <c r="Y27" s="273">
        <v>0</v>
      </c>
      <c r="Z27" s="274">
        <v>0</v>
      </c>
      <c r="AA27" s="275">
        <v>0</v>
      </c>
      <c r="AB27" s="279"/>
      <c r="AC27" s="274">
        <v>58965</v>
      </c>
      <c r="AD27" s="274">
        <v>2635</v>
      </c>
      <c r="AE27" s="274">
        <v>13175</v>
      </c>
      <c r="AF27" s="274">
        <v>138570</v>
      </c>
      <c r="AG27" s="274">
        <v>106330</v>
      </c>
      <c r="AH27" s="277">
        <v>319675</v>
      </c>
      <c r="AI27" s="278">
        <v>319675</v>
      </c>
      <c r="AJ27" s="273">
        <v>0</v>
      </c>
      <c r="AK27" s="274">
        <v>0</v>
      </c>
      <c r="AL27" s="275">
        <v>0</v>
      </c>
      <c r="AM27" s="279"/>
      <c r="AN27" s="274">
        <v>0</v>
      </c>
      <c r="AO27" s="274">
        <v>0</v>
      </c>
      <c r="AP27" s="274">
        <v>0</v>
      </c>
      <c r="AQ27" s="274">
        <v>0</v>
      </c>
      <c r="AR27" s="274">
        <v>0</v>
      </c>
      <c r="AS27" s="277">
        <v>0</v>
      </c>
      <c r="AT27" s="278">
        <v>0</v>
      </c>
      <c r="AU27" s="273">
        <v>0</v>
      </c>
      <c r="AV27" s="274">
        <v>0</v>
      </c>
      <c r="AW27" s="275">
        <v>0</v>
      </c>
      <c r="AX27" s="279"/>
      <c r="AY27" s="274">
        <v>0</v>
      </c>
      <c r="AZ27" s="274">
        <v>0</v>
      </c>
      <c r="BA27" s="274">
        <v>0</v>
      </c>
      <c r="BB27" s="274">
        <v>0</v>
      </c>
      <c r="BC27" s="274">
        <v>0</v>
      </c>
      <c r="BD27" s="277">
        <v>0</v>
      </c>
      <c r="BE27" s="278">
        <v>0</v>
      </c>
      <c r="BF27" s="273">
        <v>0</v>
      </c>
      <c r="BG27" s="274">
        <v>0</v>
      </c>
      <c r="BH27" s="275">
        <v>0</v>
      </c>
      <c r="BI27" s="279"/>
      <c r="BJ27" s="274">
        <v>0</v>
      </c>
      <c r="BK27" s="274">
        <v>0</v>
      </c>
      <c r="BL27" s="274">
        <v>0</v>
      </c>
      <c r="BM27" s="274">
        <v>0</v>
      </c>
      <c r="BN27" s="274">
        <v>0</v>
      </c>
      <c r="BO27" s="277">
        <v>0</v>
      </c>
      <c r="BP27" s="278">
        <v>0</v>
      </c>
      <c r="BQ27" s="273">
        <v>0</v>
      </c>
      <c r="BR27" s="274">
        <v>0</v>
      </c>
      <c r="BS27" s="275">
        <v>0</v>
      </c>
      <c r="BT27" s="276">
        <v>0</v>
      </c>
      <c r="BU27" s="274">
        <v>2155</v>
      </c>
      <c r="BV27" s="274">
        <v>4580</v>
      </c>
      <c r="BW27" s="274">
        <v>10350</v>
      </c>
      <c r="BX27" s="274">
        <v>35155</v>
      </c>
      <c r="BY27" s="274">
        <v>2755</v>
      </c>
      <c r="BZ27" s="277">
        <v>54995</v>
      </c>
      <c r="CA27" s="278">
        <v>54995</v>
      </c>
      <c r="CB27" s="273">
        <v>0</v>
      </c>
      <c r="CC27" s="274">
        <v>0</v>
      </c>
      <c r="CD27" s="275">
        <v>0</v>
      </c>
      <c r="CE27" s="276">
        <v>0</v>
      </c>
      <c r="CF27" s="274">
        <v>555</v>
      </c>
      <c r="CG27" s="274">
        <v>0</v>
      </c>
      <c r="CH27" s="274">
        <v>2800</v>
      </c>
      <c r="CI27" s="274">
        <v>0</v>
      </c>
      <c r="CJ27" s="274">
        <v>13230</v>
      </c>
      <c r="CK27" s="277">
        <v>16585</v>
      </c>
      <c r="CL27" s="278">
        <v>16585</v>
      </c>
      <c r="CM27" s="273">
        <v>0</v>
      </c>
      <c r="CN27" s="274">
        <v>0</v>
      </c>
      <c r="CO27" s="275">
        <v>0</v>
      </c>
      <c r="CP27" s="276">
        <v>0</v>
      </c>
      <c r="CQ27" s="274">
        <v>0</v>
      </c>
      <c r="CR27" s="274">
        <v>0</v>
      </c>
      <c r="CS27" s="274">
        <v>0</v>
      </c>
      <c r="CT27" s="274">
        <v>0</v>
      </c>
      <c r="CU27" s="274">
        <v>0</v>
      </c>
      <c r="CV27" s="277">
        <v>0</v>
      </c>
      <c r="CW27" s="278">
        <v>0</v>
      </c>
      <c r="CX27" s="273">
        <v>0</v>
      </c>
      <c r="CY27" s="274">
        <v>0</v>
      </c>
      <c r="CZ27" s="275">
        <v>0</v>
      </c>
      <c r="DA27" s="279"/>
      <c r="DB27" s="274">
        <v>0</v>
      </c>
      <c r="DC27" s="274">
        <v>0</v>
      </c>
      <c r="DD27" s="274">
        <v>0</v>
      </c>
      <c r="DE27" s="274">
        <v>0</v>
      </c>
      <c r="DF27" s="274">
        <v>0</v>
      </c>
      <c r="DG27" s="277">
        <v>0</v>
      </c>
      <c r="DH27" s="278">
        <v>0</v>
      </c>
      <c r="DI27" s="273">
        <v>0</v>
      </c>
      <c r="DJ27" s="274">
        <v>0</v>
      </c>
      <c r="DK27" s="275">
        <v>0</v>
      </c>
      <c r="DL27" s="276">
        <v>0</v>
      </c>
      <c r="DM27" s="274">
        <v>4814</v>
      </c>
      <c r="DN27" s="274">
        <v>6829</v>
      </c>
      <c r="DO27" s="274">
        <v>266875</v>
      </c>
      <c r="DP27" s="274">
        <v>808444</v>
      </c>
      <c r="DQ27" s="274">
        <v>446583</v>
      </c>
      <c r="DR27" s="277">
        <v>1533545</v>
      </c>
      <c r="DS27" s="280">
        <v>1533545</v>
      </c>
      <c r="DT27" s="273">
        <v>0</v>
      </c>
      <c r="DU27" s="274">
        <v>0</v>
      </c>
      <c r="DV27" s="275">
        <v>0</v>
      </c>
      <c r="DW27" s="279"/>
      <c r="DX27" s="274">
        <v>0</v>
      </c>
      <c r="DY27" s="274">
        <v>0</v>
      </c>
      <c r="DZ27" s="274">
        <v>210396</v>
      </c>
      <c r="EA27" s="274">
        <v>714994</v>
      </c>
      <c r="EB27" s="274">
        <v>412541</v>
      </c>
      <c r="EC27" s="277">
        <v>1337931</v>
      </c>
      <c r="ED27" s="278">
        <v>1337931</v>
      </c>
      <c r="EE27" s="273">
        <v>0</v>
      </c>
      <c r="EF27" s="274">
        <v>0</v>
      </c>
      <c r="EG27" s="275">
        <v>0</v>
      </c>
      <c r="EH27" s="279"/>
      <c r="EI27" s="274">
        <v>567</v>
      </c>
      <c r="EJ27" s="274">
        <v>217</v>
      </c>
      <c r="EK27" s="274">
        <v>22444</v>
      </c>
      <c r="EL27" s="274">
        <v>46019</v>
      </c>
      <c r="EM27" s="274">
        <v>23808</v>
      </c>
      <c r="EN27" s="277">
        <v>93055</v>
      </c>
      <c r="EO27" s="278">
        <v>93055</v>
      </c>
      <c r="EP27" s="273">
        <v>0</v>
      </c>
      <c r="EQ27" s="274">
        <v>0</v>
      </c>
      <c r="ER27" s="275">
        <v>0</v>
      </c>
      <c r="ES27" s="279"/>
      <c r="ET27" s="274">
        <v>0</v>
      </c>
      <c r="EU27" s="274">
        <v>0</v>
      </c>
      <c r="EV27" s="274">
        <v>0</v>
      </c>
      <c r="EW27" s="274">
        <v>0</v>
      </c>
      <c r="EX27" s="274">
        <v>0</v>
      </c>
      <c r="EY27" s="277">
        <v>0</v>
      </c>
      <c r="EZ27" s="278">
        <v>0</v>
      </c>
      <c r="FA27" s="273">
        <v>0</v>
      </c>
      <c r="FB27" s="274">
        <v>0</v>
      </c>
      <c r="FC27" s="275">
        <v>0</v>
      </c>
      <c r="FD27" s="279"/>
      <c r="FE27" s="274">
        <v>0</v>
      </c>
      <c r="FF27" s="274">
        <v>0</v>
      </c>
      <c r="FG27" s="274">
        <v>0</v>
      </c>
      <c r="FH27" s="274">
        <v>0</v>
      </c>
      <c r="FI27" s="274">
        <v>0</v>
      </c>
      <c r="FJ27" s="277">
        <v>0</v>
      </c>
      <c r="FK27" s="278">
        <v>0</v>
      </c>
      <c r="FL27" s="273">
        <v>0</v>
      </c>
      <c r="FM27" s="274">
        <v>0</v>
      </c>
      <c r="FN27" s="275">
        <v>0</v>
      </c>
      <c r="FO27" s="279"/>
      <c r="FP27" s="274">
        <v>0</v>
      </c>
      <c r="FQ27" s="274">
        <v>0</v>
      </c>
      <c r="FR27" s="274">
        <v>0</v>
      </c>
      <c r="FS27" s="274">
        <v>0</v>
      </c>
      <c r="FT27" s="274">
        <v>0</v>
      </c>
      <c r="FU27" s="277">
        <v>0</v>
      </c>
      <c r="FV27" s="278">
        <v>0</v>
      </c>
      <c r="FW27" s="273">
        <v>0</v>
      </c>
      <c r="FX27" s="274">
        <v>0</v>
      </c>
      <c r="FY27" s="275">
        <v>0</v>
      </c>
      <c r="FZ27" s="276">
        <v>0</v>
      </c>
      <c r="GA27" s="274">
        <v>4212</v>
      </c>
      <c r="GB27" s="274">
        <v>6612</v>
      </c>
      <c r="GC27" s="274">
        <v>33986</v>
      </c>
      <c r="GD27" s="274">
        <v>47431</v>
      </c>
      <c r="GE27" s="274">
        <v>10122</v>
      </c>
      <c r="GF27" s="277">
        <v>102363</v>
      </c>
      <c r="GG27" s="278">
        <v>102363</v>
      </c>
      <c r="GH27" s="273">
        <v>0</v>
      </c>
      <c r="GI27" s="274">
        <v>0</v>
      </c>
      <c r="GJ27" s="275">
        <v>0</v>
      </c>
      <c r="GK27" s="276">
        <v>0</v>
      </c>
      <c r="GL27" s="274">
        <v>35</v>
      </c>
      <c r="GM27" s="274">
        <v>0</v>
      </c>
      <c r="GN27" s="274">
        <v>49</v>
      </c>
      <c r="GO27" s="274">
        <v>0</v>
      </c>
      <c r="GP27" s="274">
        <v>112</v>
      </c>
      <c r="GQ27" s="277">
        <v>196</v>
      </c>
      <c r="GR27" s="278">
        <v>196</v>
      </c>
      <c r="GS27" s="273">
        <v>0</v>
      </c>
      <c r="GT27" s="274">
        <v>0</v>
      </c>
      <c r="GU27" s="275">
        <v>0</v>
      </c>
      <c r="GV27" s="276">
        <v>0</v>
      </c>
      <c r="GW27" s="274">
        <v>0</v>
      </c>
      <c r="GX27" s="274">
        <v>0</v>
      </c>
      <c r="GY27" s="274">
        <v>0</v>
      </c>
      <c r="GZ27" s="274">
        <v>0</v>
      </c>
      <c r="HA27" s="274">
        <v>0</v>
      </c>
      <c r="HB27" s="277">
        <v>0</v>
      </c>
      <c r="HC27" s="278">
        <v>0</v>
      </c>
      <c r="HD27" s="273">
        <v>0</v>
      </c>
      <c r="HE27" s="274">
        <v>0</v>
      </c>
      <c r="HF27" s="275">
        <v>0</v>
      </c>
      <c r="HG27" s="279"/>
      <c r="HH27" s="274">
        <v>0</v>
      </c>
      <c r="HI27" s="274">
        <v>0</v>
      </c>
      <c r="HJ27" s="274">
        <v>0</v>
      </c>
      <c r="HK27" s="274">
        <v>0</v>
      </c>
      <c r="HL27" s="274">
        <v>0</v>
      </c>
      <c r="HM27" s="277">
        <v>0</v>
      </c>
      <c r="HN27" s="278">
        <v>0</v>
      </c>
      <c r="HO27" s="273">
        <v>0</v>
      </c>
      <c r="HP27" s="274">
        <v>0</v>
      </c>
      <c r="HQ27" s="275">
        <v>0</v>
      </c>
      <c r="HR27" s="276">
        <v>0</v>
      </c>
      <c r="HS27" s="274">
        <v>66489</v>
      </c>
      <c r="HT27" s="274">
        <v>14044</v>
      </c>
      <c r="HU27" s="274">
        <v>484785</v>
      </c>
      <c r="HV27" s="274">
        <v>1616244</v>
      </c>
      <c r="HW27" s="274">
        <v>770763</v>
      </c>
      <c r="HX27" s="277">
        <v>2952325</v>
      </c>
      <c r="HY27" s="278">
        <v>2952325</v>
      </c>
    </row>
    <row r="28" spans="2:233" ht="21" customHeight="1" x14ac:dyDescent="0.2">
      <c r="B28" s="472" t="s">
        <v>25</v>
      </c>
      <c r="C28" s="273">
        <v>0</v>
      </c>
      <c r="D28" s="274">
        <v>0</v>
      </c>
      <c r="E28" s="275">
        <v>0</v>
      </c>
      <c r="F28" s="276">
        <v>0</v>
      </c>
      <c r="G28" s="274">
        <v>11648</v>
      </c>
      <c r="H28" s="274">
        <v>145127</v>
      </c>
      <c r="I28" s="274">
        <v>534844</v>
      </c>
      <c r="J28" s="274">
        <v>646390</v>
      </c>
      <c r="K28" s="274">
        <v>618088</v>
      </c>
      <c r="L28" s="277">
        <v>1956097</v>
      </c>
      <c r="M28" s="278">
        <v>1956097</v>
      </c>
      <c r="N28" s="273">
        <v>0</v>
      </c>
      <c r="O28" s="274">
        <v>0</v>
      </c>
      <c r="P28" s="275">
        <v>0</v>
      </c>
      <c r="Q28" s="279"/>
      <c r="R28" s="274">
        <v>2465</v>
      </c>
      <c r="S28" s="274">
        <v>0</v>
      </c>
      <c r="T28" s="274">
        <v>416500</v>
      </c>
      <c r="U28" s="274">
        <v>421475</v>
      </c>
      <c r="V28" s="274">
        <v>490240</v>
      </c>
      <c r="W28" s="277">
        <v>1330680</v>
      </c>
      <c r="X28" s="278">
        <v>1330680</v>
      </c>
      <c r="Y28" s="273">
        <v>0</v>
      </c>
      <c r="Z28" s="274">
        <v>0</v>
      </c>
      <c r="AA28" s="275">
        <v>0</v>
      </c>
      <c r="AB28" s="279"/>
      <c r="AC28" s="274">
        <v>2635</v>
      </c>
      <c r="AD28" s="274">
        <v>133455</v>
      </c>
      <c r="AE28" s="274">
        <v>70115</v>
      </c>
      <c r="AF28" s="274">
        <v>195295</v>
      </c>
      <c r="AG28" s="274">
        <v>94815</v>
      </c>
      <c r="AH28" s="277">
        <v>496315</v>
      </c>
      <c r="AI28" s="278">
        <v>496315</v>
      </c>
      <c r="AJ28" s="273">
        <v>0</v>
      </c>
      <c r="AK28" s="274">
        <v>0</v>
      </c>
      <c r="AL28" s="275">
        <v>0</v>
      </c>
      <c r="AM28" s="279"/>
      <c r="AN28" s="274">
        <v>0</v>
      </c>
      <c r="AO28" s="274">
        <v>0</v>
      </c>
      <c r="AP28" s="274">
        <v>0</v>
      </c>
      <c r="AQ28" s="274">
        <v>0</v>
      </c>
      <c r="AR28" s="274">
        <v>0</v>
      </c>
      <c r="AS28" s="277">
        <v>0</v>
      </c>
      <c r="AT28" s="278">
        <v>0</v>
      </c>
      <c r="AU28" s="273">
        <v>0</v>
      </c>
      <c r="AV28" s="274">
        <v>0</v>
      </c>
      <c r="AW28" s="275">
        <v>0</v>
      </c>
      <c r="AX28" s="279"/>
      <c r="AY28" s="274">
        <v>0</v>
      </c>
      <c r="AZ28" s="274">
        <v>0</v>
      </c>
      <c r="BA28" s="274">
        <v>0</v>
      </c>
      <c r="BB28" s="274">
        <v>0</v>
      </c>
      <c r="BC28" s="274">
        <v>32705</v>
      </c>
      <c r="BD28" s="277">
        <v>32705</v>
      </c>
      <c r="BE28" s="278">
        <v>32705</v>
      </c>
      <c r="BF28" s="273">
        <v>0</v>
      </c>
      <c r="BG28" s="274">
        <v>0</v>
      </c>
      <c r="BH28" s="275">
        <v>0</v>
      </c>
      <c r="BI28" s="279"/>
      <c r="BJ28" s="274">
        <v>0</v>
      </c>
      <c r="BK28" s="274">
        <v>0</v>
      </c>
      <c r="BL28" s="274">
        <v>0</v>
      </c>
      <c r="BM28" s="274">
        <v>0</v>
      </c>
      <c r="BN28" s="274">
        <v>0</v>
      </c>
      <c r="BO28" s="277">
        <v>0</v>
      </c>
      <c r="BP28" s="278">
        <v>0</v>
      </c>
      <c r="BQ28" s="273">
        <v>0</v>
      </c>
      <c r="BR28" s="274">
        <v>0</v>
      </c>
      <c r="BS28" s="275">
        <v>0</v>
      </c>
      <c r="BT28" s="276">
        <v>0</v>
      </c>
      <c r="BU28" s="274">
        <v>6548</v>
      </c>
      <c r="BV28" s="274">
        <v>11672</v>
      </c>
      <c r="BW28" s="274">
        <v>47784</v>
      </c>
      <c r="BX28" s="274">
        <v>29620</v>
      </c>
      <c r="BY28" s="274">
        <v>0</v>
      </c>
      <c r="BZ28" s="277">
        <v>95624</v>
      </c>
      <c r="CA28" s="278">
        <v>95624</v>
      </c>
      <c r="CB28" s="273">
        <v>0</v>
      </c>
      <c r="CC28" s="274">
        <v>0</v>
      </c>
      <c r="CD28" s="275">
        <v>0</v>
      </c>
      <c r="CE28" s="276">
        <v>0</v>
      </c>
      <c r="CF28" s="274">
        <v>0</v>
      </c>
      <c r="CG28" s="274">
        <v>0</v>
      </c>
      <c r="CH28" s="274">
        <v>445</v>
      </c>
      <c r="CI28" s="274">
        <v>0</v>
      </c>
      <c r="CJ28" s="274">
        <v>328</v>
      </c>
      <c r="CK28" s="277">
        <v>773</v>
      </c>
      <c r="CL28" s="278">
        <v>773</v>
      </c>
      <c r="CM28" s="273">
        <v>0</v>
      </c>
      <c r="CN28" s="274">
        <v>0</v>
      </c>
      <c r="CO28" s="275">
        <v>0</v>
      </c>
      <c r="CP28" s="276">
        <v>0</v>
      </c>
      <c r="CQ28" s="274">
        <v>0</v>
      </c>
      <c r="CR28" s="274">
        <v>0</v>
      </c>
      <c r="CS28" s="274">
        <v>0</v>
      </c>
      <c r="CT28" s="274">
        <v>0</v>
      </c>
      <c r="CU28" s="274">
        <v>0</v>
      </c>
      <c r="CV28" s="277">
        <v>0</v>
      </c>
      <c r="CW28" s="278">
        <v>0</v>
      </c>
      <c r="CX28" s="273">
        <v>0</v>
      </c>
      <c r="CY28" s="274">
        <v>0</v>
      </c>
      <c r="CZ28" s="275">
        <v>0</v>
      </c>
      <c r="DA28" s="279"/>
      <c r="DB28" s="274">
        <v>0</v>
      </c>
      <c r="DC28" s="274">
        <v>0</v>
      </c>
      <c r="DD28" s="274">
        <v>0</v>
      </c>
      <c r="DE28" s="274">
        <v>0</v>
      </c>
      <c r="DF28" s="274">
        <v>0</v>
      </c>
      <c r="DG28" s="277">
        <v>0</v>
      </c>
      <c r="DH28" s="278">
        <v>0</v>
      </c>
      <c r="DI28" s="273">
        <v>0</v>
      </c>
      <c r="DJ28" s="274">
        <v>0</v>
      </c>
      <c r="DK28" s="275">
        <v>0</v>
      </c>
      <c r="DL28" s="276">
        <v>0</v>
      </c>
      <c r="DM28" s="274">
        <v>28620</v>
      </c>
      <c r="DN28" s="274">
        <v>55182</v>
      </c>
      <c r="DO28" s="274">
        <v>686772</v>
      </c>
      <c r="DP28" s="274">
        <v>758083</v>
      </c>
      <c r="DQ28" s="274">
        <v>508411</v>
      </c>
      <c r="DR28" s="277">
        <v>2037068</v>
      </c>
      <c r="DS28" s="280">
        <v>2037068</v>
      </c>
      <c r="DT28" s="273">
        <v>0</v>
      </c>
      <c r="DU28" s="274">
        <v>0</v>
      </c>
      <c r="DV28" s="275">
        <v>0</v>
      </c>
      <c r="DW28" s="279"/>
      <c r="DX28" s="274">
        <v>15035</v>
      </c>
      <c r="DY28" s="274">
        <v>0</v>
      </c>
      <c r="DZ28" s="274">
        <v>614646</v>
      </c>
      <c r="EA28" s="274">
        <v>705397</v>
      </c>
      <c r="EB28" s="274">
        <v>507032</v>
      </c>
      <c r="EC28" s="277">
        <v>1842110</v>
      </c>
      <c r="ED28" s="278">
        <v>1842110</v>
      </c>
      <c r="EE28" s="273">
        <v>0</v>
      </c>
      <c r="EF28" s="274">
        <v>0</v>
      </c>
      <c r="EG28" s="275">
        <v>0</v>
      </c>
      <c r="EH28" s="279"/>
      <c r="EI28" s="274">
        <v>217</v>
      </c>
      <c r="EJ28" s="274">
        <v>24459</v>
      </c>
      <c r="EK28" s="274">
        <v>6069</v>
      </c>
      <c r="EL28" s="274">
        <v>7610</v>
      </c>
      <c r="EM28" s="274">
        <v>1043</v>
      </c>
      <c r="EN28" s="277">
        <v>39398</v>
      </c>
      <c r="EO28" s="278">
        <v>39398</v>
      </c>
      <c r="EP28" s="273">
        <v>0</v>
      </c>
      <c r="EQ28" s="274">
        <v>0</v>
      </c>
      <c r="ER28" s="275">
        <v>0</v>
      </c>
      <c r="ES28" s="279"/>
      <c r="ET28" s="274">
        <v>0</v>
      </c>
      <c r="EU28" s="274">
        <v>0</v>
      </c>
      <c r="EV28" s="274">
        <v>0</v>
      </c>
      <c r="EW28" s="274">
        <v>0</v>
      </c>
      <c r="EX28" s="274">
        <v>0</v>
      </c>
      <c r="EY28" s="277">
        <v>0</v>
      </c>
      <c r="EZ28" s="278">
        <v>0</v>
      </c>
      <c r="FA28" s="273">
        <v>0</v>
      </c>
      <c r="FB28" s="274">
        <v>0</v>
      </c>
      <c r="FC28" s="275">
        <v>0</v>
      </c>
      <c r="FD28" s="279"/>
      <c r="FE28" s="274">
        <v>0</v>
      </c>
      <c r="FF28" s="274">
        <v>0</v>
      </c>
      <c r="FG28" s="274">
        <v>0</v>
      </c>
      <c r="FH28" s="274">
        <v>0</v>
      </c>
      <c r="FI28" s="274">
        <v>217</v>
      </c>
      <c r="FJ28" s="277">
        <v>217</v>
      </c>
      <c r="FK28" s="278">
        <v>217</v>
      </c>
      <c r="FL28" s="273">
        <v>0</v>
      </c>
      <c r="FM28" s="274">
        <v>0</v>
      </c>
      <c r="FN28" s="275">
        <v>0</v>
      </c>
      <c r="FO28" s="279"/>
      <c r="FP28" s="274">
        <v>0</v>
      </c>
      <c r="FQ28" s="274">
        <v>0</v>
      </c>
      <c r="FR28" s="274">
        <v>0</v>
      </c>
      <c r="FS28" s="274">
        <v>0</v>
      </c>
      <c r="FT28" s="274">
        <v>0</v>
      </c>
      <c r="FU28" s="277">
        <v>0</v>
      </c>
      <c r="FV28" s="278">
        <v>0</v>
      </c>
      <c r="FW28" s="273">
        <v>0</v>
      </c>
      <c r="FX28" s="274">
        <v>0</v>
      </c>
      <c r="FY28" s="275">
        <v>0</v>
      </c>
      <c r="FZ28" s="276">
        <v>0</v>
      </c>
      <c r="GA28" s="274">
        <v>13368</v>
      </c>
      <c r="GB28" s="274">
        <v>30723</v>
      </c>
      <c r="GC28" s="274">
        <v>66036</v>
      </c>
      <c r="GD28" s="274">
        <v>45076</v>
      </c>
      <c r="GE28" s="274">
        <v>0</v>
      </c>
      <c r="GF28" s="277">
        <v>155203</v>
      </c>
      <c r="GG28" s="278">
        <v>155203</v>
      </c>
      <c r="GH28" s="273">
        <v>0</v>
      </c>
      <c r="GI28" s="274">
        <v>0</v>
      </c>
      <c r="GJ28" s="275">
        <v>0</v>
      </c>
      <c r="GK28" s="276">
        <v>0</v>
      </c>
      <c r="GL28" s="274">
        <v>0</v>
      </c>
      <c r="GM28" s="274">
        <v>0</v>
      </c>
      <c r="GN28" s="274">
        <v>21</v>
      </c>
      <c r="GO28" s="274">
        <v>0</v>
      </c>
      <c r="GP28" s="274">
        <v>119</v>
      </c>
      <c r="GQ28" s="277">
        <v>140</v>
      </c>
      <c r="GR28" s="278">
        <v>140</v>
      </c>
      <c r="GS28" s="273">
        <v>0</v>
      </c>
      <c r="GT28" s="274">
        <v>0</v>
      </c>
      <c r="GU28" s="275">
        <v>0</v>
      </c>
      <c r="GV28" s="276">
        <v>0</v>
      </c>
      <c r="GW28" s="274">
        <v>0</v>
      </c>
      <c r="GX28" s="274">
        <v>0</v>
      </c>
      <c r="GY28" s="274">
        <v>0</v>
      </c>
      <c r="GZ28" s="274">
        <v>0</v>
      </c>
      <c r="HA28" s="274">
        <v>0</v>
      </c>
      <c r="HB28" s="277">
        <v>0</v>
      </c>
      <c r="HC28" s="278">
        <v>0</v>
      </c>
      <c r="HD28" s="273">
        <v>0</v>
      </c>
      <c r="HE28" s="274">
        <v>0</v>
      </c>
      <c r="HF28" s="275">
        <v>0</v>
      </c>
      <c r="HG28" s="279"/>
      <c r="HH28" s="274">
        <v>0</v>
      </c>
      <c r="HI28" s="274">
        <v>0</v>
      </c>
      <c r="HJ28" s="274">
        <v>0</v>
      </c>
      <c r="HK28" s="274">
        <v>0</v>
      </c>
      <c r="HL28" s="274">
        <v>0</v>
      </c>
      <c r="HM28" s="277">
        <v>0</v>
      </c>
      <c r="HN28" s="278">
        <v>0</v>
      </c>
      <c r="HO28" s="273">
        <v>0</v>
      </c>
      <c r="HP28" s="274">
        <v>0</v>
      </c>
      <c r="HQ28" s="275">
        <v>0</v>
      </c>
      <c r="HR28" s="276">
        <v>0</v>
      </c>
      <c r="HS28" s="274">
        <v>40268</v>
      </c>
      <c r="HT28" s="274">
        <v>200309</v>
      </c>
      <c r="HU28" s="274">
        <v>1221616</v>
      </c>
      <c r="HV28" s="274">
        <v>1404473</v>
      </c>
      <c r="HW28" s="274">
        <v>1126499</v>
      </c>
      <c r="HX28" s="277">
        <v>3993165</v>
      </c>
      <c r="HY28" s="278">
        <v>3993165</v>
      </c>
    </row>
    <row r="29" spans="2:233" ht="21" customHeight="1" x14ac:dyDescent="0.2">
      <c r="B29" s="472" t="s">
        <v>26</v>
      </c>
      <c r="C29" s="273">
        <v>0</v>
      </c>
      <c r="D29" s="274">
        <v>0</v>
      </c>
      <c r="E29" s="275">
        <v>0</v>
      </c>
      <c r="F29" s="276">
        <v>0</v>
      </c>
      <c r="G29" s="274">
        <v>41259</v>
      </c>
      <c r="H29" s="274">
        <v>155080</v>
      </c>
      <c r="I29" s="274">
        <v>389270</v>
      </c>
      <c r="J29" s="274">
        <v>664559</v>
      </c>
      <c r="K29" s="274">
        <v>428335</v>
      </c>
      <c r="L29" s="277">
        <v>1678503</v>
      </c>
      <c r="M29" s="278">
        <v>1678503</v>
      </c>
      <c r="N29" s="273">
        <v>0</v>
      </c>
      <c r="O29" s="274">
        <v>0</v>
      </c>
      <c r="P29" s="275">
        <v>0</v>
      </c>
      <c r="Q29" s="279"/>
      <c r="R29" s="274">
        <v>0</v>
      </c>
      <c r="S29" s="274">
        <v>33945</v>
      </c>
      <c r="T29" s="274">
        <v>254905</v>
      </c>
      <c r="U29" s="274">
        <v>427710</v>
      </c>
      <c r="V29" s="274">
        <v>358030</v>
      </c>
      <c r="W29" s="277">
        <v>1074590</v>
      </c>
      <c r="X29" s="278">
        <v>1074590</v>
      </c>
      <c r="Y29" s="273">
        <v>0</v>
      </c>
      <c r="Z29" s="274">
        <v>0</v>
      </c>
      <c r="AA29" s="275">
        <v>0</v>
      </c>
      <c r="AB29" s="279"/>
      <c r="AC29" s="274">
        <v>32705</v>
      </c>
      <c r="AD29" s="274">
        <v>110755</v>
      </c>
      <c r="AE29" s="274">
        <v>112550</v>
      </c>
      <c r="AF29" s="274">
        <v>201330</v>
      </c>
      <c r="AG29" s="274">
        <v>35340</v>
      </c>
      <c r="AH29" s="277">
        <v>492680</v>
      </c>
      <c r="AI29" s="278">
        <v>492680</v>
      </c>
      <c r="AJ29" s="273">
        <v>0</v>
      </c>
      <c r="AK29" s="274">
        <v>0</v>
      </c>
      <c r="AL29" s="275">
        <v>0</v>
      </c>
      <c r="AM29" s="279"/>
      <c r="AN29" s="274">
        <v>0</v>
      </c>
      <c r="AO29" s="274">
        <v>0</v>
      </c>
      <c r="AP29" s="274">
        <v>0</v>
      </c>
      <c r="AQ29" s="274">
        <v>0</v>
      </c>
      <c r="AR29" s="274">
        <v>0</v>
      </c>
      <c r="AS29" s="277">
        <v>0</v>
      </c>
      <c r="AT29" s="278">
        <v>0</v>
      </c>
      <c r="AU29" s="273">
        <v>0</v>
      </c>
      <c r="AV29" s="274">
        <v>0</v>
      </c>
      <c r="AW29" s="275">
        <v>0</v>
      </c>
      <c r="AX29" s="279"/>
      <c r="AY29" s="274">
        <v>0</v>
      </c>
      <c r="AZ29" s="274">
        <v>0</v>
      </c>
      <c r="BA29" s="274">
        <v>2635</v>
      </c>
      <c r="BB29" s="274">
        <v>0</v>
      </c>
      <c r="BC29" s="274">
        <v>5270</v>
      </c>
      <c r="BD29" s="277">
        <v>7905</v>
      </c>
      <c r="BE29" s="278">
        <v>7905</v>
      </c>
      <c r="BF29" s="273">
        <v>0</v>
      </c>
      <c r="BG29" s="274">
        <v>0</v>
      </c>
      <c r="BH29" s="275">
        <v>0</v>
      </c>
      <c r="BI29" s="279"/>
      <c r="BJ29" s="274">
        <v>0</v>
      </c>
      <c r="BK29" s="274">
        <v>0</v>
      </c>
      <c r="BL29" s="274">
        <v>0</v>
      </c>
      <c r="BM29" s="274">
        <v>0</v>
      </c>
      <c r="BN29" s="274">
        <v>0</v>
      </c>
      <c r="BO29" s="277">
        <v>0</v>
      </c>
      <c r="BP29" s="278">
        <v>0</v>
      </c>
      <c r="BQ29" s="273">
        <v>0</v>
      </c>
      <c r="BR29" s="274">
        <v>0</v>
      </c>
      <c r="BS29" s="275">
        <v>0</v>
      </c>
      <c r="BT29" s="276">
        <v>0</v>
      </c>
      <c r="BU29" s="274">
        <v>8554</v>
      </c>
      <c r="BV29" s="274">
        <v>10380</v>
      </c>
      <c r="BW29" s="274">
        <v>19180</v>
      </c>
      <c r="BX29" s="274">
        <v>34829</v>
      </c>
      <c r="BY29" s="274">
        <v>29695</v>
      </c>
      <c r="BZ29" s="277">
        <v>102638</v>
      </c>
      <c r="CA29" s="278">
        <v>102638</v>
      </c>
      <c r="CB29" s="273">
        <v>0</v>
      </c>
      <c r="CC29" s="274">
        <v>0</v>
      </c>
      <c r="CD29" s="275">
        <v>0</v>
      </c>
      <c r="CE29" s="276">
        <v>0</v>
      </c>
      <c r="CF29" s="274">
        <v>0</v>
      </c>
      <c r="CG29" s="274">
        <v>0</v>
      </c>
      <c r="CH29" s="274">
        <v>0</v>
      </c>
      <c r="CI29" s="274">
        <v>690</v>
      </c>
      <c r="CJ29" s="274">
        <v>0</v>
      </c>
      <c r="CK29" s="277">
        <v>690</v>
      </c>
      <c r="CL29" s="278">
        <v>690</v>
      </c>
      <c r="CM29" s="273">
        <v>0</v>
      </c>
      <c r="CN29" s="274">
        <v>0</v>
      </c>
      <c r="CO29" s="275">
        <v>0</v>
      </c>
      <c r="CP29" s="276">
        <v>0</v>
      </c>
      <c r="CQ29" s="274">
        <v>0</v>
      </c>
      <c r="CR29" s="274">
        <v>0</v>
      </c>
      <c r="CS29" s="274">
        <v>0</v>
      </c>
      <c r="CT29" s="274">
        <v>0</v>
      </c>
      <c r="CU29" s="274">
        <v>0</v>
      </c>
      <c r="CV29" s="277">
        <v>0</v>
      </c>
      <c r="CW29" s="278">
        <v>0</v>
      </c>
      <c r="CX29" s="273">
        <v>0</v>
      </c>
      <c r="CY29" s="274">
        <v>0</v>
      </c>
      <c r="CZ29" s="275">
        <v>0</v>
      </c>
      <c r="DA29" s="279"/>
      <c r="DB29" s="274">
        <v>0</v>
      </c>
      <c r="DC29" s="274">
        <v>0</v>
      </c>
      <c r="DD29" s="274">
        <v>0</v>
      </c>
      <c r="DE29" s="274">
        <v>0</v>
      </c>
      <c r="DF29" s="274">
        <v>0</v>
      </c>
      <c r="DG29" s="277">
        <v>0</v>
      </c>
      <c r="DH29" s="278">
        <v>0</v>
      </c>
      <c r="DI29" s="273">
        <v>0</v>
      </c>
      <c r="DJ29" s="274">
        <v>0</v>
      </c>
      <c r="DK29" s="275">
        <v>0</v>
      </c>
      <c r="DL29" s="276">
        <v>0</v>
      </c>
      <c r="DM29" s="274">
        <v>22000</v>
      </c>
      <c r="DN29" s="274">
        <v>134987</v>
      </c>
      <c r="DO29" s="274">
        <v>407998</v>
      </c>
      <c r="DP29" s="274">
        <v>604710</v>
      </c>
      <c r="DQ29" s="274">
        <v>464650</v>
      </c>
      <c r="DR29" s="277">
        <v>1634345</v>
      </c>
      <c r="DS29" s="280">
        <v>1634345</v>
      </c>
      <c r="DT29" s="273">
        <v>0</v>
      </c>
      <c r="DU29" s="274">
        <v>0</v>
      </c>
      <c r="DV29" s="275">
        <v>0</v>
      </c>
      <c r="DW29" s="279"/>
      <c r="DX29" s="274">
        <v>0</v>
      </c>
      <c r="DY29" s="274">
        <v>77686</v>
      </c>
      <c r="DZ29" s="274">
        <v>364482</v>
      </c>
      <c r="EA29" s="274">
        <v>550339</v>
      </c>
      <c r="EB29" s="274">
        <v>418486</v>
      </c>
      <c r="EC29" s="277">
        <v>1410993</v>
      </c>
      <c r="ED29" s="278">
        <v>1410993</v>
      </c>
      <c r="EE29" s="273">
        <v>0</v>
      </c>
      <c r="EF29" s="274">
        <v>0</v>
      </c>
      <c r="EG29" s="275">
        <v>0</v>
      </c>
      <c r="EH29" s="279"/>
      <c r="EI29" s="274">
        <v>217</v>
      </c>
      <c r="EJ29" s="274">
        <v>34571</v>
      </c>
      <c r="EK29" s="274">
        <v>13101</v>
      </c>
      <c r="EL29" s="274">
        <v>15968</v>
      </c>
      <c r="EM29" s="274">
        <v>434</v>
      </c>
      <c r="EN29" s="277">
        <v>64291</v>
      </c>
      <c r="EO29" s="278">
        <v>64291</v>
      </c>
      <c r="EP29" s="273">
        <v>0</v>
      </c>
      <c r="EQ29" s="274">
        <v>0</v>
      </c>
      <c r="ER29" s="275">
        <v>0</v>
      </c>
      <c r="ES29" s="279"/>
      <c r="ET29" s="274">
        <v>0</v>
      </c>
      <c r="EU29" s="274">
        <v>0</v>
      </c>
      <c r="EV29" s="274">
        <v>0</v>
      </c>
      <c r="EW29" s="274">
        <v>0</v>
      </c>
      <c r="EX29" s="274">
        <v>0</v>
      </c>
      <c r="EY29" s="277">
        <v>0</v>
      </c>
      <c r="EZ29" s="278">
        <v>0</v>
      </c>
      <c r="FA29" s="273">
        <v>0</v>
      </c>
      <c r="FB29" s="274">
        <v>0</v>
      </c>
      <c r="FC29" s="275">
        <v>0</v>
      </c>
      <c r="FD29" s="279"/>
      <c r="FE29" s="274">
        <v>0</v>
      </c>
      <c r="FF29" s="274">
        <v>0</v>
      </c>
      <c r="FG29" s="274">
        <v>217</v>
      </c>
      <c r="FH29" s="274">
        <v>0</v>
      </c>
      <c r="FI29" s="274">
        <v>434</v>
      </c>
      <c r="FJ29" s="277">
        <v>651</v>
      </c>
      <c r="FK29" s="278">
        <v>651</v>
      </c>
      <c r="FL29" s="273">
        <v>0</v>
      </c>
      <c r="FM29" s="274">
        <v>0</v>
      </c>
      <c r="FN29" s="275">
        <v>0</v>
      </c>
      <c r="FO29" s="279"/>
      <c r="FP29" s="274">
        <v>0</v>
      </c>
      <c r="FQ29" s="274">
        <v>0</v>
      </c>
      <c r="FR29" s="274">
        <v>0</v>
      </c>
      <c r="FS29" s="274">
        <v>0</v>
      </c>
      <c r="FT29" s="274">
        <v>0</v>
      </c>
      <c r="FU29" s="277">
        <v>0</v>
      </c>
      <c r="FV29" s="278">
        <v>0</v>
      </c>
      <c r="FW29" s="273">
        <v>0</v>
      </c>
      <c r="FX29" s="274">
        <v>0</v>
      </c>
      <c r="FY29" s="275">
        <v>0</v>
      </c>
      <c r="FZ29" s="276">
        <v>0</v>
      </c>
      <c r="GA29" s="274">
        <v>21783</v>
      </c>
      <c r="GB29" s="274">
        <v>22730</v>
      </c>
      <c r="GC29" s="274">
        <v>30198</v>
      </c>
      <c r="GD29" s="274">
        <v>38340</v>
      </c>
      <c r="GE29" s="274">
        <v>45296</v>
      </c>
      <c r="GF29" s="277">
        <v>158347</v>
      </c>
      <c r="GG29" s="278">
        <v>158347</v>
      </c>
      <c r="GH29" s="273">
        <v>0</v>
      </c>
      <c r="GI29" s="274">
        <v>0</v>
      </c>
      <c r="GJ29" s="275">
        <v>0</v>
      </c>
      <c r="GK29" s="276">
        <v>0</v>
      </c>
      <c r="GL29" s="274">
        <v>0</v>
      </c>
      <c r="GM29" s="274">
        <v>0</v>
      </c>
      <c r="GN29" s="274">
        <v>0</v>
      </c>
      <c r="GO29" s="274">
        <v>63</v>
      </c>
      <c r="GP29" s="274">
        <v>0</v>
      </c>
      <c r="GQ29" s="277">
        <v>63</v>
      </c>
      <c r="GR29" s="278">
        <v>63</v>
      </c>
      <c r="GS29" s="273">
        <v>0</v>
      </c>
      <c r="GT29" s="274">
        <v>0</v>
      </c>
      <c r="GU29" s="275">
        <v>0</v>
      </c>
      <c r="GV29" s="276">
        <v>0</v>
      </c>
      <c r="GW29" s="274">
        <v>0</v>
      </c>
      <c r="GX29" s="274">
        <v>0</v>
      </c>
      <c r="GY29" s="274">
        <v>0</v>
      </c>
      <c r="GZ29" s="274">
        <v>0</v>
      </c>
      <c r="HA29" s="274">
        <v>0</v>
      </c>
      <c r="HB29" s="277">
        <v>0</v>
      </c>
      <c r="HC29" s="278">
        <v>0</v>
      </c>
      <c r="HD29" s="273">
        <v>0</v>
      </c>
      <c r="HE29" s="274">
        <v>0</v>
      </c>
      <c r="HF29" s="275">
        <v>0</v>
      </c>
      <c r="HG29" s="279"/>
      <c r="HH29" s="274">
        <v>0</v>
      </c>
      <c r="HI29" s="274">
        <v>0</v>
      </c>
      <c r="HJ29" s="274">
        <v>0</v>
      </c>
      <c r="HK29" s="274">
        <v>0</v>
      </c>
      <c r="HL29" s="274">
        <v>0</v>
      </c>
      <c r="HM29" s="277">
        <v>0</v>
      </c>
      <c r="HN29" s="278">
        <v>0</v>
      </c>
      <c r="HO29" s="273">
        <v>0</v>
      </c>
      <c r="HP29" s="274">
        <v>0</v>
      </c>
      <c r="HQ29" s="275">
        <v>0</v>
      </c>
      <c r="HR29" s="276">
        <v>0</v>
      </c>
      <c r="HS29" s="274">
        <v>63259</v>
      </c>
      <c r="HT29" s="274">
        <v>290067</v>
      </c>
      <c r="HU29" s="274">
        <v>797268</v>
      </c>
      <c r="HV29" s="274">
        <v>1269269</v>
      </c>
      <c r="HW29" s="274">
        <v>892985</v>
      </c>
      <c r="HX29" s="277">
        <v>3312848</v>
      </c>
      <c r="HY29" s="278">
        <v>3312848</v>
      </c>
    </row>
    <row r="30" spans="2:233" ht="21" customHeight="1" x14ac:dyDescent="0.2">
      <c r="B30" s="472" t="s">
        <v>27</v>
      </c>
      <c r="C30" s="273">
        <v>0</v>
      </c>
      <c r="D30" s="274">
        <v>0</v>
      </c>
      <c r="E30" s="275">
        <v>0</v>
      </c>
      <c r="F30" s="276">
        <v>0</v>
      </c>
      <c r="G30" s="274">
        <v>54423</v>
      </c>
      <c r="H30" s="274">
        <v>119624</v>
      </c>
      <c r="I30" s="274">
        <v>414090</v>
      </c>
      <c r="J30" s="274">
        <v>746124</v>
      </c>
      <c r="K30" s="274">
        <v>403995</v>
      </c>
      <c r="L30" s="277">
        <v>1738256</v>
      </c>
      <c r="M30" s="278">
        <v>1738256</v>
      </c>
      <c r="N30" s="273">
        <v>0</v>
      </c>
      <c r="O30" s="274">
        <v>0</v>
      </c>
      <c r="P30" s="275">
        <v>0</v>
      </c>
      <c r="Q30" s="279"/>
      <c r="R30" s="274">
        <v>35340</v>
      </c>
      <c r="S30" s="274">
        <v>32705</v>
      </c>
      <c r="T30" s="274">
        <v>286665</v>
      </c>
      <c r="U30" s="274">
        <v>524420</v>
      </c>
      <c r="V30" s="274">
        <v>394265</v>
      </c>
      <c r="W30" s="277">
        <v>1273395</v>
      </c>
      <c r="X30" s="278">
        <v>1273395</v>
      </c>
      <c r="Y30" s="273">
        <v>0</v>
      </c>
      <c r="Z30" s="274">
        <v>0</v>
      </c>
      <c r="AA30" s="275">
        <v>0</v>
      </c>
      <c r="AB30" s="279"/>
      <c r="AC30" s="274">
        <v>9010</v>
      </c>
      <c r="AD30" s="274">
        <v>84630</v>
      </c>
      <c r="AE30" s="274">
        <v>52975</v>
      </c>
      <c r="AF30" s="274">
        <v>194475</v>
      </c>
      <c r="AG30" s="274">
        <v>7095</v>
      </c>
      <c r="AH30" s="277">
        <v>348185</v>
      </c>
      <c r="AI30" s="278">
        <v>348185</v>
      </c>
      <c r="AJ30" s="273">
        <v>0</v>
      </c>
      <c r="AK30" s="274">
        <v>0</v>
      </c>
      <c r="AL30" s="275">
        <v>0</v>
      </c>
      <c r="AM30" s="279"/>
      <c r="AN30" s="274">
        <v>0</v>
      </c>
      <c r="AO30" s="274">
        <v>0</v>
      </c>
      <c r="AP30" s="274">
        <v>0</v>
      </c>
      <c r="AQ30" s="274">
        <v>0</v>
      </c>
      <c r="AR30" s="274">
        <v>0</v>
      </c>
      <c r="AS30" s="277">
        <v>0</v>
      </c>
      <c r="AT30" s="278">
        <v>0</v>
      </c>
      <c r="AU30" s="273">
        <v>0</v>
      </c>
      <c r="AV30" s="274">
        <v>0</v>
      </c>
      <c r="AW30" s="275">
        <v>0</v>
      </c>
      <c r="AX30" s="279"/>
      <c r="AY30" s="274">
        <v>0</v>
      </c>
      <c r="AZ30" s="274">
        <v>0</v>
      </c>
      <c r="BA30" s="274">
        <v>0</v>
      </c>
      <c r="BB30" s="274">
        <v>0</v>
      </c>
      <c r="BC30" s="274">
        <v>0</v>
      </c>
      <c r="BD30" s="277">
        <v>0</v>
      </c>
      <c r="BE30" s="278">
        <v>0</v>
      </c>
      <c r="BF30" s="273">
        <v>0</v>
      </c>
      <c r="BG30" s="274">
        <v>0</v>
      </c>
      <c r="BH30" s="275">
        <v>0</v>
      </c>
      <c r="BI30" s="279"/>
      <c r="BJ30" s="274">
        <v>0</v>
      </c>
      <c r="BK30" s="274">
        <v>0</v>
      </c>
      <c r="BL30" s="274">
        <v>59985</v>
      </c>
      <c r="BM30" s="274">
        <v>10540</v>
      </c>
      <c r="BN30" s="274">
        <v>2635</v>
      </c>
      <c r="BO30" s="277">
        <v>73160</v>
      </c>
      <c r="BP30" s="278">
        <v>73160</v>
      </c>
      <c r="BQ30" s="273">
        <v>0</v>
      </c>
      <c r="BR30" s="274">
        <v>0</v>
      </c>
      <c r="BS30" s="275">
        <v>0</v>
      </c>
      <c r="BT30" s="276">
        <v>0</v>
      </c>
      <c r="BU30" s="274">
        <v>10073</v>
      </c>
      <c r="BV30" s="274">
        <v>2289</v>
      </c>
      <c r="BW30" s="274">
        <v>10905</v>
      </c>
      <c r="BX30" s="274">
        <v>16689</v>
      </c>
      <c r="BY30" s="274">
        <v>0</v>
      </c>
      <c r="BZ30" s="277">
        <v>39956</v>
      </c>
      <c r="CA30" s="278">
        <v>39956</v>
      </c>
      <c r="CB30" s="273">
        <v>0</v>
      </c>
      <c r="CC30" s="274">
        <v>0</v>
      </c>
      <c r="CD30" s="275">
        <v>0</v>
      </c>
      <c r="CE30" s="276">
        <v>0</v>
      </c>
      <c r="CF30" s="274">
        <v>0</v>
      </c>
      <c r="CG30" s="274">
        <v>0</v>
      </c>
      <c r="CH30" s="274">
        <v>3560</v>
      </c>
      <c r="CI30" s="274">
        <v>0</v>
      </c>
      <c r="CJ30" s="274">
        <v>0</v>
      </c>
      <c r="CK30" s="277">
        <v>3560</v>
      </c>
      <c r="CL30" s="278">
        <v>3560</v>
      </c>
      <c r="CM30" s="273">
        <v>0</v>
      </c>
      <c r="CN30" s="274">
        <v>0</v>
      </c>
      <c r="CO30" s="275">
        <v>0</v>
      </c>
      <c r="CP30" s="276">
        <v>0</v>
      </c>
      <c r="CQ30" s="274">
        <v>0</v>
      </c>
      <c r="CR30" s="274">
        <v>0</v>
      </c>
      <c r="CS30" s="274">
        <v>0</v>
      </c>
      <c r="CT30" s="274">
        <v>0</v>
      </c>
      <c r="CU30" s="274">
        <v>0</v>
      </c>
      <c r="CV30" s="277">
        <v>0</v>
      </c>
      <c r="CW30" s="278">
        <v>0</v>
      </c>
      <c r="CX30" s="273">
        <v>0</v>
      </c>
      <c r="CY30" s="274">
        <v>0</v>
      </c>
      <c r="CZ30" s="275">
        <v>0</v>
      </c>
      <c r="DA30" s="279"/>
      <c r="DB30" s="274">
        <v>0</v>
      </c>
      <c r="DC30" s="274">
        <v>0</v>
      </c>
      <c r="DD30" s="274">
        <v>0</v>
      </c>
      <c r="DE30" s="274">
        <v>0</v>
      </c>
      <c r="DF30" s="274">
        <v>0</v>
      </c>
      <c r="DG30" s="277">
        <v>0</v>
      </c>
      <c r="DH30" s="278">
        <v>0</v>
      </c>
      <c r="DI30" s="273">
        <v>0</v>
      </c>
      <c r="DJ30" s="274">
        <v>0</v>
      </c>
      <c r="DK30" s="275">
        <v>0</v>
      </c>
      <c r="DL30" s="276">
        <v>0</v>
      </c>
      <c r="DM30" s="274">
        <v>69969</v>
      </c>
      <c r="DN30" s="274">
        <v>16893</v>
      </c>
      <c r="DO30" s="274">
        <v>398241</v>
      </c>
      <c r="DP30" s="274">
        <v>667736</v>
      </c>
      <c r="DQ30" s="274">
        <v>406438</v>
      </c>
      <c r="DR30" s="277">
        <v>1559277</v>
      </c>
      <c r="DS30" s="280">
        <v>1559277</v>
      </c>
      <c r="DT30" s="273">
        <v>0</v>
      </c>
      <c r="DU30" s="274">
        <v>0</v>
      </c>
      <c r="DV30" s="275">
        <v>0</v>
      </c>
      <c r="DW30" s="279"/>
      <c r="DX30" s="274">
        <v>29140</v>
      </c>
      <c r="DY30" s="274">
        <v>14570</v>
      </c>
      <c r="DZ30" s="274">
        <v>268553</v>
      </c>
      <c r="EA30" s="274">
        <v>479217</v>
      </c>
      <c r="EB30" s="274">
        <v>374254</v>
      </c>
      <c r="EC30" s="277">
        <v>1165734</v>
      </c>
      <c r="ED30" s="278">
        <v>1165734</v>
      </c>
      <c r="EE30" s="273">
        <v>0</v>
      </c>
      <c r="EF30" s="274">
        <v>0</v>
      </c>
      <c r="EG30" s="275">
        <v>0</v>
      </c>
      <c r="EH30" s="279"/>
      <c r="EI30" s="274">
        <v>29537</v>
      </c>
      <c r="EJ30" s="274">
        <v>868</v>
      </c>
      <c r="EK30" s="274">
        <v>32240</v>
      </c>
      <c r="EL30" s="274">
        <v>82860</v>
      </c>
      <c r="EM30" s="274">
        <v>10608</v>
      </c>
      <c r="EN30" s="277">
        <v>156113</v>
      </c>
      <c r="EO30" s="278">
        <v>156113</v>
      </c>
      <c r="EP30" s="273">
        <v>0</v>
      </c>
      <c r="EQ30" s="274">
        <v>0</v>
      </c>
      <c r="ER30" s="275">
        <v>0</v>
      </c>
      <c r="ES30" s="279"/>
      <c r="ET30" s="274">
        <v>0</v>
      </c>
      <c r="EU30" s="274">
        <v>0</v>
      </c>
      <c r="EV30" s="274">
        <v>0</v>
      </c>
      <c r="EW30" s="274">
        <v>0</v>
      </c>
      <c r="EX30" s="274">
        <v>0</v>
      </c>
      <c r="EY30" s="277">
        <v>0</v>
      </c>
      <c r="EZ30" s="278">
        <v>0</v>
      </c>
      <c r="FA30" s="273">
        <v>0</v>
      </c>
      <c r="FB30" s="274">
        <v>0</v>
      </c>
      <c r="FC30" s="275">
        <v>0</v>
      </c>
      <c r="FD30" s="279"/>
      <c r="FE30" s="274">
        <v>0</v>
      </c>
      <c r="FF30" s="274">
        <v>0</v>
      </c>
      <c r="FG30" s="274">
        <v>0</v>
      </c>
      <c r="FH30" s="274">
        <v>0</v>
      </c>
      <c r="FI30" s="274">
        <v>0</v>
      </c>
      <c r="FJ30" s="277">
        <v>0</v>
      </c>
      <c r="FK30" s="278">
        <v>0</v>
      </c>
      <c r="FL30" s="273">
        <v>0</v>
      </c>
      <c r="FM30" s="274">
        <v>0</v>
      </c>
      <c r="FN30" s="275">
        <v>0</v>
      </c>
      <c r="FO30" s="279"/>
      <c r="FP30" s="274">
        <v>0</v>
      </c>
      <c r="FQ30" s="274">
        <v>0</v>
      </c>
      <c r="FR30" s="274">
        <v>79918</v>
      </c>
      <c r="FS30" s="274">
        <v>86304</v>
      </c>
      <c r="FT30" s="274">
        <v>21576</v>
      </c>
      <c r="FU30" s="277">
        <v>187798</v>
      </c>
      <c r="FV30" s="278">
        <v>187798</v>
      </c>
      <c r="FW30" s="273">
        <v>0</v>
      </c>
      <c r="FX30" s="274">
        <v>0</v>
      </c>
      <c r="FY30" s="275">
        <v>0</v>
      </c>
      <c r="FZ30" s="276">
        <v>0</v>
      </c>
      <c r="GA30" s="274">
        <v>11292</v>
      </c>
      <c r="GB30" s="274">
        <v>1455</v>
      </c>
      <c r="GC30" s="274">
        <v>14560</v>
      </c>
      <c r="GD30" s="274">
        <v>19355</v>
      </c>
      <c r="GE30" s="274">
        <v>0</v>
      </c>
      <c r="GF30" s="277">
        <v>46662</v>
      </c>
      <c r="GG30" s="278">
        <v>46662</v>
      </c>
      <c r="GH30" s="273">
        <v>0</v>
      </c>
      <c r="GI30" s="274">
        <v>0</v>
      </c>
      <c r="GJ30" s="275">
        <v>0</v>
      </c>
      <c r="GK30" s="276">
        <v>0</v>
      </c>
      <c r="GL30" s="274">
        <v>0</v>
      </c>
      <c r="GM30" s="274">
        <v>0</v>
      </c>
      <c r="GN30" s="274">
        <v>2970</v>
      </c>
      <c r="GO30" s="274">
        <v>0</v>
      </c>
      <c r="GP30" s="274">
        <v>0</v>
      </c>
      <c r="GQ30" s="277">
        <v>2970</v>
      </c>
      <c r="GR30" s="278">
        <v>2970</v>
      </c>
      <c r="GS30" s="273">
        <v>0</v>
      </c>
      <c r="GT30" s="274">
        <v>0</v>
      </c>
      <c r="GU30" s="275">
        <v>0</v>
      </c>
      <c r="GV30" s="276">
        <v>0</v>
      </c>
      <c r="GW30" s="274">
        <v>0</v>
      </c>
      <c r="GX30" s="274">
        <v>0</v>
      </c>
      <c r="GY30" s="274">
        <v>0</v>
      </c>
      <c r="GZ30" s="274">
        <v>0</v>
      </c>
      <c r="HA30" s="274">
        <v>0</v>
      </c>
      <c r="HB30" s="277">
        <v>0</v>
      </c>
      <c r="HC30" s="278">
        <v>0</v>
      </c>
      <c r="HD30" s="273">
        <v>0</v>
      </c>
      <c r="HE30" s="274">
        <v>0</v>
      </c>
      <c r="HF30" s="275">
        <v>0</v>
      </c>
      <c r="HG30" s="279"/>
      <c r="HH30" s="274">
        <v>0</v>
      </c>
      <c r="HI30" s="274">
        <v>0</v>
      </c>
      <c r="HJ30" s="274">
        <v>0</v>
      </c>
      <c r="HK30" s="274">
        <v>0</v>
      </c>
      <c r="HL30" s="274">
        <v>0</v>
      </c>
      <c r="HM30" s="277">
        <v>0</v>
      </c>
      <c r="HN30" s="278">
        <v>0</v>
      </c>
      <c r="HO30" s="273">
        <v>0</v>
      </c>
      <c r="HP30" s="274">
        <v>0</v>
      </c>
      <c r="HQ30" s="275">
        <v>0</v>
      </c>
      <c r="HR30" s="276">
        <v>0</v>
      </c>
      <c r="HS30" s="274">
        <v>124392</v>
      </c>
      <c r="HT30" s="274">
        <v>136517</v>
      </c>
      <c r="HU30" s="274">
        <v>812331</v>
      </c>
      <c r="HV30" s="274">
        <v>1413860</v>
      </c>
      <c r="HW30" s="274">
        <v>810433</v>
      </c>
      <c r="HX30" s="277">
        <v>3297533</v>
      </c>
      <c r="HY30" s="278">
        <v>3297533</v>
      </c>
    </row>
    <row r="31" spans="2:233" ht="21" customHeight="1" x14ac:dyDescent="0.2">
      <c r="B31" s="472" t="s">
        <v>28</v>
      </c>
      <c r="C31" s="273">
        <v>0</v>
      </c>
      <c r="D31" s="274">
        <v>0</v>
      </c>
      <c r="E31" s="275">
        <v>0</v>
      </c>
      <c r="F31" s="276">
        <v>0</v>
      </c>
      <c r="G31" s="274">
        <v>0</v>
      </c>
      <c r="H31" s="274">
        <v>63200</v>
      </c>
      <c r="I31" s="274">
        <v>315860</v>
      </c>
      <c r="J31" s="274">
        <v>167655</v>
      </c>
      <c r="K31" s="274">
        <v>56275</v>
      </c>
      <c r="L31" s="277">
        <v>602990</v>
      </c>
      <c r="M31" s="278">
        <v>602990</v>
      </c>
      <c r="N31" s="273">
        <v>0</v>
      </c>
      <c r="O31" s="274">
        <v>0</v>
      </c>
      <c r="P31" s="275">
        <v>0</v>
      </c>
      <c r="Q31" s="279"/>
      <c r="R31" s="274">
        <v>0</v>
      </c>
      <c r="S31" s="274">
        <v>30690</v>
      </c>
      <c r="T31" s="274">
        <v>255440</v>
      </c>
      <c r="U31" s="274">
        <v>161540</v>
      </c>
      <c r="V31" s="274">
        <v>56275</v>
      </c>
      <c r="W31" s="277">
        <v>503945</v>
      </c>
      <c r="X31" s="278">
        <v>503945</v>
      </c>
      <c r="Y31" s="273">
        <v>0</v>
      </c>
      <c r="Z31" s="274">
        <v>0</v>
      </c>
      <c r="AA31" s="275">
        <v>0</v>
      </c>
      <c r="AB31" s="279"/>
      <c r="AC31" s="274">
        <v>0</v>
      </c>
      <c r="AD31" s="274">
        <v>32510</v>
      </c>
      <c r="AE31" s="274">
        <v>57350</v>
      </c>
      <c r="AF31" s="274">
        <v>5270</v>
      </c>
      <c r="AG31" s="274">
        <v>0</v>
      </c>
      <c r="AH31" s="277">
        <v>95130</v>
      </c>
      <c r="AI31" s="278">
        <v>95130</v>
      </c>
      <c r="AJ31" s="273">
        <v>0</v>
      </c>
      <c r="AK31" s="274">
        <v>0</v>
      </c>
      <c r="AL31" s="275">
        <v>0</v>
      </c>
      <c r="AM31" s="279"/>
      <c r="AN31" s="274">
        <v>0</v>
      </c>
      <c r="AO31" s="274">
        <v>0</v>
      </c>
      <c r="AP31" s="274">
        <v>0</v>
      </c>
      <c r="AQ31" s="274">
        <v>0</v>
      </c>
      <c r="AR31" s="274">
        <v>0</v>
      </c>
      <c r="AS31" s="277">
        <v>0</v>
      </c>
      <c r="AT31" s="278">
        <v>0</v>
      </c>
      <c r="AU31" s="273">
        <v>0</v>
      </c>
      <c r="AV31" s="274">
        <v>0</v>
      </c>
      <c r="AW31" s="275">
        <v>0</v>
      </c>
      <c r="AX31" s="279"/>
      <c r="AY31" s="274">
        <v>0</v>
      </c>
      <c r="AZ31" s="274">
        <v>0</v>
      </c>
      <c r="BA31" s="274">
        <v>0</v>
      </c>
      <c r="BB31" s="274">
        <v>0</v>
      </c>
      <c r="BC31" s="274">
        <v>0</v>
      </c>
      <c r="BD31" s="277">
        <v>0</v>
      </c>
      <c r="BE31" s="278">
        <v>0</v>
      </c>
      <c r="BF31" s="273">
        <v>0</v>
      </c>
      <c r="BG31" s="274">
        <v>0</v>
      </c>
      <c r="BH31" s="275">
        <v>0</v>
      </c>
      <c r="BI31" s="279"/>
      <c r="BJ31" s="274">
        <v>0</v>
      </c>
      <c r="BK31" s="274">
        <v>0</v>
      </c>
      <c r="BL31" s="274">
        <v>2635</v>
      </c>
      <c r="BM31" s="274">
        <v>0</v>
      </c>
      <c r="BN31" s="274">
        <v>0</v>
      </c>
      <c r="BO31" s="277">
        <v>2635</v>
      </c>
      <c r="BP31" s="278">
        <v>2635</v>
      </c>
      <c r="BQ31" s="273">
        <v>0</v>
      </c>
      <c r="BR31" s="274">
        <v>0</v>
      </c>
      <c r="BS31" s="275">
        <v>0</v>
      </c>
      <c r="BT31" s="276">
        <v>0</v>
      </c>
      <c r="BU31" s="274">
        <v>0</v>
      </c>
      <c r="BV31" s="274">
        <v>0</v>
      </c>
      <c r="BW31" s="274">
        <v>435</v>
      </c>
      <c r="BX31" s="274">
        <v>845</v>
      </c>
      <c r="BY31" s="274">
        <v>0</v>
      </c>
      <c r="BZ31" s="277">
        <v>1280</v>
      </c>
      <c r="CA31" s="278">
        <v>1280</v>
      </c>
      <c r="CB31" s="273">
        <v>0</v>
      </c>
      <c r="CC31" s="274">
        <v>0</v>
      </c>
      <c r="CD31" s="275">
        <v>0</v>
      </c>
      <c r="CE31" s="276">
        <v>0</v>
      </c>
      <c r="CF31" s="274">
        <v>0</v>
      </c>
      <c r="CG31" s="274">
        <v>0</v>
      </c>
      <c r="CH31" s="274">
        <v>0</v>
      </c>
      <c r="CI31" s="274">
        <v>0</v>
      </c>
      <c r="CJ31" s="274">
        <v>0</v>
      </c>
      <c r="CK31" s="277">
        <v>0</v>
      </c>
      <c r="CL31" s="278">
        <v>0</v>
      </c>
      <c r="CM31" s="273">
        <v>0</v>
      </c>
      <c r="CN31" s="274">
        <v>0</v>
      </c>
      <c r="CO31" s="275">
        <v>0</v>
      </c>
      <c r="CP31" s="276">
        <v>0</v>
      </c>
      <c r="CQ31" s="274">
        <v>0</v>
      </c>
      <c r="CR31" s="274">
        <v>0</v>
      </c>
      <c r="CS31" s="274">
        <v>0</v>
      </c>
      <c r="CT31" s="274">
        <v>0</v>
      </c>
      <c r="CU31" s="274">
        <v>0</v>
      </c>
      <c r="CV31" s="277">
        <v>0</v>
      </c>
      <c r="CW31" s="278">
        <v>0</v>
      </c>
      <c r="CX31" s="273">
        <v>0</v>
      </c>
      <c r="CY31" s="274">
        <v>0</v>
      </c>
      <c r="CZ31" s="275">
        <v>0</v>
      </c>
      <c r="DA31" s="279"/>
      <c r="DB31" s="274">
        <v>0</v>
      </c>
      <c r="DC31" s="274">
        <v>0</v>
      </c>
      <c r="DD31" s="274">
        <v>0</v>
      </c>
      <c r="DE31" s="274">
        <v>0</v>
      </c>
      <c r="DF31" s="274">
        <v>0</v>
      </c>
      <c r="DG31" s="277">
        <v>0</v>
      </c>
      <c r="DH31" s="278">
        <v>0</v>
      </c>
      <c r="DI31" s="273">
        <v>0</v>
      </c>
      <c r="DJ31" s="274">
        <v>0</v>
      </c>
      <c r="DK31" s="275">
        <v>0</v>
      </c>
      <c r="DL31" s="276">
        <v>0</v>
      </c>
      <c r="DM31" s="274">
        <v>0</v>
      </c>
      <c r="DN31" s="274">
        <v>14787</v>
      </c>
      <c r="DO31" s="274">
        <v>258104</v>
      </c>
      <c r="DP31" s="274">
        <v>141657</v>
      </c>
      <c r="DQ31" s="274">
        <v>124773</v>
      </c>
      <c r="DR31" s="277">
        <v>539321</v>
      </c>
      <c r="DS31" s="280">
        <v>539321</v>
      </c>
      <c r="DT31" s="273">
        <v>0</v>
      </c>
      <c r="DU31" s="274">
        <v>0</v>
      </c>
      <c r="DV31" s="275">
        <v>0</v>
      </c>
      <c r="DW31" s="279"/>
      <c r="DX31" s="274">
        <v>0</v>
      </c>
      <c r="DY31" s="274">
        <v>14570</v>
      </c>
      <c r="DZ31" s="274">
        <v>234639</v>
      </c>
      <c r="EA31" s="274">
        <v>109906</v>
      </c>
      <c r="EB31" s="274">
        <v>124773</v>
      </c>
      <c r="EC31" s="277">
        <v>483888</v>
      </c>
      <c r="ED31" s="278">
        <v>483888</v>
      </c>
      <c r="EE31" s="273">
        <v>0</v>
      </c>
      <c r="EF31" s="274">
        <v>0</v>
      </c>
      <c r="EG31" s="275">
        <v>0</v>
      </c>
      <c r="EH31" s="279"/>
      <c r="EI31" s="274">
        <v>0</v>
      </c>
      <c r="EJ31" s="274">
        <v>217</v>
      </c>
      <c r="EK31" s="274">
        <v>434</v>
      </c>
      <c r="EL31" s="274">
        <v>31266</v>
      </c>
      <c r="EM31" s="274">
        <v>0</v>
      </c>
      <c r="EN31" s="277">
        <v>31917</v>
      </c>
      <c r="EO31" s="278">
        <v>31917</v>
      </c>
      <c r="EP31" s="273">
        <v>0</v>
      </c>
      <c r="EQ31" s="274">
        <v>0</v>
      </c>
      <c r="ER31" s="275">
        <v>0</v>
      </c>
      <c r="ES31" s="279"/>
      <c r="ET31" s="274">
        <v>0</v>
      </c>
      <c r="EU31" s="274">
        <v>0</v>
      </c>
      <c r="EV31" s="274">
        <v>0</v>
      </c>
      <c r="EW31" s="274">
        <v>0</v>
      </c>
      <c r="EX31" s="274">
        <v>0</v>
      </c>
      <c r="EY31" s="277">
        <v>0</v>
      </c>
      <c r="EZ31" s="278">
        <v>0</v>
      </c>
      <c r="FA31" s="273">
        <v>0</v>
      </c>
      <c r="FB31" s="274">
        <v>0</v>
      </c>
      <c r="FC31" s="275">
        <v>0</v>
      </c>
      <c r="FD31" s="279"/>
      <c r="FE31" s="274">
        <v>0</v>
      </c>
      <c r="FF31" s="274">
        <v>0</v>
      </c>
      <c r="FG31" s="274">
        <v>0</v>
      </c>
      <c r="FH31" s="274">
        <v>0</v>
      </c>
      <c r="FI31" s="274">
        <v>0</v>
      </c>
      <c r="FJ31" s="277">
        <v>0</v>
      </c>
      <c r="FK31" s="278">
        <v>0</v>
      </c>
      <c r="FL31" s="273">
        <v>0</v>
      </c>
      <c r="FM31" s="274">
        <v>0</v>
      </c>
      <c r="FN31" s="275">
        <v>0</v>
      </c>
      <c r="FO31" s="279"/>
      <c r="FP31" s="274">
        <v>0</v>
      </c>
      <c r="FQ31" s="274">
        <v>0</v>
      </c>
      <c r="FR31" s="274">
        <v>21576</v>
      </c>
      <c r="FS31" s="274">
        <v>0</v>
      </c>
      <c r="FT31" s="274">
        <v>0</v>
      </c>
      <c r="FU31" s="277">
        <v>21576</v>
      </c>
      <c r="FV31" s="278">
        <v>21576</v>
      </c>
      <c r="FW31" s="273">
        <v>0</v>
      </c>
      <c r="FX31" s="274">
        <v>0</v>
      </c>
      <c r="FY31" s="275">
        <v>0</v>
      </c>
      <c r="FZ31" s="276">
        <v>0</v>
      </c>
      <c r="GA31" s="274">
        <v>0</v>
      </c>
      <c r="GB31" s="274">
        <v>0</v>
      </c>
      <c r="GC31" s="274">
        <v>1455</v>
      </c>
      <c r="GD31" s="274">
        <v>485</v>
      </c>
      <c r="GE31" s="274">
        <v>0</v>
      </c>
      <c r="GF31" s="277">
        <v>1940</v>
      </c>
      <c r="GG31" s="278">
        <v>1940</v>
      </c>
      <c r="GH31" s="273">
        <v>0</v>
      </c>
      <c r="GI31" s="274">
        <v>0</v>
      </c>
      <c r="GJ31" s="275">
        <v>0</v>
      </c>
      <c r="GK31" s="276">
        <v>0</v>
      </c>
      <c r="GL31" s="274">
        <v>0</v>
      </c>
      <c r="GM31" s="274">
        <v>0</v>
      </c>
      <c r="GN31" s="274">
        <v>0</v>
      </c>
      <c r="GO31" s="274">
        <v>0</v>
      </c>
      <c r="GP31" s="274">
        <v>0</v>
      </c>
      <c r="GQ31" s="277">
        <v>0</v>
      </c>
      <c r="GR31" s="278">
        <v>0</v>
      </c>
      <c r="GS31" s="273">
        <v>0</v>
      </c>
      <c r="GT31" s="274">
        <v>0</v>
      </c>
      <c r="GU31" s="275">
        <v>0</v>
      </c>
      <c r="GV31" s="276">
        <v>0</v>
      </c>
      <c r="GW31" s="274">
        <v>0</v>
      </c>
      <c r="GX31" s="274">
        <v>0</v>
      </c>
      <c r="GY31" s="274">
        <v>0</v>
      </c>
      <c r="GZ31" s="274">
        <v>0</v>
      </c>
      <c r="HA31" s="274">
        <v>0</v>
      </c>
      <c r="HB31" s="277">
        <v>0</v>
      </c>
      <c r="HC31" s="278">
        <v>0</v>
      </c>
      <c r="HD31" s="273">
        <v>0</v>
      </c>
      <c r="HE31" s="274">
        <v>0</v>
      </c>
      <c r="HF31" s="275">
        <v>0</v>
      </c>
      <c r="HG31" s="279"/>
      <c r="HH31" s="274">
        <v>0</v>
      </c>
      <c r="HI31" s="274">
        <v>0</v>
      </c>
      <c r="HJ31" s="274">
        <v>0</v>
      </c>
      <c r="HK31" s="274">
        <v>0</v>
      </c>
      <c r="HL31" s="274">
        <v>0</v>
      </c>
      <c r="HM31" s="277">
        <v>0</v>
      </c>
      <c r="HN31" s="278">
        <v>0</v>
      </c>
      <c r="HO31" s="273">
        <v>0</v>
      </c>
      <c r="HP31" s="274">
        <v>0</v>
      </c>
      <c r="HQ31" s="275">
        <v>0</v>
      </c>
      <c r="HR31" s="276">
        <v>0</v>
      </c>
      <c r="HS31" s="274">
        <v>0</v>
      </c>
      <c r="HT31" s="274">
        <v>77987</v>
      </c>
      <c r="HU31" s="274">
        <v>573964</v>
      </c>
      <c r="HV31" s="274">
        <v>309312</v>
      </c>
      <c r="HW31" s="274">
        <v>181048</v>
      </c>
      <c r="HX31" s="277">
        <v>1142311</v>
      </c>
      <c r="HY31" s="278">
        <v>1142311</v>
      </c>
    </row>
    <row r="32" spans="2:233" ht="21" customHeight="1" x14ac:dyDescent="0.2">
      <c r="B32" s="472" t="s">
        <v>29</v>
      </c>
      <c r="C32" s="273">
        <v>0</v>
      </c>
      <c r="D32" s="274">
        <v>0</v>
      </c>
      <c r="E32" s="275">
        <v>0</v>
      </c>
      <c r="F32" s="276">
        <v>0</v>
      </c>
      <c r="G32" s="274">
        <v>7915</v>
      </c>
      <c r="H32" s="274">
        <v>131220</v>
      </c>
      <c r="I32" s="274">
        <v>218695</v>
      </c>
      <c r="J32" s="274">
        <v>547995</v>
      </c>
      <c r="K32" s="274">
        <v>166710</v>
      </c>
      <c r="L32" s="277">
        <v>1072535</v>
      </c>
      <c r="M32" s="278">
        <v>1072535</v>
      </c>
      <c r="N32" s="273">
        <v>0</v>
      </c>
      <c r="O32" s="274">
        <v>0</v>
      </c>
      <c r="P32" s="275">
        <v>0</v>
      </c>
      <c r="Q32" s="279"/>
      <c r="R32" s="274">
        <v>0</v>
      </c>
      <c r="S32" s="274">
        <v>35495</v>
      </c>
      <c r="T32" s="274">
        <v>51925</v>
      </c>
      <c r="U32" s="274">
        <v>323330</v>
      </c>
      <c r="V32" s="274">
        <v>133455</v>
      </c>
      <c r="W32" s="277">
        <v>544205</v>
      </c>
      <c r="X32" s="278">
        <v>544205</v>
      </c>
      <c r="Y32" s="273">
        <v>0</v>
      </c>
      <c r="Z32" s="274">
        <v>0</v>
      </c>
      <c r="AA32" s="275">
        <v>0</v>
      </c>
      <c r="AB32" s="279"/>
      <c r="AC32" s="274">
        <v>0</v>
      </c>
      <c r="AD32" s="274">
        <v>81500</v>
      </c>
      <c r="AE32" s="274">
        <v>63725</v>
      </c>
      <c r="AF32" s="274">
        <v>159620</v>
      </c>
      <c r="AG32" s="274">
        <v>1190</v>
      </c>
      <c r="AH32" s="277">
        <v>306035</v>
      </c>
      <c r="AI32" s="278">
        <v>306035</v>
      </c>
      <c r="AJ32" s="273">
        <v>0</v>
      </c>
      <c r="AK32" s="274">
        <v>0</v>
      </c>
      <c r="AL32" s="275">
        <v>0</v>
      </c>
      <c r="AM32" s="279"/>
      <c r="AN32" s="274">
        <v>0</v>
      </c>
      <c r="AO32" s="274">
        <v>0</v>
      </c>
      <c r="AP32" s="274">
        <v>0</v>
      </c>
      <c r="AQ32" s="274">
        <v>0</v>
      </c>
      <c r="AR32" s="274">
        <v>0</v>
      </c>
      <c r="AS32" s="277">
        <v>0</v>
      </c>
      <c r="AT32" s="278">
        <v>0</v>
      </c>
      <c r="AU32" s="273">
        <v>0</v>
      </c>
      <c r="AV32" s="274">
        <v>0</v>
      </c>
      <c r="AW32" s="275">
        <v>0</v>
      </c>
      <c r="AX32" s="279"/>
      <c r="AY32" s="274">
        <v>0</v>
      </c>
      <c r="AZ32" s="274">
        <v>0</v>
      </c>
      <c r="BA32" s="274">
        <v>0</v>
      </c>
      <c r="BB32" s="274">
        <v>0</v>
      </c>
      <c r="BC32" s="274">
        <v>0</v>
      </c>
      <c r="BD32" s="277">
        <v>0</v>
      </c>
      <c r="BE32" s="278">
        <v>0</v>
      </c>
      <c r="BF32" s="273">
        <v>0</v>
      </c>
      <c r="BG32" s="274">
        <v>0</v>
      </c>
      <c r="BH32" s="275">
        <v>0</v>
      </c>
      <c r="BI32" s="279"/>
      <c r="BJ32" s="274">
        <v>0</v>
      </c>
      <c r="BK32" s="274">
        <v>0</v>
      </c>
      <c r="BL32" s="274">
        <v>75950</v>
      </c>
      <c r="BM32" s="274">
        <v>63710</v>
      </c>
      <c r="BN32" s="274">
        <v>27280</v>
      </c>
      <c r="BO32" s="277">
        <v>166940</v>
      </c>
      <c r="BP32" s="278">
        <v>166940</v>
      </c>
      <c r="BQ32" s="273">
        <v>0</v>
      </c>
      <c r="BR32" s="274">
        <v>0</v>
      </c>
      <c r="BS32" s="275">
        <v>0</v>
      </c>
      <c r="BT32" s="276">
        <v>0</v>
      </c>
      <c r="BU32" s="274">
        <v>7915</v>
      </c>
      <c r="BV32" s="274">
        <v>14225</v>
      </c>
      <c r="BW32" s="274">
        <v>26755</v>
      </c>
      <c r="BX32" s="274">
        <v>1335</v>
      </c>
      <c r="BY32" s="274">
        <v>1450</v>
      </c>
      <c r="BZ32" s="277">
        <v>51680</v>
      </c>
      <c r="CA32" s="278">
        <v>51680</v>
      </c>
      <c r="CB32" s="273">
        <v>0</v>
      </c>
      <c r="CC32" s="274">
        <v>0</v>
      </c>
      <c r="CD32" s="275">
        <v>0</v>
      </c>
      <c r="CE32" s="276">
        <v>0</v>
      </c>
      <c r="CF32" s="274">
        <v>0</v>
      </c>
      <c r="CG32" s="274">
        <v>0</v>
      </c>
      <c r="CH32" s="274">
        <v>340</v>
      </c>
      <c r="CI32" s="274">
        <v>0</v>
      </c>
      <c r="CJ32" s="274">
        <v>3335</v>
      </c>
      <c r="CK32" s="277">
        <v>3675</v>
      </c>
      <c r="CL32" s="278">
        <v>3675</v>
      </c>
      <c r="CM32" s="273">
        <v>0</v>
      </c>
      <c r="CN32" s="274">
        <v>0</v>
      </c>
      <c r="CO32" s="275">
        <v>0</v>
      </c>
      <c r="CP32" s="276">
        <v>0</v>
      </c>
      <c r="CQ32" s="274">
        <v>0</v>
      </c>
      <c r="CR32" s="274">
        <v>0</v>
      </c>
      <c r="CS32" s="274">
        <v>0</v>
      </c>
      <c r="CT32" s="274">
        <v>0</v>
      </c>
      <c r="CU32" s="274">
        <v>0</v>
      </c>
      <c r="CV32" s="277">
        <v>0</v>
      </c>
      <c r="CW32" s="278">
        <v>0</v>
      </c>
      <c r="CX32" s="273">
        <v>0</v>
      </c>
      <c r="CY32" s="274">
        <v>0</v>
      </c>
      <c r="CZ32" s="275">
        <v>0</v>
      </c>
      <c r="DA32" s="279"/>
      <c r="DB32" s="274">
        <v>0</v>
      </c>
      <c r="DC32" s="274">
        <v>0</v>
      </c>
      <c r="DD32" s="274">
        <v>0</v>
      </c>
      <c r="DE32" s="274">
        <v>0</v>
      </c>
      <c r="DF32" s="274">
        <v>0</v>
      </c>
      <c r="DG32" s="277">
        <v>0</v>
      </c>
      <c r="DH32" s="278">
        <v>0</v>
      </c>
      <c r="DI32" s="273">
        <v>0</v>
      </c>
      <c r="DJ32" s="274">
        <v>0</v>
      </c>
      <c r="DK32" s="275">
        <v>0</v>
      </c>
      <c r="DL32" s="276">
        <v>0</v>
      </c>
      <c r="DM32" s="274">
        <v>7510</v>
      </c>
      <c r="DN32" s="274">
        <v>45994</v>
      </c>
      <c r="DO32" s="274">
        <v>242250</v>
      </c>
      <c r="DP32" s="274">
        <v>356255</v>
      </c>
      <c r="DQ32" s="274">
        <v>173529</v>
      </c>
      <c r="DR32" s="277">
        <v>825538</v>
      </c>
      <c r="DS32" s="280">
        <v>825538</v>
      </c>
      <c r="DT32" s="273">
        <v>0</v>
      </c>
      <c r="DU32" s="274">
        <v>0</v>
      </c>
      <c r="DV32" s="275">
        <v>0</v>
      </c>
      <c r="DW32" s="279"/>
      <c r="DX32" s="274">
        <v>0</v>
      </c>
      <c r="DY32" s="274">
        <v>26505</v>
      </c>
      <c r="DZ32" s="274">
        <v>51646</v>
      </c>
      <c r="EA32" s="274">
        <v>243257</v>
      </c>
      <c r="EB32" s="274">
        <v>129797</v>
      </c>
      <c r="EC32" s="277">
        <v>451205</v>
      </c>
      <c r="ED32" s="278">
        <v>451205</v>
      </c>
      <c r="EE32" s="273">
        <v>0</v>
      </c>
      <c r="EF32" s="274">
        <v>0</v>
      </c>
      <c r="EG32" s="275">
        <v>0</v>
      </c>
      <c r="EH32" s="279"/>
      <c r="EI32" s="274">
        <v>0</v>
      </c>
      <c r="EJ32" s="274">
        <v>1288</v>
      </c>
      <c r="EK32" s="274">
        <v>11833</v>
      </c>
      <c r="EL32" s="274">
        <v>46931</v>
      </c>
      <c r="EM32" s="274">
        <v>5280</v>
      </c>
      <c r="EN32" s="277">
        <v>65332</v>
      </c>
      <c r="EO32" s="278">
        <v>65332</v>
      </c>
      <c r="EP32" s="273">
        <v>0</v>
      </c>
      <c r="EQ32" s="274">
        <v>0</v>
      </c>
      <c r="ER32" s="275">
        <v>0</v>
      </c>
      <c r="ES32" s="279"/>
      <c r="ET32" s="274">
        <v>0</v>
      </c>
      <c r="EU32" s="274">
        <v>0</v>
      </c>
      <c r="EV32" s="274">
        <v>0</v>
      </c>
      <c r="EW32" s="274">
        <v>0</v>
      </c>
      <c r="EX32" s="274">
        <v>0</v>
      </c>
      <c r="EY32" s="277">
        <v>0</v>
      </c>
      <c r="EZ32" s="278">
        <v>0</v>
      </c>
      <c r="FA32" s="273">
        <v>0</v>
      </c>
      <c r="FB32" s="274">
        <v>0</v>
      </c>
      <c r="FC32" s="275">
        <v>0</v>
      </c>
      <c r="FD32" s="279"/>
      <c r="FE32" s="274">
        <v>0</v>
      </c>
      <c r="FF32" s="274">
        <v>0</v>
      </c>
      <c r="FG32" s="274">
        <v>0</v>
      </c>
      <c r="FH32" s="274">
        <v>0</v>
      </c>
      <c r="FI32" s="274">
        <v>0</v>
      </c>
      <c r="FJ32" s="277">
        <v>0</v>
      </c>
      <c r="FK32" s="278">
        <v>0</v>
      </c>
      <c r="FL32" s="273">
        <v>0</v>
      </c>
      <c r="FM32" s="274">
        <v>0</v>
      </c>
      <c r="FN32" s="275">
        <v>0</v>
      </c>
      <c r="FO32" s="279"/>
      <c r="FP32" s="274">
        <v>0</v>
      </c>
      <c r="FQ32" s="274">
        <v>0</v>
      </c>
      <c r="FR32" s="274">
        <v>159836</v>
      </c>
      <c r="FS32" s="274">
        <v>63910</v>
      </c>
      <c r="FT32" s="274">
        <v>32457</v>
      </c>
      <c r="FU32" s="277">
        <v>256203</v>
      </c>
      <c r="FV32" s="278">
        <v>256203</v>
      </c>
      <c r="FW32" s="273">
        <v>0</v>
      </c>
      <c r="FX32" s="274">
        <v>0</v>
      </c>
      <c r="FY32" s="275">
        <v>0</v>
      </c>
      <c r="FZ32" s="276">
        <v>0</v>
      </c>
      <c r="GA32" s="274">
        <v>7510</v>
      </c>
      <c r="GB32" s="274">
        <v>18201</v>
      </c>
      <c r="GC32" s="274">
        <v>17945</v>
      </c>
      <c r="GD32" s="274">
        <v>2157</v>
      </c>
      <c r="GE32" s="274">
        <v>5967</v>
      </c>
      <c r="GF32" s="277">
        <v>51780</v>
      </c>
      <c r="GG32" s="278">
        <v>51780</v>
      </c>
      <c r="GH32" s="273">
        <v>0</v>
      </c>
      <c r="GI32" s="274">
        <v>0</v>
      </c>
      <c r="GJ32" s="275">
        <v>0</v>
      </c>
      <c r="GK32" s="276">
        <v>0</v>
      </c>
      <c r="GL32" s="274">
        <v>0</v>
      </c>
      <c r="GM32" s="274">
        <v>0</v>
      </c>
      <c r="GN32" s="274">
        <v>990</v>
      </c>
      <c r="GO32" s="274">
        <v>0</v>
      </c>
      <c r="GP32" s="274">
        <v>28</v>
      </c>
      <c r="GQ32" s="277">
        <v>1018</v>
      </c>
      <c r="GR32" s="278">
        <v>1018</v>
      </c>
      <c r="GS32" s="273">
        <v>0</v>
      </c>
      <c r="GT32" s="274">
        <v>0</v>
      </c>
      <c r="GU32" s="275">
        <v>0</v>
      </c>
      <c r="GV32" s="276">
        <v>0</v>
      </c>
      <c r="GW32" s="274">
        <v>0</v>
      </c>
      <c r="GX32" s="274">
        <v>0</v>
      </c>
      <c r="GY32" s="274">
        <v>0</v>
      </c>
      <c r="GZ32" s="274">
        <v>0</v>
      </c>
      <c r="HA32" s="274">
        <v>0</v>
      </c>
      <c r="HB32" s="277">
        <v>0</v>
      </c>
      <c r="HC32" s="278">
        <v>0</v>
      </c>
      <c r="HD32" s="273">
        <v>0</v>
      </c>
      <c r="HE32" s="274">
        <v>0</v>
      </c>
      <c r="HF32" s="275">
        <v>0</v>
      </c>
      <c r="HG32" s="279"/>
      <c r="HH32" s="274">
        <v>0</v>
      </c>
      <c r="HI32" s="274">
        <v>0</v>
      </c>
      <c r="HJ32" s="274">
        <v>0</v>
      </c>
      <c r="HK32" s="274">
        <v>0</v>
      </c>
      <c r="HL32" s="274">
        <v>0</v>
      </c>
      <c r="HM32" s="277">
        <v>0</v>
      </c>
      <c r="HN32" s="278">
        <v>0</v>
      </c>
      <c r="HO32" s="273">
        <v>0</v>
      </c>
      <c r="HP32" s="274">
        <v>0</v>
      </c>
      <c r="HQ32" s="275">
        <v>0</v>
      </c>
      <c r="HR32" s="276">
        <v>0</v>
      </c>
      <c r="HS32" s="274">
        <v>15425</v>
      </c>
      <c r="HT32" s="274">
        <v>177214</v>
      </c>
      <c r="HU32" s="274">
        <v>460945</v>
      </c>
      <c r="HV32" s="274">
        <v>904250</v>
      </c>
      <c r="HW32" s="274">
        <v>340239</v>
      </c>
      <c r="HX32" s="277">
        <v>1898073</v>
      </c>
      <c r="HY32" s="278">
        <v>1898073</v>
      </c>
    </row>
    <row r="33" spans="2:233" ht="21" customHeight="1" x14ac:dyDescent="0.2">
      <c r="B33" s="472" t="s">
        <v>30</v>
      </c>
      <c r="C33" s="273">
        <v>0</v>
      </c>
      <c r="D33" s="274">
        <v>0</v>
      </c>
      <c r="E33" s="275">
        <v>0</v>
      </c>
      <c r="F33" s="276">
        <v>0</v>
      </c>
      <c r="G33" s="274">
        <v>121105</v>
      </c>
      <c r="H33" s="274">
        <v>8585</v>
      </c>
      <c r="I33" s="274">
        <v>209585</v>
      </c>
      <c r="J33" s="274">
        <v>361215</v>
      </c>
      <c r="K33" s="274">
        <v>150345</v>
      </c>
      <c r="L33" s="277">
        <v>850835</v>
      </c>
      <c r="M33" s="278">
        <v>850835</v>
      </c>
      <c r="N33" s="273">
        <v>0</v>
      </c>
      <c r="O33" s="274">
        <v>0</v>
      </c>
      <c r="P33" s="275">
        <v>0</v>
      </c>
      <c r="Q33" s="279"/>
      <c r="R33" s="274">
        <v>0</v>
      </c>
      <c r="S33" s="274">
        <v>1530</v>
      </c>
      <c r="T33" s="274">
        <v>136845</v>
      </c>
      <c r="U33" s="274">
        <v>307985</v>
      </c>
      <c r="V33" s="274">
        <v>121780</v>
      </c>
      <c r="W33" s="277">
        <v>568140</v>
      </c>
      <c r="X33" s="278">
        <v>568140</v>
      </c>
      <c r="Y33" s="273">
        <v>0</v>
      </c>
      <c r="Z33" s="274">
        <v>0</v>
      </c>
      <c r="AA33" s="275">
        <v>0</v>
      </c>
      <c r="AB33" s="279"/>
      <c r="AC33" s="274">
        <v>117335</v>
      </c>
      <c r="AD33" s="274">
        <v>2635</v>
      </c>
      <c r="AE33" s="274">
        <v>70710</v>
      </c>
      <c r="AF33" s="274">
        <v>51925</v>
      </c>
      <c r="AG33" s="274">
        <v>5270</v>
      </c>
      <c r="AH33" s="277">
        <v>247875</v>
      </c>
      <c r="AI33" s="278">
        <v>247875</v>
      </c>
      <c r="AJ33" s="273">
        <v>0</v>
      </c>
      <c r="AK33" s="274">
        <v>0</v>
      </c>
      <c r="AL33" s="275">
        <v>0</v>
      </c>
      <c r="AM33" s="279"/>
      <c r="AN33" s="274">
        <v>0</v>
      </c>
      <c r="AO33" s="274">
        <v>0</v>
      </c>
      <c r="AP33" s="274">
        <v>0</v>
      </c>
      <c r="AQ33" s="274">
        <v>0</v>
      </c>
      <c r="AR33" s="274">
        <v>0</v>
      </c>
      <c r="AS33" s="277">
        <v>0</v>
      </c>
      <c r="AT33" s="278">
        <v>0</v>
      </c>
      <c r="AU33" s="273">
        <v>0</v>
      </c>
      <c r="AV33" s="274">
        <v>0</v>
      </c>
      <c r="AW33" s="275">
        <v>0</v>
      </c>
      <c r="AX33" s="279"/>
      <c r="AY33" s="274">
        <v>0</v>
      </c>
      <c r="AZ33" s="274">
        <v>0</v>
      </c>
      <c r="BA33" s="274">
        <v>0</v>
      </c>
      <c r="BB33" s="274">
        <v>0</v>
      </c>
      <c r="BC33" s="274">
        <v>22155</v>
      </c>
      <c r="BD33" s="277">
        <v>22155</v>
      </c>
      <c r="BE33" s="278">
        <v>22155</v>
      </c>
      <c r="BF33" s="273">
        <v>0</v>
      </c>
      <c r="BG33" s="274">
        <v>0</v>
      </c>
      <c r="BH33" s="275">
        <v>0</v>
      </c>
      <c r="BI33" s="279"/>
      <c r="BJ33" s="274">
        <v>0</v>
      </c>
      <c r="BK33" s="274">
        <v>0</v>
      </c>
      <c r="BL33" s="274">
        <v>0</v>
      </c>
      <c r="BM33" s="274">
        <v>0</v>
      </c>
      <c r="BN33" s="274">
        <v>0</v>
      </c>
      <c r="BO33" s="277">
        <v>0</v>
      </c>
      <c r="BP33" s="278">
        <v>0</v>
      </c>
      <c r="BQ33" s="273">
        <v>0</v>
      </c>
      <c r="BR33" s="274">
        <v>0</v>
      </c>
      <c r="BS33" s="275">
        <v>0</v>
      </c>
      <c r="BT33" s="276">
        <v>0</v>
      </c>
      <c r="BU33" s="274">
        <v>3480</v>
      </c>
      <c r="BV33" s="274">
        <v>4420</v>
      </c>
      <c r="BW33" s="274">
        <v>2030</v>
      </c>
      <c r="BX33" s="274">
        <v>1305</v>
      </c>
      <c r="BY33" s="274">
        <v>1140</v>
      </c>
      <c r="BZ33" s="277">
        <v>12375</v>
      </c>
      <c r="CA33" s="278">
        <v>12375</v>
      </c>
      <c r="CB33" s="273">
        <v>0</v>
      </c>
      <c r="CC33" s="274">
        <v>0</v>
      </c>
      <c r="CD33" s="275">
        <v>0</v>
      </c>
      <c r="CE33" s="276">
        <v>0</v>
      </c>
      <c r="CF33" s="274">
        <v>290</v>
      </c>
      <c r="CG33" s="274">
        <v>0</v>
      </c>
      <c r="CH33" s="274">
        <v>0</v>
      </c>
      <c r="CI33" s="274">
        <v>0</v>
      </c>
      <c r="CJ33" s="274">
        <v>0</v>
      </c>
      <c r="CK33" s="277">
        <v>290</v>
      </c>
      <c r="CL33" s="278">
        <v>290</v>
      </c>
      <c r="CM33" s="273">
        <v>0</v>
      </c>
      <c r="CN33" s="274">
        <v>0</v>
      </c>
      <c r="CO33" s="275">
        <v>0</v>
      </c>
      <c r="CP33" s="276">
        <v>0</v>
      </c>
      <c r="CQ33" s="274">
        <v>0</v>
      </c>
      <c r="CR33" s="274">
        <v>0</v>
      </c>
      <c r="CS33" s="274">
        <v>0</v>
      </c>
      <c r="CT33" s="274">
        <v>0</v>
      </c>
      <c r="CU33" s="274">
        <v>0</v>
      </c>
      <c r="CV33" s="277">
        <v>0</v>
      </c>
      <c r="CW33" s="278">
        <v>0</v>
      </c>
      <c r="CX33" s="273">
        <v>0</v>
      </c>
      <c r="CY33" s="274">
        <v>0</v>
      </c>
      <c r="CZ33" s="275">
        <v>0</v>
      </c>
      <c r="DA33" s="279"/>
      <c r="DB33" s="274">
        <v>0</v>
      </c>
      <c r="DC33" s="274">
        <v>0</v>
      </c>
      <c r="DD33" s="274">
        <v>0</v>
      </c>
      <c r="DE33" s="274">
        <v>0</v>
      </c>
      <c r="DF33" s="274">
        <v>0</v>
      </c>
      <c r="DG33" s="277">
        <v>0</v>
      </c>
      <c r="DH33" s="278">
        <v>0</v>
      </c>
      <c r="DI33" s="273">
        <v>0</v>
      </c>
      <c r="DJ33" s="274">
        <v>0</v>
      </c>
      <c r="DK33" s="275">
        <v>0</v>
      </c>
      <c r="DL33" s="276">
        <v>0</v>
      </c>
      <c r="DM33" s="274">
        <v>45947</v>
      </c>
      <c r="DN33" s="274">
        <v>27218</v>
      </c>
      <c r="DO33" s="274">
        <v>282362</v>
      </c>
      <c r="DP33" s="274">
        <v>334907</v>
      </c>
      <c r="DQ33" s="274">
        <v>183310</v>
      </c>
      <c r="DR33" s="277">
        <v>873744</v>
      </c>
      <c r="DS33" s="280">
        <v>873744</v>
      </c>
      <c r="DT33" s="273">
        <v>0</v>
      </c>
      <c r="DU33" s="274">
        <v>0</v>
      </c>
      <c r="DV33" s="275">
        <v>0</v>
      </c>
      <c r="DW33" s="279"/>
      <c r="DX33" s="274">
        <v>0</v>
      </c>
      <c r="DY33" s="274">
        <v>8730</v>
      </c>
      <c r="DZ33" s="274">
        <v>259086</v>
      </c>
      <c r="EA33" s="274">
        <v>327236</v>
      </c>
      <c r="EB33" s="274">
        <v>170769</v>
      </c>
      <c r="EC33" s="277">
        <v>765821</v>
      </c>
      <c r="ED33" s="278">
        <v>765821</v>
      </c>
      <c r="EE33" s="273">
        <v>0</v>
      </c>
      <c r="EF33" s="274">
        <v>0</v>
      </c>
      <c r="EG33" s="275">
        <v>0</v>
      </c>
      <c r="EH33" s="279"/>
      <c r="EI33" s="274">
        <v>36456</v>
      </c>
      <c r="EJ33" s="274">
        <v>11098</v>
      </c>
      <c r="EK33" s="274">
        <v>12121</v>
      </c>
      <c r="EL33" s="274">
        <v>651</v>
      </c>
      <c r="EM33" s="274">
        <v>10447</v>
      </c>
      <c r="EN33" s="277">
        <v>70773</v>
      </c>
      <c r="EO33" s="278">
        <v>70773</v>
      </c>
      <c r="EP33" s="273">
        <v>0</v>
      </c>
      <c r="EQ33" s="274">
        <v>0</v>
      </c>
      <c r="ER33" s="275">
        <v>0</v>
      </c>
      <c r="ES33" s="279"/>
      <c r="ET33" s="274">
        <v>0</v>
      </c>
      <c r="EU33" s="274">
        <v>0</v>
      </c>
      <c r="EV33" s="274">
        <v>0</v>
      </c>
      <c r="EW33" s="274">
        <v>0</v>
      </c>
      <c r="EX33" s="274">
        <v>0</v>
      </c>
      <c r="EY33" s="277">
        <v>0</v>
      </c>
      <c r="EZ33" s="278">
        <v>0</v>
      </c>
      <c r="FA33" s="273">
        <v>0</v>
      </c>
      <c r="FB33" s="274">
        <v>0</v>
      </c>
      <c r="FC33" s="275">
        <v>0</v>
      </c>
      <c r="FD33" s="279"/>
      <c r="FE33" s="274">
        <v>0</v>
      </c>
      <c r="FF33" s="274">
        <v>0</v>
      </c>
      <c r="FG33" s="274">
        <v>0</v>
      </c>
      <c r="FH33" s="274">
        <v>0</v>
      </c>
      <c r="FI33" s="274">
        <v>154</v>
      </c>
      <c r="FJ33" s="277">
        <v>154</v>
      </c>
      <c r="FK33" s="278">
        <v>154</v>
      </c>
      <c r="FL33" s="273">
        <v>0</v>
      </c>
      <c r="FM33" s="274">
        <v>0</v>
      </c>
      <c r="FN33" s="275">
        <v>0</v>
      </c>
      <c r="FO33" s="279"/>
      <c r="FP33" s="274">
        <v>0</v>
      </c>
      <c r="FQ33" s="274">
        <v>0</v>
      </c>
      <c r="FR33" s="274">
        <v>0</v>
      </c>
      <c r="FS33" s="274">
        <v>0</v>
      </c>
      <c r="FT33" s="274">
        <v>0</v>
      </c>
      <c r="FU33" s="277">
        <v>0</v>
      </c>
      <c r="FV33" s="278">
        <v>0</v>
      </c>
      <c r="FW33" s="273">
        <v>0</v>
      </c>
      <c r="FX33" s="274">
        <v>0</v>
      </c>
      <c r="FY33" s="275">
        <v>0</v>
      </c>
      <c r="FZ33" s="276">
        <v>0</v>
      </c>
      <c r="GA33" s="274">
        <v>8775</v>
      </c>
      <c r="GB33" s="274">
        <v>7390</v>
      </c>
      <c r="GC33" s="274">
        <v>11155</v>
      </c>
      <c r="GD33" s="274">
        <v>7020</v>
      </c>
      <c r="GE33" s="274">
        <v>1940</v>
      </c>
      <c r="GF33" s="277">
        <v>36280</v>
      </c>
      <c r="GG33" s="278">
        <v>36280</v>
      </c>
      <c r="GH33" s="273">
        <v>0</v>
      </c>
      <c r="GI33" s="274">
        <v>0</v>
      </c>
      <c r="GJ33" s="275">
        <v>0</v>
      </c>
      <c r="GK33" s="276">
        <v>0</v>
      </c>
      <c r="GL33" s="274">
        <v>716</v>
      </c>
      <c r="GM33" s="274">
        <v>0</v>
      </c>
      <c r="GN33" s="274">
        <v>0</v>
      </c>
      <c r="GO33" s="274">
        <v>0</v>
      </c>
      <c r="GP33" s="274">
        <v>0</v>
      </c>
      <c r="GQ33" s="277">
        <v>716</v>
      </c>
      <c r="GR33" s="278">
        <v>716</v>
      </c>
      <c r="GS33" s="273">
        <v>0</v>
      </c>
      <c r="GT33" s="274">
        <v>0</v>
      </c>
      <c r="GU33" s="275">
        <v>0</v>
      </c>
      <c r="GV33" s="276">
        <v>0</v>
      </c>
      <c r="GW33" s="274">
        <v>0</v>
      </c>
      <c r="GX33" s="274">
        <v>0</v>
      </c>
      <c r="GY33" s="274">
        <v>0</v>
      </c>
      <c r="GZ33" s="274">
        <v>0</v>
      </c>
      <c r="HA33" s="274">
        <v>0</v>
      </c>
      <c r="HB33" s="277">
        <v>0</v>
      </c>
      <c r="HC33" s="278">
        <v>0</v>
      </c>
      <c r="HD33" s="273">
        <v>0</v>
      </c>
      <c r="HE33" s="274">
        <v>0</v>
      </c>
      <c r="HF33" s="275">
        <v>0</v>
      </c>
      <c r="HG33" s="279"/>
      <c r="HH33" s="274">
        <v>0</v>
      </c>
      <c r="HI33" s="274">
        <v>0</v>
      </c>
      <c r="HJ33" s="274">
        <v>0</v>
      </c>
      <c r="HK33" s="274">
        <v>0</v>
      </c>
      <c r="HL33" s="274">
        <v>0</v>
      </c>
      <c r="HM33" s="277">
        <v>0</v>
      </c>
      <c r="HN33" s="278">
        <v>0</v>
      </c>
      <c r="HO33" s="273">
        <v>0</v>
      </c>
      <c r="HP33" s="274">
        <v>0</v>
      </c>
      <c r="HQ33" s="275">
        <v>0</v>
      </c>
      <c r="HR33" s="276">
        <v>0</v>
      </c>
      <c r="HS33" s="274">
        <v>167052</v>
      </c>
      <c r="HT33" s="274">
        <v>35803</v>
      </c>
      <c r="HU33" s="274">
        <v>491947</v>
      </c>
      <c r="HV33" s="274">
        <v>696122</v>
      </c>
      <c r="HW33" s="274">
        <v>333655</v>
      </c>
      <c r="HX33" s="277">
        <v>1724579</v>
      </c>
      <c r="HY33" s="278">
        <v>1724579</v>
      </c>
    </row>
    <row r="34" spans="2:233" ht="21" customHeight="1" x14ac:dyDescent="0.2">
      <c r="B34" s="472" t="s">
        <v>31</v>
      </c>
      <c r="C34" s="273">
        <v>0</v>
      </c>
      <c r="D34" s="274">
        <v>0</v>
      </c>
      <c r="E34" s="275">
        <v>0</v>
      </c>
      <c r="F34" s="276">
        <v>0</v>
      </c>
      <c r="G34" s="274">
        <v>25805</v>
      </c>
      <c r="H34" s="274">
        <v>91600</v>
      </c>
      <c r="I34" s="274">
        <v>273905</v>
      </c>
      <c r="J34" s="274">
        <v>170705</v>
      </c>
      <c r="K34" s="274">
        <v>178430</v>
      </c>
      <c r="L34" s="277">
        <v>740445</v>
      </c>
      <c r="M34" s="278">
        <v>740445</v>
      </c>
      <c r="N34" s="273">
        <v>0</v>
      </c>
      <c r="O34" s="274">
        <v>0</v>
      </c>
      <c r="P34" s="275">
        <v>0</v>
      </c>
      <c r="Q34" s="279"/>
      <c r="R34" s="274">
        <v>24645</v>
      </c>
      <c r="S34" s="274">
        <v>57350</v>
      </c>
      <c r="T34" s="274">
        <v>247100</v>
      </c>
      <c r="U34" s="274">
        <v>117695</v>
      </c>
      <c r="V34" s="274">
        <v>145725</v>
      </c>
      <c r="W34" s="277">
        <v>592515</v>
      </c>
      <c r="X34" s="278">
        <v>592515</v>
      </c>
      <c r="Y34" s="273">
        <v>0</v>
      </c>
      <c r="Z34" s="274">
        <v>0</v>
      </c>
      <c r="AA34" s="275">
        <v>0</v>
      </c>
      <c r="AB34" s="279"/>
      <c r="AC34" s="274">
        <v>0</v>
      </c>
      <c r="AD34" s="274">
        <v>29830</v>
      </c>
      <c r="AE34" s="274">
        <v>10540</v>
      </c>
      <c r="AF34" s="274">
        <v>38485</v>
      </c>
      <c r="AG34" s="274">
        <v>0</v>
      </c>
      <c r="AH34" s="277">
        <v>78855</v>
      </c>
      <c r="AI34" s="278">
        <v>78855</v>
      </c>
      <c r="AJ34" s="273">
        <v>0</v>
      </c>
      <c r="AK34" s="274">
        <v>0</v>
      </c>
      <c r="AL34" s="275">
        <v>0</v>
      </c>
      <c r="AM34" s="279"/>
      <c r="AN34" s="274">
        <v>0</v>
      </c>
      <c r="AO34" s="274">
        <v>0</v>
      </c>
      <c r="AP34" s="274">
        <v>0</v>
      </c>
      <c r="AQ34" s="274">
        <v>0</v>
      </c>
      <c r="AR34" s="274">
        <v>0</v>
      </c>
      <c r="AS34" s="277">
        <v>0</v>
      </c>
      <c r="AT34" s="278">
        <v>0</v>
      </c>
      <c r="AU34" s="273">
        <v>0</v>
      </c>
      <c r="AV34" s="274">
        <v>0</v>
      </c>
      <c r="AW34" s="275">
        <v>0</v>
      </c>
      <c r="AX34" s="279"/>
      <c r="AY34" s="274">
        <v>0</v>
      </c>
      <c r="AZ34" s="274">
        <v>0</v>
      </c>
      <c r="BA34" s="274">
        <v>0</v>
      </c>
      <c r="BB34" s="274">
        <v>0</v>
      </c>
      <c r="BC34" s="274">
        <v>32705</v>
      </c>
      <c r="BD34" s="277">
        <v>32705</v>
      </c>
      <c r="BE34" s="278">
        <v>32705</v>
      </c>
      <c r="BF34" s="273">
        <v>0</v>
      </c>
      <c r="BG34" s="274">
        <v>0</v>
      </c>
      <c r="BH34" s="275">
        <v>0</v>
      </c>
      <c r="BI34" s="279"/>
      <c r="BJ34" s="274">
        <v>0</v>
      </c>
      <c r="BK34" s="274">
        <v>0</v>
      </c>
      <c r="BL34" s="274">
        <v>0</v>
      </c>
      <c r="BM34" s="274">
        <v>0</v>
      </c>
      <c r="BN34" s="274">
        <v>0</v>
      </c>
      <c r="BO34" s="277">
        <v>0</v>
      </c>
      <c r="BP34" s="278">
        <v>0</v>
      </c>
      <c r="BQ34" s="273">
        <v>0</v>
      </c>
      <c r="BR34" s="274">
        <v>0</v>
      </c>
      <c r="BS34" s="275">
        <v>0</v>
      </c>
      <c r="BT34" s="276">
        <v>0</v>
      </c>
      <c r="BU34" s="274">
        <v>1160</v>
      </c>
      <c r="BV34" s="274">
        <v>4420</v>
      </c>
      <c r="BW34" s="274">
        <v>16265</v>
      </c>
      <c r="BX34" s="274">
        <v>14525</v>
      </c>
      <c r="BY34" s="274">
        <v>0</v>
      </c>
      <c r="BZ34" s="277">
        <v>36370</v>
      </c>
      <c r="CA34" s="278">
        <v>36370</v>
      </c>
      <c r="CB34" s="273">
        <v>0</v>
      </c>
      <c r="CC34" s="274">
        <v>0</v>
      </c>
      <c r="CD34" s="275">
        <v>0</v>
      </c>
      <c r="CE34" s="276">
        <v>0</v>
      </c>
      <c r="CF34" s="274">
        <v>0</v>
      </c>
      <c r="CG34" s="274">
        <v>0</v>
      </c>
      <c r="CH34" s="274">
        <v>0</v>
      </c>
      <c r="CI34" s="274">
        <v>0</v>
      </c>
      <c r="CJ34" s="274">
        <v>0</v>
      </c>
      <c r="CK34" s="277">
        <v>0</v>
      </c>
      <c r="CL34" s="278">
        <v>0</v>
      </c>
      <c r="CM34" s="273">
        <v>0</v>
      </c>
      <c r="CN34" s="274">
        <v>0</v>
      </c>
      <c r="CO34" s="275">
        <v>0</v>
      </c>
      <c r="CP34" s="276">
        <v>0</v>
      </c>
      <c r="CQ34" s="274">
        <v>0</v>
      </c>
      <c r="CR34" s="274">
        <v>0</v>
      </c>
      <c r="CS34" s="274">
        <v>0</v>
      </c>
      <c r="CT34" s="274">
        <v>0</v>
      </c>
      <c r="CU34" s="274">
        <v>0</v>
      </c>
      <c r="CV34" s="277">
        <v>0</v>
      </c>
      <c r="CW34" s="278">
        <v>0</v>
      </c>
      <c r="CX34" s="273">
        <v>0</v>
      </c>
      <c r="CY34" s="274">
        <v>0</v>
      </c>
      <c r="CZ34" s="275">
        <v>0</v>
      </c>
      <c r="DA34" s="279"/>
      <c r="DB34" s="274">
        <v>0</v>
      </c>
      <c r="DC34" s="274">
        <v>0</v>
      </c>
      <c r="DD34" s="274">
        <v>0</v>
      </c>
      <c r="DE34" s="274">
        <v>0</v>
      </c>
      <c r="DF34" s="274">
        <v>0</v>
      </c>
      <c r="DG34" s="277">
        <v>0</v>
      </c>
      <c r="DH34" s="278">
        <v>0</v>
      </c>
      <c r="DI34" s="273">
        <v>0</v>
      </c>
      <c r="DJ34" s="274">
        <v>0</v>
      </c>
      <c r="DK34" s="275">
        <v>0</v>
      </c>
      <c r="DL34" s="276">
        <v>0</v>
      </c>
      <c r="DM34" s="274">
        <v>25086</v>
      </c>
      <c r="DN34" s="274">
        <v>61877</v>
      </c>
      <c r="DO34" s="274">
        <v>321296</v>
      </c>
      <c r="DP34" s="274">
        <v>298357</v>
      </c>
      <c r="DQ34" s="274">
        <v>174331</v>
      </c>
      <c r="DR34" s="277">
        <v>880947</v>
      </c>
      <c r="DS34" s="280">
        <v>880947</v>
      </c>
      <c r="DT34" s="273">
        <v>0</v>
      </c>
      <c r="DU34" s="274">
        <v>0</v>
      </c>
      <c r="DV34" s="275">
        <v>0</v>
      </c>
      <c r="DW34" s="279"/>
      <c r="DX34" s="274">
        <v>21576</v>
      </c>
      <c r="DY34" s="274">
        <v>51801</v>
      </c>
      <c r="DZ34" s="274">
        <v>282202</v>
      </c>
      <c r="EA34" s="274">
        <v>278875</v>
      </c>
      <c r="EB34" s="274">
        <v>174114</v>
      </c>
      <c r="EC34" s="277">
        <v>808568</v>
      </c>
      <c r="ED34" s="278">
        <v>808568</v>
      </c>
      <c r="EE34" s="273">
        <v>0</v>
      </c>
      <c r="EF34" s="274">
        <v>0</v>
      </c>
      <c r="EG34" s="275">
        <v>0</v>
      </c>
      <c r="EH34" s="279"/>
      <c r="EI34" s="274">
        <v>0</v>
      </c>
      <c r="EJ34" s="274">
        <v>620</v>
      </c>
      <c r="EK34" s="274">
        <v>868</v>
      </c>
      <c r="EL34" s="274">
        <v>693</v>
      </c>
      <c r="EM34" s="274">
        <v>0</v>
      </c>
      <c r="EN34" s="277">
        <v>2181</v>
      </c>
      <c r="EO34" s="278">
        <v>2181</v>
      </c>
      <c r="EP34" s="273">
        <v>0</v>
      </c>
      <c r="EQ34" s="274">
        <v>0</v>
      </c>
      <c r="ER34" s="275">
        <v>0</v>
      </c>
      <c r="ES34" s="279"/>
      <c r="ET34" s="274">
        <v>0</v>
      </c>
      <c r="EU34" s="274">
        <v>0</v>
      </c>
      <c r="EV34" s="274">
        <v>0</v>
      </c>
      <c r="EW34" s="274">
        <v>0</v>
      </c>
      <c r="EX34" s="274">
        <v>0</v>
      </c>
      <c r="EY34" s="277">
        <v>0</v>
      </c>
      <c r="EZ34" s="278">
        <v>0</v>
      </c>
      <c r="FA34" s="273">
        <v>0</v>
      </c>
      <c r="FB34" s="274">
        <v>0</v>
      </c>
      <c r="FC34" s="275">
        <v>0</v>
      </c>
      <c r="FD34" s="279"/>
      <c r="FE34" s="274">
        <v>0</v>
      </c>
      <c r="FF34" s="274">
        <v>0</v>
      </c>
      <c r="FG34" s="274">
        <v>0</v>
      </c>
      <c r="FH34" s="274">
        <v>0</v>
      </c>
      <c r="FI34" s="274">
        <v>217</v>
      </c>
      <c r="FJ34" s="277">
        <v>217</v>
      </c>
      <c r="FK34" s="278">
        <v>217</v>
      </c>
      <c r="FL34" s="273">
        <v>0</v>
      </c>
      <c r="FM34" s="274">
        <v>0</v>
      </c>
      <c r="FN34" s="275">
        <v>0</v>
      </c>
      <c r="FO34" s="279"/>
      <c r="FP34" s="274">
        <v>0</v>
      </c>
      <c r="FQ34" s="274">
        <v>0</v>
      </c>
      <c r="FR34" s="274">
        <v>0</v>
      </c>
      <c r="FS34" s="274">
        <v>0</v>
      </c>
      <c r="FT34" s="274">
        <v>0</v>
      </c>
      <c r="FU34" s="277">
        <v>0</v>
      </c>
      <c r="FV34" s="278">
        <v>0</v>
      </c>
      <c r="FW34" s="273">
        <v>0</v>
      </c>
      <c r="FX34" s="274">
        <v>0</v>
      </c>
      <c r="FY34" s="275">
        <v>0</v>
      </c>
      <c r="FZ34" s="276">
        <v>0</v>
      </c>
      <c r="GA34" s="274">
        <v>3510</v>
      </c>
      <c r="GB34" s="274">
        <v>9456</v>
      </c>
      <c r="GC34" s="274">
        <v>38226</v>
      </c>
      <c r="GD34" s="274">
        <v>18789</v>
      </c>
      <c r="GE34" s="274">
        <v>0</v>
      </c>
      <c r="GF34" s="277">
        <v>69981</v>
      </c>
      <c r="GG34" s="278">
        <v>69981</v>
      </c>
      <c r="GH34" s="273">
        <v>0</v>
      </c>
      <c r="GI34" s="274">
        <v>0</v>
      </c>
      <c r="GJ34" s="275">
        <v>0</v>
      </c>
      <c r="GK34" s="276">
        <v>0</v>
      </c>
      <c r="GL34" s="274">
        <v>0</v>
      </c>
      <c r="GM34" s="274">
        <v>0</v>
      </c>
      <c r="GN34" s="274">
        <v>0</v>
      </c>
      <c r="GO34" s="274">
        <v>0</v>
      </c>
      <c r="GP34" s="274">
        <v>0</v>
      </c>
      <c r="GQ34" s="277">
        <v>0</v>
      </c>
      <c r="GR34" s="278">
        <v>0</v>
      </c>
      <c r="GS34" s="273">
        <v>0</v>
      </c>
      <c r="GT34" s="274">
        <v>0</v>
      </c>
      <c r="GU34" s="275">
        <v>0</v>
      </c>
      <c r="GV34" s="276">
        <v>0</v>
      </c>
      <c r="GW34" s="274">
        <v>0</v>
      </c>
      <c r="GX34" s="274">
        <v>0</v>
      </c>
      <c r="GY34" s="274">
        <v>0</v>
      </c>
      <c r="GZ34" s="274">
        <v>0</v>
      </c>
      <c r="HA34" s="274">
        <v>0</v>
      </c>
      <c r="HB34" s="277">
        <v>0</v>
      </c>
      <c r="HC34" s="278">
        <v>0</v>
      </c>
      <c r="HD34" s="273">
        <v>0</v>
      </c>
      <c r="HE34" s="274">
        <v>0</v>
      </c>
      <c r="HF34" s="275">
        <v>0</v>
      </c>
      <c r="HG34" s="279"/>
      <c r="HH34" s="274">
        <v>0</v>
      </c>
      <c r="HI34" s="274">
        <v>0</v>
      </c>
      <c r="HJ34" s="274">
        <v>0</v>
      </c>
      <c r="HK34" s="274">
        <v>0</v>
      </c>
      <c r="HL34" s="274">
        <v>0</v>
      </c>
      <c r="HM34" s="277">
        <v>0</v>
      </c>
      <c r="HN34" s="278">
        <v>0</v>
      </c>
      <c r="HO34" s="273">
        <v>0</v>
      </c>
      <c r="HP34" s="274">
        <v>0</v>
      </c>
      <c r="HQ34" s="275">
        <v>0</v>
      </c>
      <c r="HR34" s="276">
        <v>0</v>
      </c>
      <c r="HS34" s="274">
        <v>50891</v>
      </c>
      <c r="HT34" s="274">
        <v>153477</v>
      </c>
      <c r="HU34" s="274">
        <v>595201</v>
      </c>
      <c r="HV34" s="274">
        <v>469062</v>
      </c>
      <c r="HW34" s="274">
        <v>352761</v>
      </c>
      <c r="HX34" s="277">
        <v>1621392</v>
      </c>
      <c r="HY34" s="278">
        <v>1621392</v>
      </c>
    </row>
    <row r="35" spans="2:233" ht="21" customHeight="1" x14ac:dyDescent="0.2">
      <c r="B35" s="472" t="s">
        <v>32</v>
      </c>
      <c r="C35" s="273">
        <v>0</v>
      </c>
      <c r="D35" s="274">
        <v>0</v>
      </c>
      <c r="E35" s="275">
        <v>0</v>
      </c>
      <c r="F35" s="276">
        <v>0</v>
      </c>
      <c r="G35" s="274">
        <v>70450</v>
      </c>
      <c r="H35" s="274">
        <v>78225</v>
      </c>
      <c r="I35" s="274">
        <v>290522</v>
      </c>
      <c r="J35" s="274">
        <v>402090</v>
      </c>
      <c r="K35" s="274">
        <v>175180</v>
      </c>
      <c r="L35" s="277">
        <v>1016467</v>
      </c>
      <c r="M35" s="278">
        <v>1016467</v>
      </c>
      <c r="N35" s="273">
        <v>0</v>
      </c>
      <c r="O35" s="274">
        <v>0</v>
      </c>
      <c r="P35" s="275">
        <v>0</v>
      </c>
      <c r="Q35" s="279"/>
      <c r="R35" s="274">
        <v>35495</v>
      </c>
      <c r="S35" s="274">
        <v>0</v>
      </c>
      <c r="T35" s="274">
        <v>113477</v>
      </c>
      <c r="U35" s="274">
        <v>223975</v>
      </c>
      <c r="V35" s="274">
        <v>72715</v>
      </c>
      <c r="W35" s="277">
        <v>445662</v>
      </c>
      <c r="X35" s="278">
        <v>445662</v>
      </c>
      <c r="Y35" s="273">
        <v>0</v>
      </c>
      <c r="Z35" s="274">
        <v>0</v>
      </c>
      <c r="AA35" s="275">
        <v>0</v>
      </c>
      <c r="AB35" s="279"/>
      <c r="AC35" s="274">
        <v>34955</v>
      </c>
      <c r="AD35" s="274">
        <v>71695</v>
      </c>
      <c r="AE35" s="274">
        <v>62620</v>
      </c>
      <c r="AF35" s="274">
        <v>135935</v>
      </c>
      <c r="AG35" s="274">
        <v>38130</v>
      </c>
      <c r="AH35" s="277">
        <v>343335</v>
      </c>
      <c r="AI35" s="278">
        <v>343335</v>
      </c>
      <c r="AJ35" s="273">
        <v>0</v>
      </c>
      <c r="AK35" s="274">
        <v>0</v>
      </c>
      <c r="AL35" s="275">
        <v>0</v>
      </c>
      <c r="AM35" s="279"/>
      <c r="AN35" s="274">
        <v>0</v>
      </c>
      <c r="AO35" s="274">
        <v>0</v>
      </c>
      <c r="AP35" s="274">
        <v>0</v>
      </c>
      <c r="AQ35" s="274">
        <v>0</v>
      </c>
      <c r="AR35" s="274">
        <v>0</v>
      </c>
      <c r="AS35" s="277">
        <v>0</v>
      </c>
      <c r="AT35" s="278">
        <v>0</v>
      </c>
      <c r="AU35" s="273">
        <v>0</v>
      </c>
      <c r="AV35" s="274">
        <v>0</v>
      </c>
      <c r="AW35" s="275">
        <v>0</v>
      </c>
      <c r="AX35" s="279"/>
      <c r="AY35" s="274">
        <v>0</v>
      </c>
      <c r="AZ35" s="274">
        <v>0</v>
      </c>
      <c r="BA35" s="274">
        <v>0</v>
      </c>
      <c r="BB35" s="274">
        <v>0</v>
      </c>
      <c r="BC35" s="274">
        <v>32705</v>
      </c>
      <c r="BD35" s="277">
        <v>32705</v>
      </c>
      <c r="BE35" s="278">
        <v>32705</v>
      </c>
      <c r="BF35" s="273">
        <v>0</v>
      </c>
      <c r="BG35" s="274">
        <v>0</v>
      </c>
      <c r="BH35" s="275">
        <v>0</v>
      </c>
      <c r="BI35" s="279"/>
      <c r="BJ35" s="274">
        <v>0</v>
      </c>
      <c r="BK35" s="274">
        <v>0</v>
      </c>
      <c r="BL35" s="274">
        <v>110465</v>
      </c>
      <c r="BM35" s="274">
        <v>37975</v>
      </c>
      <c r="BN35" s="274">
        <v>27280</v>
      </c>
      <c r="BO35" s="277">
        <v>175720</v>
      </c>
      <c r="BP35" s="278">
        <v>175720</v>
      </c>
      <c r="BQ35" s="273">
        <v>0</v>
      </c>
      <c r="BR35" s="274">
        <v>0</v>
      </c>
      <c r="BS35" s="275">
        <v>0</v>
      </c>
      <c r="BT35" s="276">
        <v>0</v>
      </c>
      <c r="BU35" s="274">
        <v>0</v>
      </c>
      <c r="BV35" s="274">
        <v>6530</v>
      </c>
      <c r="BW35" s="274">
        <v>3670</v>
      </c>
      <c r="BX35" s="274">
        <v>4205</v>
      </c>
      <c r="BY35" s="274">
        <v>4350</v>
      </c>
      <c r="BZ35" s="277">
        <v>18755</v>
      </c>
      <c r="CA35" s="278">
        <v>18755</v>
      </c>
      <c r="CB35" s="273">
        <v>0</v>
      </c>
      <c r="CC35" s="274">
        <v>0</v>
      </c>
      <c r="CD35" s="275">
        <v>0</v>
      </c>
      <c r="CE35" s="276">
        <v>0</v>
      </c>
      <c r="CF35" s="274">
        <v>0</v>
      </c>
      <c r="CG35" s="274">
        <v>0</v>
      </c>
      <c r="CH35" s="274">
        <v>290</v>
      </c>
      <c r="CI35" s="274">
        <v>0</v>
      </c>
      <c r="CJ35" s="274">
        <v>0</v>
      </c>
      <c r="CK35" s="277">
        <v>290</v>
      </c>
      <c r="CL35" s="278">
        <v>290</v>
      </c>
      <c r="CM35" s="273">
        <v>0</v>
      </c>
      <c r="CN35" s="274">
        <v>0</v>
      </c>
      <c r="CO35" s="275">
        <v>0</v>
      </c>
      <c r="CP35" s="276">
        <v>0</v>
      </c>
      <c r="CQ35" s="274">
        <v>0</v>
      </c>
      <c r="CR35" s="274">
        <v>0</v>
      </c>
      <c r="CS35" s="274">
        <v>0</v>
      </c>
      <c r="CT35" s="274">
        <v>0</v>
      </c>
      <c r="CU35" s="274">
        <v>0</v>
      </c>
      <c r="CV35" s="277">
        <v>0</v>
      </c>
      <c r="CW35" s="278">
        <v>0</v>
      </c>
      <c r="CX35" s="273">
        <v>0</v>
      </c>
      <c r="CY35" s="274">
        <v>0</v>
      </c>
      <c r="CZ35" s="275">
        <v>0</v>
      </c>
      <c r="DA35" s="279"/>
      <c r="DB35" s="274">
        <v>0</v>
      </c>
      <c r="DC35" s="274">
        <v>0</v>
      </c>
      <c r="DD35" s="274">
        <v>0</v>
      </c>
      <c r="DE35" s="274">
        <v>0</v>
      </c>
      <c r="DF35" s="274">
        <v>0</v>
      </c>
      <c r="DG35" s="277">
        <v>0</v>
      </c>
      <c r="DH35" s="278">
        <v>0</v>
      </c>
      <c r="DI35" s="273">
        <v>0</v>
      </c>
      <c r="DJ35" s="274">
        <v>0</v>
      </c>
      <c r="DK35" s="275">
        <v>0</v>
      </c>
      <c r="DL35" s="276">
        <v>0</v>
      </c>
      <c r="DM35" s="274">
        <v>26939</v>
      </c>
      <c r="DN35" s="274">
        <v>5295</v>
      </c>
      <c r="DO35" s="274">
        <v>283309</v>
      </c>
      <c r="DP35" s="274">
        <v>418739</v>
      </c>
      <c r="DQ35" s="274">
        <v>180214</v>
      </c>
      <c r="DR35" s="277">
        <v>914496</v>
      </c>
      <c r="DS35" s="280">
        <v>914496</v>
      </c>
      <c r="DT35" s="273">
        <v>0</v>
      </c>
      <c r="DU35" s="274">
        <v>0</v>
      </c>
      <c r="DV35" s="275">
        <v>0</v>
      </c>
      <c r="DW35" s="279"/>
      <c r="DX35" s="274">
        <v>26505</v>
      </c>
      <c r="DY35" s="274">
        <v>0</v>
      </c>
      <c r="DZ35" s="274">
        <v>144168</v>
      </c>
      <c r="EA35" s="274">
        <v>316510</v>
      </c>
      <c r="EB35" s="274">
        <v>131781</v>
      </c>
      <c r="EC35" s="277">
        <v>618964</v>
      </c>
      <c r="ED35" s="278">
        <v>618964</v>
      </c>
      <c r="EE35" s="273">
        <v>0</v>
      </c>
      <c r="EF35" s="274">
        <v>0</v>
      </c>
      <c r="EG35" s="275">
        <v>0</v>
      </c>
      <c r="EH35" s="279"/>
      <c r="EI35" s="274">
        <v>434</v>
      </c>
      <c r="EJ35" s="274">
        <v>445</v>
      </c>
      <c r="EK35" s="274">
        <v>11718</v>
      </c>
      <c r="EL35" s="274">
        <v>37386</v>
      </c>
      <c r="EM35" s="274">
        <v>11904</v>
      </c>
      <c r="EN35" s="277">
        <v>61887</v>
      </c>
      <c r="EO35" s="278">
        <v>61887</v>
      </c>
      <c r="EP35" s="273">
        <v>0</v>
      </c>
      <c r="EQ35" s="274">
        <v>0</v>
      </c>
      <c r="ER35" s="275">
        <v>0</v>
      </c>
      <c r="ES35" s="279"/>
      <c r="ET35" s="274">
        <v>0</v>
      </c>
      <c r="EU35" s="274">
        <v>0</v>
      </c>
      <c r="EV35" s="274">
        <v>0</v>
      </c>
      <c r="EW35" s="274">
        <v>0</v>
      </c>
      <c r="EX35" s="274">
        <v>0</v>
      </c>
      <c r="EY35" s="277">
        <v>0</v>
      </c>
      <c r="EZ35" s="278">
        <v>0</v>
      </c>
      <c r="FA35" s="273">
        <v>0</v>
      </c>
      <c r="FB35" s="274">
        <v>0</v>
      </c>
      <c r="FC35" s="275">
        <v>0</v>
      </c>
      <c r="FD35" s="279"/>
      <c r="FE35" s="274">
        <v>0</v>
      </c>
      <c r="FF35" s="274">
        <v>0</v>
      </c>
      <c r="FG35" s="274">
        <v>0</v>
      </c>
      <c r="FH35" s="274">
        <v>0</v>
      </c>
      <c r="FI35" s="274">
        <v>217</v>
      </c>
      <c r="FJ35" s="277">
        <v>217</v>
      </c>
      <c r="FK35" s="278">
        <v>217</v>
      </c>
      <c r="FL35" s="273">
        <v>0</v>
      </c>
      <c r="FM35" s="274">
        <v>0</v>
      </c>
      <c r="FN35" s="275">
        <v>0</v>
      </c>
      <c r="FO35" s="279"/>
      <c r="FP35" s="274">
        <v>0</v>
      </c>
      <c r="FQ35" s="274">
        <v>0</v>
      </c>
      <c r="FR35" s="274">
        <v>119201</v>
      </c>
      <c r="FS35" s="274">
        <v>45043</v>
      </c>
      <c r="FT35" s="274">
        <v>21762</v>
      </c>
      <c r="FU35" s="277">
        <v>186006</v>
      </c>
      <c r="FV35" s="278">
        <v>186006</v>
      </c>
      <c r="FW35" s="273">
        <v>0</v>
      </c>
      <c r="FX35" s="274">
        <v>0</v>
      </c>
      <c r="FY35" s="275">
        <v>0</v>
      </c>
      <c r="FZ35" s="276">
        <v>0</v>
      </c>
      <c r="GA35" s="274">
        <v>0</v>
      </c>
      <c r="GB35" s="274">
        <v>4850</v>
      </c>
      <c r="GC35" s="274">
        <v>6790</v>
      </c>
      <c r="GD35" s="274">
        <v>19800</v>
      </c>
      <c r="GE35" s="274">
        <v>14550</v>
      </c>
      <c r="GF35" s="277">
        <v>45990</v>
      </c>
      <c r="GG35" s="278">
        <v>45990</v>
      </c>
      <c r="GH35" s="273">
        <v>0</v>
      </c>
      <c r="GI35" s="274">
        <v>0</v>
      </c>
      <c r="GJ35" s="275">
        <v>0</v>
      </c>
      <c r="GK35" s="276">
        <v>0</v>
      </c>
      <c r="GL35" s="274">
        <v>0</v>
      </c>
      <c r="GM35" s="274">
        <v>0</v>
      </c>
      <c r="GN35" s="274">
        <v>1432</v>
      </c>
      <c r="GO35" s="274">
        <v>0</v>
      </c>
      <c r="GP35" s="274">
        <v>0</v>
      </c>
      <c r="GQ35" s="277">
        <v>1432</v>
      </c>
      <c r="GR35" s="278">
        <v>1432</v>
      </c>
      <c r="GS35" s="273">
        <v>0</v>
      </c>
      <c r="GT35" s="274">
        <v>0</v>
      </c>
      <c r="GU35" s="275">
        <v>0</v>
      </c>
      <c r="GV35" s="276">
        <v>0</v>
      </c>
      <c r="GW35" s="274">
        <v>0</v>
      </c>
      <c r="GX35" s="274">
        <v>0</v>
      </c>
      <c r="GY35" s="274">
        <v>0</v>
      </c>
      <c r="GZ35" s="274">
        <v>0</v>
      </c>
      <c r="HA35" s="274">
        <v>0</v>
      </c>
      <c r="HB35" s="277">
        <v>0</v>
      </c>
      <c r="HC35" s="278">
        <v>0</v>
      </c>
      <c r="HD35" s="273">
        <v>0</v>
      </c>
      <c r="HE35" s="274">
        <v>0</v>
      </c>
      <c r="HF35" s="275">
        <v>0</v>
      </c>
      <c r="HG35" s="279"/>
      <c r="HH35" s="274">
        <v>0</v>
      </c>
      <c r="HI35" s="274">
        <v>0</v>
      </c>
      <c r="HJ35" s="274">
        <v>0</v>
      </c>
      <c r="HK35" s="274">
        <v>0</v>
      </c>
      <c r="HL35" s="274">
        <v>0</v>
      </c>
      <c r="HM35" s="277">
        <v>0</v>
      </c>
      <c r="HN35" s="278">
        <v>0</v>
      </c>
      <c r="HO35" s="273">
        <v>0</v>
      </c>
      <c r="HP35" s="274">
        <v>0</v>
      </c>
      <c r="HQ35" s="275">
        <v>0</v>
      </c>
      <c r="HR35" s="276">
        <v>0</v>
      </c>
      <c r="HS35" s="274">
        <v>97389</v>
      </c>
      <c r="HT35" s="274">
        <v>83520</v>
      </c>
      <c r="HU35" s="274">
        <v>573831</v>
      </c>
      <c r="HV35" s="274">
        <v>820829</v>
      </c>
      <c r="HW35" s="274">
        <v>355394</v>
      </c>
      <c r="HX35" s="277">
        <v>1930963</v>
      </c>
      <c r="HY35" s="278">
        <v>1930963</v>
      </c>
    </row>
    <row r="36" spans="2:233" ht="21" customHeight="1" x14ac:dyDescent="0.2">
      <c r="B36" s="472" t="s">
        <v>33</v>
      </c>
      <c r="C36" s="273">
        <v>0</v>
      </c>
      <c r="D36" s="274">
        <v>0</v>
      </c>
      <c r="E36" s="275">
        <v>0</v>
      </c>
      <c r="F36" s="276">
        <v>0</v>
      </c>
      <c r="G36" s="274">
        <v>66135</v>
      </c>
      <c r="H36" s="274">
        <v>175465</v>
      </c>
      <c r="I36" s="274">
        <v>363465</v>
      </c>
      <c r="J36" s="274">
        <v>525190</v>
      </c>
      <c r="K36" s="274">
        <v>275865</v>
      </c>
      <c r="L36" s="277">
        <v>1406120</v>
      </c>
      <c r="M36" s="278">
        <v>1406120</v>
      </c>
      <c r="N36" s="273">
        <v>0</v>
      </c>
      <c r="O36" s="274">
        <v>0</v>
      </c>
      <c r="P36" s="275">
        <v>0</v>
      </c>
      <c r="Q36" s="279"/>
      <c r="R36" s="274">
        <v>0</v>
      </c>
      <c r="S36" s="274">
        <v>29915</v>
      </c>
      <c r="T36" s="274">
        <v>203355</v>
      </c>
      <c r="U36" s="274">
        <v>328115</v>
      </c>
      <c r="V36" s="274">
        <v>227625</v>
      </c>
      <c r="W36" s="277">
        <v>789010</v>
      </c>
      <c r="X36" s="278">
        <v>789010</v>
      </c>
      <c r="Y36" s="273">
        <v>0</v>
      </c>
      <c r="Z36" s="274">
        <v>0</v>
      </c>
      <c r="AA36" s="275">
        <v>0</v>
      </c>
      <c r="AB36" s="279"/>
      <c r="AC36" s="274">
        <v>62210</v>
      </c>
      <c r="AD36" s="274">
        <v>62775</v>
      </c>
      <c r="AE36" s="274">
        <v>108965</v>
      </c>
      <c r="AF36" s="274">
        <v>160735</v>
      </c>
      <c r="AG36" s="274">
        <v>34810</v>
      </c>
      <c r="AH36" s="277">
        <v>429495</v>
      </c>
      <c r="AI36" s="278">
        <v>429495</v>
      </c>
      <c r="AJ36" s="273">
        <v>0</v>
      </c>
      <c r="AK36" s="274">
        <v>0</v>
      </c>
      <c r="AL36" s="275">
        <v>0</v>
      </c>
      <c r="AM36" s="279"/>
      <c r="AN36" s="274">
        <v>0</v>
      </c>
      <c r="AO36" s="274">
        <v>0</v>
      </c>
      <c r="AP36" s="274">
        <v>0</v>
      </c>
      <c r="AQ36" s="274">
        <v>0</v>
      </c>
      <c r="AR36" s="274">
        <v>0</v>
      </c>
      <c r="AS36" s="277">
        <v>0</v>
      </c>
      <c r="AT36" s="278">
        <v>0</v>
      </c>
      <c r="AU36" s="273">
        <v>0</v>
      </c>
      <c r="AV36" s="274">
        <v>0</v>
      </c>
      <c r="AW36" s="275">
        <v>0</v>
      </c>
      <c r="AX36" s="279"/>
      <c r="AY36" s="274">
        <v>2380</v>
      </c>
      <c r="AZ36" s="274">
        <v>60140</v>
      </c>
      <c r="BA36" s="274">
        <v>40740</v>
      </c>
      <c r="BB36" s="274">
        <v>35495</v>
      </c>
      <c r="BC36" s="274">
        <v>13430</v>
      </c>
      <c r="BD36" s="277">
        <v>152185</v>
      </c>
      <c r="BE36" s="278">
        <v>152185</v>
      </c>
      <c r="BF36" s="273">
        <v>0</v>
      </c>
      <c r="BG36" s="274">
        <v>0</v>
      </c>
      <c r="BH36" s="275">
        <v>0</v>
      </c>
      <c r="BI36" s="279"/>
      <c r="BJ36" s="274">
        <v>0</v>
      </c>
      <c r="BK36" s="274">
        <v>0</v>
      </c>
      <c r="BL36" s="274">
        <v>0</v>
      </c>
      <c r="BM36" s="274">
        <v>0</v>
      </c>
      <c r="BN36" s="274">
        <v>0</v>
      </c>
      <c r="BO36" s="277">
        <v>0</v>
      </c>
      <c r="BP36" s="278">
        <v>0</v>
      </c>
      <c r="BQ36" s="273">
        <v>0</v>
      </c>
      <c r="BR36" s="274">
        <v>0</v>
      </c>
      <c r="BS36" s="275">
        <v>0</v>
      </c>
      <c r="BT36" s="276">
        <v>0</v>
      </c>
      <c r="BU36" s="274">
        <v>725</v>
      </c>
      <c r="BV36" s="274">
        <v>22635</v>
      </c>
      <c r="BW36" s="274">
        <v>10405</v>
      </c>
      <c r="BX36" s="274">
        <v>0</v>
      </c>
      <c r="BY36" s="274">
        <v>0</v>
      </c>
      <c r="BZ36" s="277">
        <v>33765</v>
      </c>
      <c r="CA36" s="278">
        <v>33765</v>
      </c>
      <c r="CB36" s="273">
        <v>0</v>
      </c>
      <c r="CC36" s="274">
        <v>0</v>
      </c>
      <c r="CD36" s="275">
        <v>0</v>
      </c>
      <c r="CE36" s="276">
        <v>0</v>
      </c>
      <c r="CF36" s="274">
        <v>820</v>
      </c>
      <c r="CG36" s="274">
        <v>0</v>
      </c>
      <c r="CH36" s="274">
        <v>0</v>
      </c>
      <c r="CI36" s="274">
        <v>845</v>
      </c>
      <c r="CJ36" s="274">
        <v>0</v>
      </c>
      <c r="CK36" s="277">
        <v>1665</v>
      </c>
      <c r="CL36" s="278">
        <v>1665</v>
      </c>
      <c r="CM36" s="273">
        <v>0</v>
      </c>
      <c r="CN36" s="274">
        <v>0</v>
      </c>
      <c r="CO36" s="275">
        <v>0</v>
      </c>
      <c r="CP36" s="276">
        <v>0</v>
      </c>
      <c r="CQ36" s="274">
        <v>0</v>
      </c>
      <c r="CR36" s="274">
        <v>0</v>
      </c>
      <c r="CS36" s="274">
        <v>0</v>
      </c>
      <c r="CT36" s="274">
        <v>0</v>
      </c>
      <c r="CU36" s="274">
        <v>0</v>
      </c>
      <c r="CV36" s="277">
        <v>0</v>
      </c>
      <c r="CW36" s="278">
        <v>0</v>
      </c>
      <c r="CX36" s="273">
        <v>0</v>
      </c>
      <c r="CY36" s="274">
        <v>0</v>
      </c>
      <c r="CZ36" s="275">
        <v>0</v>
      </c>
      <c r="DA36" s="279"/>
      <c r="DB36" s="274">
        <v>0</v>
      </c>
      <c r="DC36" s="274">
        <v>0</v>
      </c>
      <c r="DD36" s="274">
        <v>0</v>
      </c>
      <c r="DE36" s="274">
        <v>0</v>
      </c>
      <c r="DF36" s="274">
        <v>0</v>
      </c>
      <c r="DG36" s="277">
        <v>0</v>
      </c>
      <c r="DH36" s="278">
        <v>0</v>
      </c>
      <c r="DI36" s="273">
        <v>0</v>
      </c>
      <c r="DJ36" s="274">
        <v>0</v>
      </c>
      <c r="DK36" s="275">
        <v>0</v>
      </c>
      <c r="DL36" s="276">
        <v>0</v>
      </c>
      <c r="DM36" s="274">
        <v>14409</v>
      </c>
      <c r="DN36" s="274">
        <v>89506</v>
      </c>
      <c r="DO36" s="274">
        <v>337115</v>
      </c>
      <c r="DP36" s="274">
        <v>358733</v>
      </c>
      <c r="DQ36" s="274">
        <v>214359</v>
      </c>
      <c r="DR36" s="277">
        <v>1014122</v>
      </c>
      <c r="DS36" s="280">
        <v>1014122</v>
      </c>
      <c r="DT36" s="273">
        <v>0</v>
      </c>
      <c r="DU36" s="274">
        <v>0</v>
      </c>
      <c r="DV36" s="275">
        <v>0</v>
      </c>
      <c r="DW36" s="279"/>
      <c r="DX36" s="274">
        <v>0</v>
      </c>
      <c r="DY36" s="274">
        <v>51646</v>
      </c>
      <c r="DZ36" s="274">
        <v>287497</v>
      </c>
      <c r="EA36" s="274">
        <v>345478</v>
      </c>
      <c r="EB36" s="274">
        <v>213218</v>
      </c>
      <c r="EC36" s="277">
        <v>897839</v>
      </c>
      <c r="ED36" s="278">
        <v>897839</v>
      </c>
      <c r="EE36" s="273">
        <v>0</v>
      </c>
      <c r="EF36" s="274">
        <v>0</v>
      </c>
      <c r="EG36" s="275">
        <v>0</v>
      </c>
      <c r="EH36" s="279"/>
      <c r="EI36" s="274">
        <v>11749</v>
      </c>
      <c r="EJ36" s="274">
        <v>12121</v>
      </c>
      <c r="EK36" s="274">
        <v>23808</v>
      </c>
      <c r="EL36" s="274">
        <v>1519</v>
      </c>
      <c r="EM36" s="274">
        <v>651</v>
      </c>
      <c r="EN36" s="277">
        <v>49848</v>
      </c>
      <c r="EO36" s="278">
        <v>49848</v>
      </c>
      <c r="EP36" s="273">
        <v>0</v>
      </c>
      <c r="EQ36" s="274">
        <v>0</v>
      </c>
      <c r="ER36" s="275">
        <v>0</v>
      </c>
      <c r="ES36" s="279"/>
      <c r="ET36" s="274">
        <v>0</v>
      </c>
      <c r="EU36" s="274">
        <v>0</v>
      </c>
      <c r="EV36" s="274">
        <v>0</v>
      </c>
      <c r="EW36" s="274">
        <v>0</v>
      </c>
      <c r="EX36" s="274">
        <v>0</v>
      </c>
      <c r="EY36" s="277">
        <v>0</v>
      </c>
      <c r="EZ36" s="278">
        <v>0</v>
      </c>
      <c r="FA36" s="273">
        <v>0</v>
      </c>
      <c r="FB36" s="274">
        <v>0</v>
      </c>
      <c r="FC36" s="275">
        <v>0</v>
      </c>
      <c r="FD36" s="279"/>
      <c r="FE36" s="274">
        <v>196</v>
      </c>
      <c r="FF36" s="274">
        <v>11904</v>
      </c>
      <c r="FG36" s="274">
        <v>12121</v>
      </c>
      <c r="FH36" s="274">
        <v>11687</v>
      </c>
      <c r="FI36" s="274">
        <v>490</v>
      </c>
      <c r="FJ36" s="277">
        <v>36398</v>
      </c>
      <c r="FK36" s="278">
        <v>36398</v>
      </c>
      <c r="FL36" s="273">
        <v>0</v>
      </c>
      <c r="FM36" s="274">
        <v>0</v>
      </c>
      <c r="FN36" s="275">
        <v>0</v>
      </c>
      <c r="FO36" s="279"/>
      <c r="FP36" s="274">
        <v>0</v>
      </c>
      <c r="FQ36" s="274">
        <v>0</v>
      </c>
      <c r="FR36" s="274">
        <v>0</v>
      </c>
      <c r="FS36" s="274">
        <v>0</v>
      </c>
      <c r="FT36" s="274">
        <v>0</v>
      </c>
      <c r="FU36" s="277">
        <v>0</v>
      </c>
      <c r="FV36" s="278">
        <v>0</v>
      </c>
      <c r="FW36" s="273">
        <v>0</v>
      </c>
      <c r="FX36" s="274">
        <v>0</v>
      </c>
      <c r="FY36" s="275">
        <v>0</v>
      </c>
      <c r="FZ36" s="276">
        <v>0</v>
      </c>
      <c r="GA36" s="274">
        <v>2457</v>
      </c>
      <c r="GB36" s="274">
        <v>13835</v>
      </c>
      <c r="GC36" s="274">
        <v>13689</v>
      </c>
      <c r="GD36" s="274">
        <v>0</v>
      </c>
      <c r="GE36" s="274">
        <v>0</v>
      </c>
      <c r="GF36" s="277">
        <v>29981</v>
      </c>
      <c r="GG36" s="278">
        <v>29981</v>
      </c>
      <c r="GH36" s="273">
        <v>0</v>
      </c>
      <c r="GI36" s="274">
        <v>0</v>
      </c>
      <c r="GJ36" s="275">
        <v>0</v>
      </c>
      <c r="GK36" s="276">
        <v>0</v>
      </c>
      <c r="GL36" s="274">
        <v>7</v>
      </c>
      <c r="GM36" s="274">
        <v>0</v>
      </c>
      <c r="GN36" s="274">
        <v>0</v>
      </c>
      <c r="GO36" s="274">
        <v>49</v>
      </c>
      <c r="GP36" s="274">
        <v>0</v>
      </c>
      <c r="GQ36" s="277">
        <v>56</v>
      </c>
      <c r="GR36" s="278">
        <v>56</v>
      </c>
      <c r="GS36" s="273">
        <v>0</v>
      </c>
      <c r="GT36" s="274">
        <v>0</v>
      </c>
      <c r="GU36" s="275">
        <v>0</v>
      </c>
      <c r="GV36" s="276">
        <v>0</v>
      </c>
      <c r="GW36" s="274">
        <v>0</v>
      </c>
      <c r="GX36" s="274">
        <v>0</v>
      </c>
      <c r="GY36" s="274">
        <v>0</v>
      </c>
      <c r="GZ36" s="274">
        <v>0</v>
      </c>
      <c r="HA36" s="274">
        <v>0</v>
      </c>
      <c r="HB36" s="277">
        <v>0</v>
      </c>
      <c r="HC36" s="278">
        <v>0</v>
      </c>
      <c r="HD36" s="273">
        <v>0</v>
      </c>
      <c r="HE36" s="274">
        <v>0</v>
      </c>
      <c r="HF36" s="275">
        <v>0</v>
      </c>
      <c r="HG36" s="279"/>
      <c r="HH36" s="274">
        <v>0</v>
      </c>
      <c r="HI36" s="274">
        <v>0</v>
      </c>
      <c r="HJ36" s="274">
        <v>0</v>
      </c>
      <c r="HK36" s="274">
        <v>0</v>
      </c>
      <c r="HL36" s="274">
        <v>0</v>
      </c>
      <c r="HM36" s="277">
        <v>0</v>
      </c>
      <c r="HN36" s="278">
        <v>0</v>
      </c>
      <c r="HO36" s="273">
        <v>0</v>
      </c>
      <c r="HP36" s="274">
        <v>0</v>
      </c>
      <c r="HQ36" s="275">
        <v>0</v>
      </c>
      <c r="HR36" s="276">
        <v>0</v>
      </c>
      <c r="HS36" s="274">
        <v>80544</v>
      </c>
      <c r="HT36" s="274">
        <v>264971</v>
      </c>
      <c r="HU36" s="274">
        <v>700580</v>
      </c>
      <c r="HV36" s="274">
        <v>883923</v>
      </c>
      <c r="HW36" s="274">
        <v>490224</v>
      </c>
      <c r="HX36" s="277">
        <v>2420242</v>
      </c>
      <c r="HY36" s="278">
        <v>2420242</v>
      </c>
    </row>
    <row r="37" spans="2:233" ht="21" customHeight="1" x14ac:dyDescent="0.2">
      <c r="B37" s="472" t="s">
        <v>34</v>
      </c>
      <c r="C37" s="273">
        <v>0</v>
      </c>
      <c r="D37" s="274">
        <v>0</v>
      </c>
      <c r="E37" s="275">
        <v>0</v>
      </c>
      <c r="F37" s="276">
        <v>0</v>
      </c>
      <c r="G37" s="274">
        <v>27280</v>
      </c>
      <c r="H37" s="274">
        <v>87410</v>
      </c>
      <c r="I37" s="274">
        <v>73480</v>
      </c>
      <c r="J37" s="274">
        <v>244355</v>
      </c>
      <c r="K37" s="274">
        <v>160030</v>
      </c>
      <c r="L37" s="277">
        <v>592555</v>
      </c>
      <c r="M37" s="278">
        <v>592555</v>
      </c>
      <c r="N37" s="273">
        <v>0</v>
      </c>
      <c r="O37" s="274">
        <v>0</v>
      </c>
      <c r="P37" s="275">
        <v>0</v>
      </c>
      <c r="Q37" s="279"/>
      <c r="R37" s="274">
        <v>0</v>
      </c>
      <c r="S37" s="274">
        <v>0</v>
      </c>
      <c r="T37" s="274">
        <v>40610</v>
      </c>
      <c r="U37" s="274">
        <v>231260</v>
      </c>
      <c r="V37" s="274">
        <v>150040</v>
      </c>
      <c r="W37" s="277">
        <v>421910</v>
      </c>
      <c r="X37" s="278">
        <v>421910</v>
      </c>
      <c r="Y37" s="273">
        <v>0</v>
      </c>
      <c r="Z37" s="274">
        <v>0</v>
      </c>
      <c r="AA37" s="275">
        <v>0</v>
      </c>
      <c r="AB37" s="279"/>
      <c r="AC37" s="274">
        <v>27280</v>
      </c>
      <c r="AD37" s="274">
        <v>87265</v>
      </c>
      <c r="AE37" s="274">
        <v>29745</v>
      </c>
      <c r="AF37" s="274">
        <v>5270</v>
      </c>
      <c r="AG37" s="274">
        <v>35340</v>
      </c>
      <c r="AH37" s="277">
        <v>184900</v>
      </c>
      <c r="AI37" s="278">
        <v>184900</v>
      </c>
      <c r="AJ37" s="273">
        <v>0</v>
      </c>
      <c r="AK37" s="274">
        <v>0</v>
      </c>
      <c r="AL37" s="275">
        <v>0</v>
      </c>
      <c r="AM37" s="279"/>
      <c r="AN37" s="274">
        <v>0</v>
      </c>
      <c r="AO37" s="274">
        <v>0</v>
      </c>
      <c r="AP37" s="274">
        <v>0</v>
      </c>
      <c r="AQ37" s="274">
        <v>0</v>
      </c>
      <c r="AR37" s="274">
        <v>0</v>
      </c>
      <c r="AS37" s="277">
        <v>0</v>
      </c>
      <c r="AT37" s="278">
        <v>0</v>
      </c>
      <c r="AU37" s="273">
        <v>0</v>
      </c>
      <c r="AV37" s="274">
        <v>0</v>
      </c>
      <c r="AW37" s="275">
        <v>0</v>
      </c>
      <c r="AX37" s="279"/>
      <c r="AY37" s="274">
        <v>0</v>
      </c>
      <c r="AZ37" s="274">
        <v>0</v>
      </c>
      <c r="BA37" s="274">
        <v>0</v>
      </c>
      <c r="BB37" s="274">
        <v>0</v>
      </c>
      <c r="BC37" s="274">
        <v>0</v>
      </c>
      <c r="BD37" s="277">
        <v>0</v>
      </c>
      <c r="BE37" s="278">
        <v>0</v>
      </c>
      <c r="BF37" s="273">
        <v>0</v>
      </c>
      <c r="BG37" s="274">
        <v>0</v>
      </c>
      <c r="BH37" s="275">
        <v>0</v>
      </c>
      <c r="BI37" s="279"/>
      <c r="BJ37" s="274">
        <v>0</v>
      </c>
      <c r="BK37" s="274">
        <v>0</v>
      </c>
      <c r="BL37" s="274">
        <v>0</v>
      </c>
      <c r="BM37" s="274">
        <v>0</v>
      </c>
      <c r="BN37" s="274">
        <v>0</v>
      </c>
      <c r="BO37" s="277">
        <v>0</v>
      </c>
      <c r="BP37" s="278">
        <v>0</v>
      </c>
      <c r="BQ37" s="273">
        <v>0</v>
      </c>
      <c r="BR37" s="274">
        <v>0</v>
      </c>
      <c r="BS37" s="275">
        <v>0</v>
      </c>
      <c r="BT37" s="276">
        <v>0</v>
      </c>
      <c r="BU37" s="274">
        <v>0</v>
      </c>
      <c r="BV37" s="274">
        <v>145</v>
      </c>
      <c r="BW37" s="274">
        <v>3125</v>
      </c>
      <c r="BX37" s="274">
        <v>435</v>
      </c>
      <c r="BY37" s="274">
        <v>-25350</v>
      </c>
      <c r="BZ37" s="277">
        <v>-21645</v>
      </c>
      <c r="CA37" s="278">
        <v>-21645</v>
      </c>
      <c r="CB37" s="273">
        <v>0</v>
      </c>
      <c r="CC37" s="274">
        <v>0</v>
      </c>
      <c r="CD37" s="275">
        <v>0</v>
      </c>
      <c r="CE37" s="276">
        <v>0</v>
      </c>
      <c r="CF37" s="274">
        <v>0</v>
      </c>
      <c r="CG37" s="274">
        <v>0</v>
      </c>
      <c r="CH37" s="274">
        <v>0</v>
      </c>
      <c r="CI37" s="274">
        <v>7390</v>
      </c>
      <c r="CJ37" s="274">
        <v>0</v>
      </c>
      <c r="CK37" s="277">
        <v>7390</v>
      </c>
      <c r="CL37" s="278">
        <v>7390</v>
      </c>
      <c r="CM37" s="273">
        <v>0</v>
      </c>
      <c r="CN37" s="274">
        <v>0</v>
      </c>
      <c r="CO37" s="275">
        <v>0</v>
      </c>
      <c r="CP37" s="276">
        <v>0</v>
      </c>
      <c r="CQ37" s="274">
        <v>0</v>
      </c>
      <c r="CR37" s="274">
        <v>0</v>
      </c>
      <c r="CS37" s="274">
        <v>0</v>
      </c>
      <c r="CT37" s="274">
        <v>0</v>
      </c>
      <c r="CU37" s="274">
        <v>0</v>
      </c>
      <c r="CV37" s="277">
        <v>0</v>
      </c>
      <c r="CW37" s="278">
        <v>0</v>
      </c>
      <c r="CX37" s="273">
        <v>0</v>
      </c>
      <c r="CY37" s="274">
        <v>0</v>
      </c>
      <c r="CZ37" s="275">
        <v>0</v>
      </c>
      <c r="DA37" s="279"/>
      <c r="DB37" s="274">
        <v>0</v>
      </c>
      <c r="DC37" s="274">
        <v>0</v>
      </c>
      <c r="DD37" s="274">
        <v>0</v>
      </c>
      <c r="DE37" s="274">
        <v>0</v>
      </c>
      <c r="DF37" s="274">
        <v>0</v>
      </c>
      <c r="DG37" s="277">
        <v>0</v>
      </c>
      <c r="DH37" s="278">
        <v>0</v>
      </c>
      <c r="DI37" s="273">
        <v>0</v>
      </c>
      <c r="DJ37" s="274">
        <v>0</v>
      </c>
      <c r="DK37" s="275">
        <v>0</v>
      </c>
      <c r="DL37" s="276">
        <v>0</v>
      </c>
      <c r="DM37" s="274">
        <v>403</v>
      </c>
      <c r="DN37" s="274">
        <v>2540</v>
      </c>
      <c r="DO37" s="274">
        <v>107347</v>
      </c>
      <c r="DP37" s="274">
        <v>261253</v>
      </c>
      <c r="DQ37" s="274">
        <v>120877</v>
      </c>
      <c r="DR37" s="277">
        <v>492420</v>
      </c>
      <c r="DS37" s="280">
        <v>492420</v>
      </c>
      <c r="DT37" s="273">
        <v>0</v>
      </c>
      <c r="DU37" s="274">
        <v>0</v>
      </c>
      <c r="DV37" s="275">
        <v>0</v>
      </c>
      <c r="DW37" s="279"/>
      <c r="DX37" s="274">
        <v>0</v>
      </c>
      <c r="DY37" s="274">
        <v>0</v>
      </c>
      <c r="DZ37" s="274">
        <v>101494</v>
      </c>
      <c r="EA37" s="274">
        <v>257269</v>
      </c>
      <c r="EB37" s="274">
        <v>146599</v>
      </c>
      <c r="EC37" s="277">
        <v>505362</v>
      </c>
      <c r="ED37" s="278">
        <v>505362</v>
      </c>
      <c r="EE37" s="273">
        <v>0</v>
      </c>
      <c r="EF37" s="274">
        <v>0</v>
      </c>
      <c r="EG37" s="275">
        <v>0</v>
      </c>
      <c r="EH37" s="279"/>
      <c r="EI37" s="274">
        <v>403</v>
      </c>
      <c r="EJ37" s="274">
        <v>1085</v>
      </c>
      <c r="EK37" s="274">
        <v>644</v>
      </c>
      <c r="EL37" s="274">
        <v>434</v>
      </c>
      <c r="EM37" s="274">
        <v>434</v>
      </c>
      <c r="EN37" s="277">
        <v>3000</v>
      </c>
      <c r="EO37" s="278">
        <v>3000</v>
      </c>
      <c r="EP37" s="273">
        <v>0</v>
      </c>
      <c r="EQ37" s="274">
        <v>0</v>
      </c>
      <c r="ER37" s="275">
        <v>0</v>
      </c>
      <c r="ES37" s="279"/>
      <c r="ET37" s="274">
        <v>0</v>
      </c>
      <c r="EU37" s="274">
        <v>0</v>
      </c>
      <c r="EV37" s="274">
        <v>0</v>
      </c>
      <c r="EW37" s="274">
        <v>0</v>
      </c>
      <c r="EX37" s="274">
        <v>0</v>
      </c>
      <c r="EY37" s="277">
        <v>0</v>
      </c>
      <c r="EZ37" s="278">
        <v>0</v>
      </c>
      <c r="FA37" s="273">
        <v>0</v>
      </c>
      <c r="FB37" s="274">
        <v>0</v>
      </c>
      <c r="FC37" s="275">
        <v>0</v>
      </c>
      <c r="FD37" s="279"/>
      <c r="FE37" s="274">
        <v>0</v>
      </c>
      <c r="FF37" s="274">
        <v>0</v>
      </c>
      <c r="FG37" s="274">
        <v>0</v>
      </c>
      <c r="FH37" s="274">
        <v>0</v>
      </c>
      <c r="FI37" s="274">
        <v>9424</v>
      </c>
      <c r="FJ37" s="277">
        <v>9424</v>
      </c>
      <c r="FK37" s="278">
        <v>9424</v>
      </c>
      <c r="FL37" s="273">
        <v>0</v>
      </c>
      <c r="FM37" s="274">
        <v>0</v>
      </c>
      <c r="FN37" s="275">
        <v>0</v>
      </c>
      <c r="FO37" s="279"/>
      <c r="FP37" s="274">
        <v>0</v>
      </c>
      <c r="FQ37" s="274">
        <v>0</v>
      </c>
      <c r="FR37" s="274">
        <v>0</v>
      </c>
      <c r="FS37" s="274">
        <v>0</v>
      </c>
      <c r="FT37" s="274">
        <v>0</v>
      </c>
      <c r="FU37" s="277">
        <v>0</v>
      </c>
      <c r="FV37" s="278">
        <v>0</v>
      </c>
      <c r="FW37" s="273">
        <v>0</v>
      </c>
      <c r="FX37" s="274">
        <v>0</v>
      </c>
      <c r="FY37" s="275">
        <v>0</v>
      </c>
      <c r="FZ37" s="276">
        <v>0</v>
      </c>
      <c r="GA37" s="274">
        <v>0</v>
      </c>
      <c r="GB37" s="274">
        <v>1455</v>
      </c>
      <c r="GC37" s="274">
        <v>5209</v>
      </c>
      <c r="GD37" s="274">
        <v>3480</v>
      </c>
      <c r="GE37" s="274">
        <v>-35580</v>
      </c>
      <c r="GF37" s="277">
        <v>-25436</v>
      </c>
      <c r="GG37" s="278">
        <v>-25436</v>
      </c>
      <c r="GH37" s="273">
        <v>0</v>
      </c>
      <c r="GI37" s="274">
        <v>0</v>
      </c>
      <c r="GJ37" s="275">
        <v>0</v>
      </c>
      <c r="GK37" s="276">
        <v>0</v>
      </c>
      <c r="GL37" s="274">
        <v>0</v>
      </c>
      <c r="GM37" s="274">
        <v>0</v>
      </c>
      <c r="GN37" s="274">
        <v>0</v>
      </c>
      <c r="GO37" s="274">
        <v>70</v>
      </c>
      <c r="GP37" s="274">
        <v>0</v>
      </c>
      <c r="GQ37" s="277">
        <v>70</v>
      </c>
      <c r="GR37" s="278">
        <v>70</v>
      </c>
      <c r="GS37" s="273">
        <v>0</v>
      </c>
      <c r="GT37" s="274">
        <v>0</v>
      </c>
      <c r="GU37" s="275">
        <v>0</v>
      </c>
      <c r="GV37" s="276">
        <v>0</v>
      </c>
      <c r="GW37" s="274">
        <v>0</v>
      </c>
      <c r="GX37" s="274">
        <v>0</v>
      </c>
      <c r="GY37" s="274">
        <v>0</v>
      </c>
      <c r="GZ37" s="274">
        <v>0</v>
      </c>
      <c r="HA37" s="274">
        <v>0</v>
      </c>
      <c r="HB37" s="277">
        <v>0</v>
      </c>
      <c r="HC37" s="278">
        <v>0</v>
      </c>
      <c r="HD37" s="273">
        <v>0</v>
      </c>
      <c r="HE37" s="274">
        <v>0</v>
      </c>
      <c r="HF37" s="275">
        <v>0</v>
      </c>
      <c r="HG37" s="279"/>
      <c r="HH37" s="274">
        <v>0</v>
      </c>
      <c r="HI37" s="274">
        <v>0</v>
      </c>
      <c r="HJ37" s="274">
        <v>0</v>
      </c>
      <c r="HK37" s="274">
        <v>0</v>
      </c>
      <c r="HL37" s="274">
        <v>0</v>
      </c>
      <c r="HM37" s="277">
        <v>0</v>
      </c>
      <c r="HN37" s="278">
        <v>0</v>
      </c>
      <c r="HO37" s="273">
        <v>0</v>
      </c>
      <c r="HP37" s="274">
        <v>0</v>
      </c>
      <c r="HQ37" s="275">
        <v>0</v>
      </c>
      <c r="HR37" s="276">
        <v>0</v>
      </c>
      <c r="HS37" s="274">
        <v>27683</v>
      </c>
      <c r="HT37" s="274">
        <v>89950</v>
      </c>
      <c r="HU37" s="274">
        <v>180827</v>
      </c>
      <c r="HV37" s="274">
        <v>505608</v>
      </c>
      <c r="HW37" s="274">
        <v>280907</v>
      </c>
      <c r="HX37" s="277">
        <v>1084975</v>
      </c>
      <c r="HY37" s="278">
        <v>1084975</v>
      </c>
    </row>
    <row r="38" spans="2:233" ht="21" customHeight="1" x14ac:dyDescent="0.2">
      <c r="B38" s="472" t="s">
        <v>35</v>
      </c>
      <c r="C38" s="273">
        <v>0</v>
      </c>
      <c r="D38" s="274">
        <v>0</v>
      </c>
      <c r="E38" s="275">
        <v>0</v>
      </c>
      <c r="F38" s="276">
        <v>0</v>
      </c>
      <c r="G38" s="274">
        <v>220955</v>
      </c>
      <c r="H38" s="274">
        <v>254575</v>
      </c>
      <c r="I38" s="274">
        <v>653325</v>
      </c>
      <c r="J38" s="274">
        <v>556305</v>
      </c>
      <c r="K38" s="274">
        <v>391995</v>
      </c>
      <c r="L38" s="277">
        <v>2077155</v>
      </c>
      <c r="M38" s="278">
        <v>2077155</v>
      </c>
      <c r="N38" s="273">
        <v>0</v>
      </c>
      <c r="O38" s="274">
        <v>0</v>
      </c>
      <c r="P38" s="275">
        <v>0</v>
      </c>
      <c r="Q38" s="279"/>
      <c r="R38" s="274">
        <v>2635</v>
      </c>
      <c r="S38" s="274">
        <v>57350</v>
      </c>
      <c r="T38" s="274">
        <v>285040</v>
      </c>
      <c r="U38" s="274">
        <v>359285</v>
      </c>
      <c r="V38" s="274">
        <v>291090</v>
      </c>
      <c r="W38" s="277">
        <v>995400</v>
      </c>
      <c r="X38" s="278">
        <v>995400</v>
      </c>
      <c r="Y38" s="273">
        <v>0</v>
      </c>
      <c r="Z38" s="274">
        <v>0</v>
      </c>
      <c r="AA38" s="275">
        <v>0</v>
      </c>
      <c r="AB38" s="279"/>
      <c r="AC38" s="274">
        <v>168540</v>
      </c>
      <c r="AD38" s="274">
        <v>189890</v>
      </c>
      <c r="AE38" s="274">
        <v>254525</v>
      </c>
      <c r="AF38" s="274">
        <v>70680</v>
      </c>
      <c r="AG38" s="274">
        <v>27280</v>
      </c>
      <c r="AH38" s="277">
        <v>710915</v>
      </c>
      <c r="AI38" s="278">
        <v>710915</v>
      </c>
      <c r="AJ38" s="273">
        <v>0</v>
      </c>
      <c r="AK38" s="274">
        <v>0</v>
      </c>
      <c r="AL38" s="275">
        <v>0</v>
      </c>
      <c r="AM38" s="279"/>
      <c r="AN38" s="274">
        <v>0</v>
      </c>
      <c r="AO38" s="274">
        <v>0</v>
      </c>
      <c r="AP38" s="274">
        <v>0</v>
      </c>
      <c r="AQ38" s="274">
        <v>0</v>
      </c>
      <c r="AR38" s="274">
        <v>0</v>
      </c>
      <c r="AS38" s="277">
        <v>0</v>
      </c>
      <c r="AT38" s="278">
        <v>0</v>
      </c>
      <c r="AU38" s="273">
        <v>0</v>
      </c>
      <c r="AV38" s="274">
        <v>0</v>
      </c>
      <c r="AW38" s="275">
        <v>0</v>
      </c>
      <c r="AX38" s="279"/>
      <c r="AY38" s="274">
        <v>35340</v>
      </c>
      <c r="AZ38" s="274">
        <v>0</v>
      </c>
      <c r="BA38" s="274">
        <v>106485</v>
      </c>
      <c r="BB38" s="274">
        <v>95635</v>
      </c>
      <c r="BC38" s="274">
        <v>73625</v>
      </c>
      <c r="BD38" s="277">
        <v>311085</v>
      </c>
      <c r="BE38" s="278">
        <v>311085</v>
      </c>
      <c r="BF38" s="273">
        <v>0</v>
      </c>
      <c r="BG38" s="274">
        <v>0</v>
      </c>
      <c r="BH38" s="275">
        <v>0</v>
      </c>
      <c r="BI38" s="279"/>
      <c r="BJ38" s="274">
        <v>0</v>
      </c>
      <c r="BK38" s="274">
        <v>0</v>
      </c>
      <c r="BL38" s="274">
        <v>0</v>
      </c>
      <c r="BM38" s="274">
        <v>0</v>
      </c>
      <c r="BN38" s="274">
        <v>0</v>
      </c>
      <c r="BO38" s="277">
        <v>0</v>
      </c>
      <c r="BP38" s="278">
        <v>0</v>
      </c>
      <c r="BQ38" s="273">
        <v>0</v>
      </c>
      <c r="BR38" s="274">
        <v>0</v>
      </c>
      <c r="BS38" s="275">
        <v>0</v>
      </c>
      <c r="BT38" s="276">
        <v>0</v>
      </c>
      <c r="BU38" s="274">
        <v>14440</v>
      </c>
      <c r="BV38" s="274">
        <v>7335</v>
      </c>
      <c r="BW38" s="274">
        <v>6025</v>
      </c>
      <c r="BX38" s="274">
        <v>30705</v>
      </c>
      <c r="BY38" s="274">
        <v>0</v>
      </c>
      <c r="BZ38" s="277">
        <v>58505</v>
      </c>
      <c r="CA38" s="278">
        <v>58505</v>
      </c>
      <c r="CB38" s="273">
        <v>0</v>
      </c>
      <c r="CC38" s="274">
        <v>0</v>
      </c>
      <c r="CD38" s="275">
        <v>0</v>
      </c>
      <c r="CE38" s="276">
        <v>0</v>
      </c>
      <c r="CF38" s="274">
        <v>0</v>
      </c>
      <c r="CG38" s="274">
        <v>0</v>
      </c>
      <c r="CH38" s="274">
        <v>1250</v>
      </c>
      <c r="CI38" s="274">
        <v>0</v>
      </c>
      <c r="CJ38" s="274">
        <v>0</v>
      </c>
      <c r="CK38" s="277">
        <v>1250</v>
      </c>
      <c r="CL38" s="278">
        <v>1250</v>
      </c>
      <c r="CM38" s="273">
        <v>0</v>
      </c>
      <c r="CN38" s="274">
        <v>0</v>
      </c>
      <c r="CO38" s="275">
        <v>0</v>
      </c>
      <c r="CP38" s="276">
        <v>0</v>
      </c>
      <c r="CQ38" s="274">
        <v>0</v>
      </c>
      <c r="CR38" s="274">
        <v>0</v>
      </c>
      <c r="CS38" s="274">
        <v>0</v>
      </c>
      <c r="CT38" s="274">
        <v>0</v>
      </c>
      <c r="CU38" s="274">
        <v>0</v>
      </c>
      <c r="CV38" s="277">
        <v>0</v>
      </c>
      <c r="CW38" s="278">
        <v>0</v>
      </c>
      <c r="CX38" s="273">
        <v>0</v>
      </c>
      <c r="CY38" s="274">
        <v>0</v>
      </c>
      <c r="CZ38" s="275">
        <v>0</v>
      </c>
      <c r="DA38" s="279"/>
      <c r="DB38" s="274">
        <v>0</v>
      </c>
      <c r="DC38" s="274">
        <v>0</v>
      </c>
      <c r="DD38" s="274">
        <v>0</v>
      </c>
      <c r="DE38" s="274">
        <v>0</v>
      </c>
      <c r="DF38" s="274">
        <v>0</v>
      </c>
      <c r="DG38" s="277">
        <v>0</v>
      </c>
      <c r="DH38" s="278">
        <v>0</v>
      </c>
      <c r="DI38" s="273">
        <v>0</v>
      </c>
      <c r="DJ38" s="274">
        <v>0</v>
      </c>
      <c r="DK38" s="275">
        <v>0</v>
      </c>
      <c r="DL38" s="276">
        <v>0</v>
      </c>
      <c r="DM38" s="274">
        <v>58672</v>
      </c>
      <c r="DN38" s="274">
        <v>62966</v>
      </c>
      <c r="DO38" s="274">
        <v>337039</v>
      </c>
      <c r="DP38" s="274">
        <v>492398</v>
      </c>
      <c r="DQ38" s="274">
        <v>358360</v>
      </c>
      <c r="DR38" s="277">
        <v>1309435</v>
      </c>
      <c r="DS38" s="280">
        <v>1309435</v>
      </c>
      <c r="DT38" s="273">
        <v>0</v>
      </c>
      <c r="DU38" s="274">
        <v>0</v>
      </c>
      <c r="DV38" s="275">
        <v>0</v>
      </c>
      <c r="DW38" s="279"/>
      <c r="DX38" s="274">
        <v>15035</v>
      </c>
      <c r="DY38" s="274">
        <v>36611</v>
      </c>
      <c r="DZ38" s="274">
        <v>287816</v>
      </c>
      <c r="EA38" s="274">
        <v>418265</v>
      </c>
      <c r="EB38" s="274">
        <v>334335</v>
      </c>
      <c r="EC38" s="277">
        <v>1092062</v>
      </c>
      <c r="ED38" s="278">
        <v>1092062</v>
      </c>
      <c r="EE38" s="273">
        <v>0</v>
      </c>
      <c r="EF38" s="274">
        <v>0</v>
      </c>
      <c r="EG38" s="275">
        <v>0</v>
      </c>
      <c r="EH38" s="279"/>
      <c r="EI38" s="274">
        <v>22833</v>
      </c>
      <c r="EJ38" s="274">
        <v>12771</v>
      </c>
      <c r="EK38" s="274">
        <v>2324</v>
      </c>
      <c r="EL38" s="274">
        <v>868</v>
      </c>
      <c r="EM38" s="274">
        <v>434</v>
      </c>
      <c r="EN38" s="277">
        <v>39230</v>
      </c>
      <c r="EO38" s="278">
        <v>39230</v>
      </c>
      <c r="EP38" s="273">
        <v>0</v>
      </c>
      <c r="EQ38" s="274">
        <v>0</v>
      </c>
      <c r="ER38" s="275">
        <v>0</v>
      </c>
      <c r="ES38" s="279"/>
      <c r="ET38" s="274">
        <v>0</v>
      </c>
      <c r="EU38" s="274">
        <v>0</v>
      </c>
      <c r="EV38" s="274">
        <v>0</v>
      </c>
      <c r="EW38" s="274">
        <v>0</v>
      </c>
      <c r="EX38" s="274">
        <v>0</v>
      </c>
      <c r="EY38" s="277">
        <v>0</v>
      </c>
      <c r="EZ38" s="278">
        <v>0</v>
      </c>
      <c r="FA38" s="273">
        <v>0</v>
      </c>
      <c r="FB38" s="274">
        <v>0</v>
      </c>
      <c r="FC38" s="275">
        <v>0</v>
      </c>
      <c r="FD38" s="279"/>
      <c r="FE38" s="274">
        <v>434</v>
      </c>
      <c r="FF38" s="274">
        <v>0</v>
      </c>
      <c r="FG38" s="274">
        <v>35061</v>
      </c>
      <c r="FH38" s="274">
        <v>23591</v>
      </c>
      <c r="FI38" s="274">
        <v>23591</v>
      </c>
      <c r="FJ38" s="277">
        <v>82677</v>
      </c>
      <c r="FK38" s="278">
        <v>82677</v>
      </c>
      <c r="FL38" s="273">
        <v>0</v>
      </c>
      <c r="FM38" s="274">
        <v>0</v>
      </c>
      <c r="FN38" s="275">
        <v>0</v>
      </c>
      <c r="FO38" s="279"/>
      <c r="FP38" s="274">
        <v>0</v>
      </c>
      <c r="FQ38" s="274">
        <v>0</v>
      </c>
      <c r="FR38" s="274">
        <v>0</v>
      </c>
      <c r="FS38" s="274">
        <v>0</v>
      </c>
      <c r="FT38" s="274">
        <v>0</v>
      </c>
      <c r="FU38" s="277">
        <v>0</v>
      </c>
      <c r="FV38" s="278">
        <v>0</v>
      </c>
      <c r="FW38" s="273">
        <v>0</v>
      </c>
      <c r="FX38" s="274">
        <v>0</v>
      </c>
      <c r="FY38" s="275">
        <v>0</v>
      </c>
      <c r="FZ38" s="276">
        <v>0</v>
      </c>
      <c r="GA38" s="274">
        <v>20370</v>
      </c>
      <c r="GB38" s="274">
        <v>13584</v>
      </c>
      <c r="GC38" s="274">
        <v>11810</v>
      </c>
      <c r="GD38" s="274">
        <v>49674</v>
      </c>
      <c r="GE38" s="274">
        <v>0</v>
      </c>
      <c r="GF38" s="277">
        <v>95438</v>
      </c>
      <c r="GG38" s="278">
        <v>95438</v>
      </c>
      <c r="GH38" s="273">
        <v>0</v>
      </c>
      <c r="GI38" s="274">
        <v>0</v>
      </c>
      <c r="GJ38" s="275">
        <v>0</v>
      </c>
      <c r="GK38" s="276">
        <v>0</v>
      </c>
      <c r="GL38" s="274">
        <v>0</v>
      </c>
      <c r="GM38" s="274">
        <v>0</v>
      </c>
      <c r="GN38" s="274">
        <v>28</v>
      </c>
      <c r="GO38" s="274">
        <v>0</v>
      </c>
      <c r="GP38" s="274">
        <v>0</v>
      </c>
      <c r="GQ38" s="277">
        <v>28</v>
      </c>
      <c r="GR38" s="278">
        <v>28</v>
      </c>
      <c r="GS38" s="273">
        <v>0</v>
      </c>
      <c r="GT38" s="274">
        <v>0</v>
      </c>
      <c r="GU38" s="275">
        <v>0</v>
      </c>
      <c r="GV38" s="276">
        <v>0</v>
      </c>
      <c r="GW38" s="274">
        <v>0</v>
      </c>
      <c r="GX38" s="274">
        <v>0</v>
      </c>
      <c r="GY38" s="274">
        <v>0</v>
      </c>
      <c r="GZ38" s="274">
        <v>0</v>
      </c>
      <c r="HA38" s="274">
        <v>0</v>
      </c>
      <c r="HB38" s="277">
        <v>0</v>
      </c>
      <c r="HC38" s="278">
        <v>0</v>
      </c>
      <c r="HD38" s="273">
        <v>0</v>
      </c>
      <c r="HE38" s="274">
        <v>0</v>
      </c>
      <c r="HF38" s="275">
        <v>0</v>
      </c>
      <c r="HG38" s="279"/>
      <c r="HH38" s="274">
        <v>0</v>
      </c>
      <c r="HI38" s="274">
        <v>0</v>
      </c>
      <c r="HJ38" s="274">
        <v>0</v>
      </c>
      <c r="HK38" s="274">
        <v>0</v>
      </c>
      <c r="HL38" s="274">
        <v>0</v>
      </c>
      <c r="HM38" s="277">
        <v>0</v>
      </c>
      <c r="HN38" s="278">
        <v>0</v>
      </c>
      <c r="HO38" s="273">
        <v>0</v>
      </c>
      <c r="HP38" s="274">
        <v>0</v>
      </c>
      <c r="HQ38" s="275">
        <v>0</v>
      </c>
      <c r="HR38" s="276">
        <v>0</v>
      </c>
      <c r="HS38" s="274">
        <v>279627</v>
      </c>
      <c r="HT38" s="274">
        <v>317541</v>
      </c>
      <c r="HU38" s="274">
        <v>990364</v>
      </c>
      <c r="HV38" s="274">
        <v>1048703</v>
      </c>
      <c r="HW38" s="274">
        <v>750355</v>
      </c>
      <c r="HX38" s="277">
        <v>3386590</v>
      </c>
      <c r="HY38" s="278">
        <v>3386590</v>
      </c>
    </row>
    <row r="39" spans="2:233" ht="21" customHeight="1" x14ac:dyDescent="0.2">
      <c r="B39" s="472" t="s">
        <v>36</v>
      </c>
      <c r="C39" s="273">
        <v>0</v>
      </c>
      <c r="D39" s="274">
        <v>0</v>
      </c>
      <c r="E39" s="275">
        <v>0</v>
      </c>
      <c r="F39" s="276">
        <v>0</v>
      </c>
      <c r="G39" s="274">
        <v>114560</v>
      </c>
      <c r="H39" s="274">
        <v>190585</v>
      </c>
      <c r="I39" s="274">
        <v>923741</v>
      </c>
      <c r="J39" s="274">
        <v>939742</v>
      </c>
      <c r="K39" s="274">
        <v>785825</v>
      </c>
      <c r="L39" s="277">
        <v>2954453</v>
      </c>
      <c r="M39" s="278">
        <v>2954453</v>
      </c>
      <c r="N39" s="273">
        <v>0</v>
      </c>
      <c r="O39" s="274">
        <v>0</v>
      </c>
      <c r="P39" s="275">
        <v>0</v>
      </c>
      <c r="Q39" s="279"/>
      <c r="R39" s="274">
        <v>0</v>
      </c>
      <c r="S39" s="274">
        <v>32705</v>
      </c>
      <c r="T39" s="274">
        <v>519060</v>
      </c>
      <c r="U39" s="274">
        <v>612170</v>
      </c>
      <c r="V39" s="274">
        <v>479895</v>
      </c>
      <c r="W39" s="277">
        <v>1643830</v>
      </c>
      <c r="X39" s="278">
        <v>1643830</v>
      </c>
      <c r="Y39" s="273">
        <v>0</v>
      </c>
      <c r="Z39" s="274">
        <v>0</v>
      </c>
      <c r="AA39" s="275">
        <v>0</v>
      </c>
      <c r="AB39" s="279"/>
      <c r="AC39" s="274">
        <v>88740</v>
      </c>
      <c r="AD39" s="274">
        <v>92295</v>
      </c>
      <c r="AE39" s="274">
        <v>395997</v>
      </c>
      <c r="AF39" s="274">
        <v>236962</v>
      </c>
      <c r="AG39" s="274">
        <v>274455</v>
      </c>
      <c r="AH39" s="277">
        <v>1088449</v>
      </c>
      <c r="AI39" s="278">
        <v>1088449</v>
      </c>
      <c r="AJ39" s="273">
        <v>0</v>
      </c>
      <c r="AK39" s="274">
        <v>0</v>
      </c>
      <c r="AL39" s="275">
        <v>0</v>
      </c>
      <c r="AM39" s="279"/>
      <c r="AN39" s="274">
        <v>0</v>
      </c>
      <c r="AO39" s="274">
        <v>0</v>
      </c>
      <c r="AP39" s="274">
        <v>0</v>
      </c>
      <c r="AQ39" s="274">
        <v>0</v>
      </c>
      <c r="AR39" s="274">
        <v>0</v>
      </c>
      <c r="AS39" s="277">
        <v>0</v>
      </c>
      <c r="AT39" s="278">
        <v>0</v>
      </c>
      <c r="AU39" s="273">
        <v>0</v>
      </c>
      <c r="AV39" s="274">
        <v>0</v>
      </c>
      <c r="AW39" s="275">
        <v>0</v>
      </c>
      <c r="AX39" s="279"/>
      <c r="AY39" s="274">
        <v>0</v>
      </c>
      <c r="AZ39" s="274">
        <v>0</v>
      </c>
      <c r="BA39" s="274">
        <v>0</v>
      </c>
      <c r="BB39" s="274">
        <v>87420</v>
      </c>
      <c r="BC39" s="274">
        <v>0</v>
      </c>
      <c r="BD39" s="277">
        <v>87420</v>
      </c>
      <c r="BE39" s="278">
        <v>87420</v>
      </c>
      <c r="BF39" s="273">
        <v>0</v>
      </c>
      <c r="BG39" s="274">
        <v>0</v>
      </c>
      <c r="BH39" s="275">
        <v>0</v>
      </c>
      <c r="BI39" s="279"/>
      <c r="BJ39" s="274">
        <v>0</v>
      </c>
      <c r="BK39" s="274">
        <v>0</v>
      </c>
      <c r="BL39" s="274">
        <v>0</v>
      </c>
      <c r="BM39" s="274">
        <v>0</v>
      </c>
      <c r="BN39" s="274">
        <v>0</v>
      </c>
      <c r="BO39" s="277">
        <v>0</v>
      </c>
      <c r="BP39" s="278">
        <v>0</v>
      </c>
      <c r="BQ39" s="273">
        <v>0</v>
      </c>
      <c r="BR39" s="274">
        <v>0</v>
      </c>
      <c r="BS39" s="275">
        <v>0</v>
      </c>
      <c r="BT39" s="276">
        <v>0</v>
      </c>
      <c r="BU39" s="274">
        <v>21730</v>
      </c>
      <c r="BV39" s="274">
        <v>65585</v>
      </c>
      <c r="BW39" s="274">
        <v>8684</v>
      </c>
      <c r="BX39" s="274">
        <v>3190</v>
      </c>
      <c r="BY39" s="274">
        <v>31475</v>
      </c>
      <c r="BZ39" s="277">
        <v>130664</v>
      </c>
      <c r="CA39" s="278">
        <v>130664</v>
      </c>
      <c r="CB39" s="273">
        <v>0</v>
      </c>
      <c r="CC39" s="274">
        <v>0</v>
      </c>
      <c r="CD39" s="275">
        <v>0</v>
      </c>
      <c r="CE39" s="276">
        <v>0</v>
      </c>
      <c r="CF39" s="274">
        <v>4090</v>
      </c>
      <c r="CG39" s="274">
        <v>0</v>
      </c>
      <c r="CH39" s="274">
        <v>0</v>
      </c>
      <c r="CI39" s="274">
        <v>0</v>
      </c>
      <c r="CJ39" s="274">
        <v>0</v>
      </c>
      <c r="CK39" s="277">
        <v>4090</v>
      </c>
      <c r="CL39" s="278">
        <v>4090</v>
      </c>
      <c r="CM39" s="273">
        <v>0</v>
      </c>
      <c r="CN39" s="274">
        <v>0</v>
      </c>
      <c r="CO39" s="275">
        <v>0</v>
      </c>
      <c r="CP39" s="276">
        <v>0</v>
      </c>
      <c r="CQ39" s="274">
        <v>0</v>
      </c>
      <c r="CR39" s="274">
        <v>0</v>
      </c>
      <c r="CS39" s="274">
        <v>0</v>
      </c>
      <c r="CT39" s="274">
        <v>0</v>
      </c>
      <c r="CU39" s="274">
        <v>0</v>
      </c>
      <c r="CV39" s="277">
        <v>0</v>
      </c>
      <c r="CW39" s="278">
        <v>0</v>
      </c>
      <c r="CX39" s="273">
        <v>0</v>
      </c>
      <c r="CY39" s="274">
        <v>0</v>
      </c>
      <c r="CZ39" s="275">
        <v>0</v>
      </c>
      <c r="DA39" s="279"/>
      <c r="DB39" s="274">
        <v>0</v>
      </c>
      <c r="DC39" s="274">
        <v>0</v>
      </c>
      <c r="DD39" s="274">
        <v>0</v>
      </c>
      <c r="DE39" s="274">
        <v>0</v>
      </c>
      <c r="DF39" s="274">
        <v>0</v>
      </c>
      <c r="DG39" s="277">
        <v>0</v>
      </c>
      <c r="DH39" s="278">
        <v>0</v>
      </c>
      <c r="DI39" s="273">
        <v>0</v>
      </c>
      <c r="DJ39" s="274">
        <v>0</v>
      </c>
      <c r="DK39" s="275">
        <v>0</v>
      </c>
      <c r="DL39" s="276">
        <v>0</v>
      </c>
      <c r="DM39" s="274">
        <v>28504</v>
      </c>
      <c r="DN39" s="274">
        <v>90647</v>
      </c>
      <c r="DO39" s="274">
        <v>661774</v>
      </c>
      <c r="DP39" s="274">
        <v>802872</v>
      </c>
      <c r="DQ39" s="274">
        <v>717396</v>
      </c>
      <c r="DR39" s="277">
        <v>2301193</v>
      </c>
      <c r="DS39" s="280">
        <v>2301193</v>
      </c>
      <c r="DT39" s="273">
        <v>0</v>
      </c>
      <c r="DU39" s="274">
        <v>0</v>
      </c>
      <c r="DV39" s="275">
        <v>0</v>
      </c>
      <c r="DW39" s="279"/>
      <c r="DX39" s="274">
        <v>0</v>
      </c>
      <c r="DY39" s="274">
        <v>15035</v>
      </c>
      <c r="DZ39" s="274">
        <v>614524</v>
      </c>
      <c r="EA39" s="274">
        <v>744044</v>
      </c>
      <c r="EB39" s="274">
        <v>690250</v>
      </c>
      <c r="EC39" s="277">
        <v>2063853</v>
      </c>
      <c r="ED39" s="278">
        <v>2063853</v>
      </c>
      <c r="EE39" s="273">
        <v>0</v>
      </c>
      <c r="EF39" s="274">
        <v>0</v>
      </c>
      <c r="EG39" s="275">
        <v>0</v>
      </c>
      <c r="EH39" s="279"/>
      <c r="EI39" s="274">
        <v>13255</v>
      </c>
      <c r="EJ39" s="274">
        <v>2170</v>
      </c>
      <c r="EK39" s="274">
        <v>16335</v>
      </c>
      <c r="EL39" s="274">
        <v>23944</v>
      </c>
      <c r="EM39" s="274">
        <v>3143</v>
      </c>
      <c r="EN39" s="277">
        <v>58847</v>
      </c>
      <c r="EO39" s="278">
        <v>58847</v>
      </c>
      <c r="EP39" s="273">
        <v>0</v>
      </c>
      <c r="EQ39" s="274">
        <v>0</v>
      </c>
      <c r="ER39" s="275">
        <v>0</v>
      </c>
      <c r="ES39" s="279"/>
      <c r="ET39" s="274">
        <v>0</v>
      </c>
      <c r="EU39" s="274">
        <v>0</v>
      </c>
      <c r="EV39" s="274">
        <v>0</v>
      </c>
      <c r="EW39" s="274">
        <v>0</v>
      </c>
      <c r="EX39" s="274">
        <v>0</v>
      </c>
      <c r="EY39" s="277">
        <v>0</v>
      </c>
      <c r="EZ39" s="278">
        <v>0</v>
      </c>
      <c r="FA39" s="273">
        <v>0</v>
      </c>
      <c r="FB39" s="274">
        <v>0</v>
      </c>
      <c r="FC39" s="275">
        <v>0</v>
      </c>
      <c r="FD39" s="279"/>
      <c r="FE39" s="274">
        <v>0</v>
      </c>
      <c r="FF39" s="274">
        <v>0</v>
      </c>
      <c r="FG39" s="274">
        <v>0</v>
      </c>
      <c r="FH39" s="274">
        <v>12338</v>
      </c>
      <c r="FI39" s="274">
        <v>63</v>
      </c>
      <c r="FJ39" s="277">
        <v>12401</v>
      </c>
      <c r="FK39" s="278">
        <v>12401</v>
      </c>
      <c r="FL39" s="273">
        <v>0</v>
      </c>
      <c r="FM39" s="274">
        <v>0</v>
      </c>
      <c r="FN39" s="275">
        <v>0</v>
      </c>
      <c r="FO39" s="279"/>
      <c r="FP39" s="274">
        <v>0</v>
      </c>
      <c r="FQ39" s="274">
        <v>0</v>
      </c>
      <c r="FR39" s="274">
        <v>0</v>
      </c>
      <c r="FS39" s="274">
        <v>0</v>
      </c>
      <c r="FT39" s="274">
        <v>0</v>
      </c>
      <c r="FU39" s="277">
        <v>0</v>
      </c>
      <c r="FV39" s="278">
        <v>0</v>
      </c>
      <c r="FW39" s="273">
        <v>0</v>
      </c>
      <c r="FX39" s="274">
        <v>0</v>
      </c>
      <c r="FY39" s="275">
        <v>0</v>
      </c>
      <c r="FZ39" s="276">
        <v>0</v>
      </c>
      <c r="GA39" s="274">
        <v>15214</v>
      </c>
      <c r="GB39" s="274">
        <v>73442</v>
      </c>
      <c r="GC39" s="274">
        <v>30915</v>
      </c>
      <c r="GD39" s="274">
        <v>22546</v>
      </c>
      <c r="GE39" s="274">
        <v>23940</v>
      </c>
      <c r="GF39" s="277">
        <v>166057</v>
      </c>
      <c r="GG39" s="278">
        <v>166057</v>
      </c>
      <c r="GH39" s="273">
        <v>0</v>
      </c>
      <c r="GI39" s="274">
        <v>0</v>
      </c>
      <c r="GJ39" s="275">
        <v>0</v>
      </c>
      <c r="GK39" s="276">
        <v>0</v>
      </c>
      <c r="GL39" s="274">
        <v>35</v>
      </c>
      <c r="GM39" s="274">
        <v>0</v>
      </c>
      <c r="GN39" s="274">
        <v>0</v>
      </c>
      <c r="GO39" s="274">
        <v>0</v>
      </c>
      <c r="GP39" s="274">
        <v>0</v>
      </c>
      <c r="GQ39" s="277">
        <v>35</v>
      </c>
      <c r="GR39" s="278">
        <v>35</v>
      </c>
      <c r="GS39" s="273">
        <v>0</v>
      </c>
      <c r="GT39" s="274">
        <v>0</v>
      </c>
      <c r="GU39" s="275">
        <v>0</v>
      </c>
      <c r="GV39" s="276">
        <v>0</v>
      </c>
      <c r="GW39" s="274">
        <v>0</v>
      </c>
      <c r="GX39" s="274">
        <v>0</v>
      </c>
      <c r="GY39" s="274">
        <v>0</v>
      </c>
      <c r="GZ39" s="274">
        <v>0</v>
      </c>
      <c r="HA39" s="274">
        <v>0</v>
      </c>
      <c r="HB39" s="277">
        <v>0</v>
      </c>
      <c r="HC39" s="278">
        <v>0</v>
      </c>
      <c r="HD39" s="273">
        <v>0</v>
      </c>
      <c r="HE39" s="274">
        <v>0</v>
      </c>
      <c r="HF39" s="275">
        <v>0</v>
      </c>
      <c r="HG39" s="279"/>
      <c r="HH39" s="274">
        <v>0</v>
      </c>
      <c r="HI39" s="274">
        <v>0</v>
      </c>
      <c r="HJ39" s="274">
        <v>0</v>
      </c>
      <c r="HK39" s="274">
        <v>0</v>
      </c>
      <c r="HL39" s="274">
        <v>0</v>
      </c>
      <c r="HM39" s="277">
        <v>0</v>
      </c>
      <c r="HN39" s="278">
        <v>0</v>
      </c>
      <c r="HO39" s="273">
        <v>0</v>
      </c>
      <c r="HP39" s="274">
        <v>0</v>
      </c>
      <c r="HQ39" s="275">
        <v>0</v>
      </c>
      <c r="HR39" s="276">
        <v>0</v>
      </c>
      <c r="HS39" s="274">
        <v>143064</v>
      </c>
      <c r="HT39" s="274">
        <v>281232</v>
      </c>
      <c r="HU39" s="274">
        <v>1585515</v>
      </c>
      <c r="HV39" s="274">
        <v>1742614</v>
      </c>
      <c r="HW39" s="274">
        <v>1503221</v>
      </c>
      <c r="HX39" s="277">
        <v>5255646</v>
      </c>
      <c r="HY39" s="278">
        <v>5255646</v>
      </c>
    </row>
    <row r="40" spans="2:233" ht="21" customHeight="1" thickBot="1" x14ac:dyDescent="0.25">
      <c r="B40" s="473" t="s">
        <v>37</v>
      </c>
      <c r="C40" s="281">
        <v>0</v>
      </c>
      <c r="D40" s="282">
        <v>0</v>
      </c>
      <c r="E40" s="283">
        <v>0</v>
      </c>
      <c r="F40" s="284">
        <v>0</v>
      </c>
      <c r="G40" s="282">
        <v>0</v>
      </c>
      <c r="H40" s="282">
        <v>24645</v>
      </c>
      <c r="I40" s="282">
        <v>79665</v>
      </c>
      <c r="J40" s="282">
        <v>65255</v>
      </c>
      <c r="K40" s="282">
        <v>62280</v>
      </c>
      <c r="L40" s="285">
        <v>231845</v>
      </c>
      <c r="M40" s="286">
        <v>231845</v>
      </c>
      <c r="N40" s="281">
        <v>0</v>
      </c>
      <c r="O40" s="282">
        <v>0</v>
      </c>
      <c r="P40" s="283">
        <v>0</v>
      </c>
      <c r="Q40" s="287"/>
      <c r="R40" s="282">
        <v>0</v>
      </c>
      <c r="S40" s="282">
        <v>0</v>
      </c>
      <c r="T40" s="282">
        <v>40610</v>
      </c>
      <c r="U40" s="282">
        <v>32550</v>
      </c>
      <c r="V40" s="282">
        <v>37635</v>
      </c>
      <c r="W40" s="285">
        <v>110795</v>
      </c>
      <c r="X40" s="286">
        <v>110795</v>
      </c>
      <c r="Y40" s="281">
        <v>0</v>
      </c>
      <c r="Z40" s="282">
        <v>0</v>
      </c>
      <c r="AA40" s="283">
        <v>0</v>
      </c>
      <c r="AB40" s="287"/>
      <c r="AC40" s="282">
        <v>0</v>
      </c>
      <c r="AD40" s="282">
        <v>24645</v>
      </c>
      <c r="AE40" s="282">
        <v>35340</v>
      </c>
      <c r="AF40" s="282">
        <v>32705</v>
      </c>
      <c r="AG40" s="282">
        <v>24645</v>
      </c>
      <c r="AH40" s="285">
        <v>117335</v>
      </c>
      <c r="AI40" s="286">
        <v>117335</v>
      </c>
      <c r="AJ40" s="281">
        <v>0</v>
      </c>
      <c r="AK40" s="282">
        <v>0</v>
      </c>
      <c r="AL40" s="283">
        <v>0</v>
      </c>
      <c r="AM40" s="287"/>
      <c r="AN40" s="282">
        <v>0</v>
      </c>
      <c r="AO40" s="282">
        <v>0</v>
      </c>
      <c r="AP40" s="282">
        <v>0</v>
      </c>
      <c r="AQ40" s="282">
        <v>0</v>
      </c>
      <c r="AR40" s="282">
        <v>0</v>
      </c>
      <c r="AS40" s="285">
        <v>0</v>
      </c>
      <c r="AT40" s="286">
        <v>0</v>
      </c>
      <c r="AU40" s="281">
        <v>0</v>
      </c>
      <c r="AV40" s="282">
        <v>0</v>
      </c>
      <c r="AW40" s="283">
        <v>0</v>
      </c>
      <c r="AX40" s="287"/>
      <c r="AY40" s="282">
        <v>0</v>
      </c>
      <c r="AZ40" s="282">
        <v>0</v>
      </c>
      <c r="BA40" s="282">
        <v>0</v>
      </c>
      <c r="BB40" s="282">
        <v>0</v>
      </c>
      <c r="BC40" s="282">
        <v>0</v>
      </c>
      <c r="BD40" s="285">
        <v>0</v>
      </c>
      <c r="BE40" s="286">
        <v>0</v>
      </c>
      <c r="BF40" s="281">
        <v>0</v>
      </c>
      <c r="BG40" s="282">
        <v>0</v>
      </c>
      <c r="BH40" s="283">
        <v>0</v>
      </c>
      <c r="BI40" s="287"/>
      <c r="BJ40" s="282">
        <v>0</v>
      </c>
      <c r="BK40" s="282">
        <v>0</v>
      </c>
      <c r="BL40" s="282">
        <v>0</v>
      </c>
      <c r="BM40" s="282">
        <v>0</v>
      </c>
      <c r="BN40" s="282">
        <v>0</v>
      </c>
      <c r="BO40" s="285">
        <v>0</v>
      </c>
      <c r="BP40" s="286">
        <v>0</v>
      </c>
      <c r="BQ40" s="281">
        <v>0</v>
      </c>
      <c r="BR40" s="282">
        <v>0</v>
      </c>
      <c r="BS40" s="283">
        <v>0</v>
      </c>
      <c r="BT40" s="284">
        <v>0</v>
      </c>
      <c r="BU40" s="282">
        <v>0</v>
      </c>
      <c r="BV40" s="282">
        <v>0</v>
      </c>
      <c r="BW40" s="282">
        <v>3715</v>
      </c>
      <c r="BX40" s="282">
        <v>0</v>
      </c>
      <c r="BY40" s="282">
        <v>0</v>
      </c>
      <c r="BZ40" s="285">
        <v>3715</v>
      </c>
      <c r="CA40" s="286">
        <v>3715</v>
      </c>
      <c r="CB40" s="281">
        <v>0</v>
      </c>
      <c r="CC40" s="282">
        <v>0</v>
      </c>
      <c r="CD40" s="283">
        <v>0</v>
      </c>
      <c r="CE40" s="284">
        <v>0</v>
      </c>
      <c r="CF40" s="282">
        <v>0</v>
      </c>
      <c r="CG40" s="282">
        <v>0</v>
      </c>
      <c r="CH40" s="282">
        <v>0</v>
      </c>
      <c r="CI40" s="282">
        <v>0</v>
      </c>
      <c r="CJ40" s="282">
        <v>0</v>
      </c>
      <c r="CK40" s="285">
        <v>0</v>
      </c>
      <c r="CL40" s="286">
        <v>0</v>
      </c>
      <c r="CM40" s="281">
        <v>0</v>
      </c>
      <c r="CN40" s="282">
        <v>0</v>
      </c>
      <c r="CO40" s="283">
        <v>0</v>
      </c>
      <c r="CP40" s="284">
        <v>0</v>
      </c>
      <c r="CQ40" s="282">
        <v>0</v>
      </c>
      <c r="CR40" s="282">
        <v>0</v>
      </c>
      <c r="CS40" s="282">
        <v>0</v>
      </c>
      <c r="CT40" s="282">
        <v>0</v>
      </c>
      <c r="CU40" s="282">
        <v>0</v>
      </c>
      <c r="CV40" s="285">
        <v>0</v>
      </c>
      <c r="CW40" s="286">
        <v>0</v>
      </c>
      <c r="CX40" s="281">
        <v>0</v>
      </c>
      <c r="CY40" s="282">
        <v>0</v>
      </c>
      <c r="CZ40" s="283">
        <v>0</v>
      </c>
      <c r="DA40" s="287"/>
      <c r="DB40" s="282">
        <v>0</v>
      </c>
      <c r="DC40" s="282">
        <v>0</v>
      </c>
      <c r="DD40" s="282">
        <v>0</v>
      </c>
      <c r="DE40" s="282">
        <v>0</v>
      </c>
      <c r="DF40" s="282">
        <v>0</v>
      </c>
      <c r="DG40" s="285">
        <v>0</v>
      </c>
      <c r="DH40" s="286">
        <v>0</v>
      </c>
      <c r="DI40" s="281">
        <v>0</v>
      </c>
      <c r="DJ40" s="282">
        <v>0</v>
      </c>
      <c r="DK40" s="283">
        <v>0</v>
      </c>
      <c r="DL40" s="284">
        <v>0</v>
      </c>
      <c r="DM40" s="282">
        <v>0</v>
      </c>
      <c r="DN40" s="282">
        <v>217</v>
      </c>
      <c r="DO40" s="282">
        <v>76081</v>
      </c>
      <c r="DP40" s="282">
        <v>66898</v>
      </c>
      <c r="DQ40" s="282">
        <v>49079</v>
      </c>
      <c r="DR40" s="285">
        <v>192275</v>
      </c>
      <c r="DS40" s="288">
        <v>192275</v>
      </c>
      <c r="DT40" s="281">
        <v>0</v>
      </c>
      <c r="DU40" s="282">
        <v>0</v>
      </c>
      <c r="DV40" s="283">
        <v>0</v>
      </c>
      <c r="DW40" s="287"/>
      <c r="DX40" s="282">
        <v>0</v>
      </c>
      <c r="DY40" s="282">
        <v>0</v>
      </c>
      <c r="DZ40" s="282">
        <v>73222</v>
      </c>
      <c r="EA40" s="282">
        <v>66681</v>
      </c>
      <c r="EB40" s="282">
        <v>48862</v>
      </c>
      <c r="EC40" s="285">
        <v>188765</v>
      </c>
      <c r="ED40" s="286">
        <v>188765</v>
      </c>
      <c r="EE40" s="281">
        <v>0</v>
      </c>
      <c r="EF40" s="282">
        <v>0</v>
      </c>
      <c r="EG40" s="283">
        <v>0</v>
      </c>
      <c r="EH40" s="287"/>
      <c r="EI40" s="282">
        <v>0</v>
      </c>
      <c r="EJ40" s="282">
        <v>217</v>
      </c>
      <c r="EK40" s="282">
        <v>434</v>
      </c>
      <c r="EL40" s="282">
        <v>217</v>
      </c>
      <c r="EM40" s="282">
        <v>217</v>
      </c>
      <c r="EN40" s="285">
        <v>1085</v>
      </c>
      <c r="EO40" s="286">
        <v>1085</v>
      </c>
      <c r="EP40" s="281">
        <v>0</v>
      </c>
      <c r="EQ40" s="282">
        <v>0</v>
      </c>
      <c r="ER40" s="283">
        <v>0</v>
      </c>
      <c r="ES40" s="287"/>
      <c r="ET40" s="282">
        <v>0</v>
      </c>
      <c r="EU40" s="282">
        <v>0</v>
      </c>
      <c r="EV40" s="282">
        <v>0</v>
      </c>
      <c r="EW40" s="282">
        <v>0</v>
      </c>
      <c r="EX40" s="282">
        <v>0</v>
      </c>
      <c r="EY40" s="285">
        <v>0</v>
      </c>
      <c r="EZ40" s="286">
        <v>0</v>
      </c>
      <c r="FA40" s="281">
        <v>0</v>
      </c>
      <c r="FB40" s="282">
        <v>0</v>
      </c>
      <c r="FC40" s="283">
        <v>0</v>
      </c>
      <c r="FD40" s="287"/>
      <c r="FE40" s="282">
        <v>0</v>
      </c>
      <c r="FF40" s="282">
        <v>0</v>
      </c>
      <c r="FG40" s="282">
        <v>0</v>
      </c>
      <c r="FH40" s="282">
        <v>0</v>
      </c>
      <c r="FI40" s="282">
        <v>0</v>
      </c>
      <c r="FJ40" s="285">
        <v>0</v>
      </c>
      <c r="FK40" s="286">
        <v>0</v>
      </c>
      <c r="FL40" s="281">
        <v>0</v>
      </c>
      <c r="FM40" s="282">
        <v>0</v>
      </c>
      <c r="FN40" s="283">
        <v>0</v>
      </c>
      <c r="FO40" s="287"/>
      <c r="FP40" s="282">
        <v>0</v>
      </c>
      <c r="FQ40" s="282">
        <v>0</v>
      </c>
      <c r="FR40" s="282">
        <v>0</v>
      </c>
      <c r="FS40" s="282">
        <v>0</v>
      </c>
      <c r="FT40" s="282">
        <v>0</v>
      </c>
      <c r="FU40" s="285">
        <v>0</v>
      </c>
      <c r="FV40" s="286">
        <v>0</v>
      </c>
      <c r="FW40" s="281">
        <v>0</v>
      </c>
      <c r="FX40" s="282">
        <v>0</v>
      </c>
      <c r="FY40" s="283">
        <v>0</v>
      </c>
      <c r="FZ40" s="284">
        <v>0</v>
      </c>
      <c r="GA40" s="282">
        <v>0</v>
      </c>
      <c r="GB40" s="282">
        <v>0</v>
      </c>
      <c r="GC40" s="282">
        <v>2425</v>
      </c>
      <c r="GD40" s="282">
        <v>0</v>
      </c>
      <c r="GE40" s="282">
        <v>0</v>
      </c>
      <c r="GF40" s="285">
        <v>2425</v>
      </c>
      <c r="GG40" s="286">
        <v>2425</v>
      </c>
      <c r="GH40" s="281">
        <v>0</v>
      </c>
      <c r="GI40" s="282">
        <v>0</v>
      </c>
      <c r="GJ40" s="283">
        <v>0</v>
      </c>
      <c r="GK40" s="284">
        <v>0</v>
      </c>
      <c r="GL40" s="282">
        <v>0</v>
      </c>
      <c r="GM40" s="282">
        <v>0</v>
      </c>
      <c r="GN40" s="282">
        <v>0</v>
      </c>
      <c r="GO40" s="282">
        <v>0</v>
      </c>
      <c r="GP40" s="282">
        <v>0</v>
      </c>
      <c r="GQ40" s="285">
        <v>0</v>
      </c>
      <c r="GR40" s="286">
        <v>0</v>
      </c>
      <c r="GS40" s="281">
        <v>0</v>
      </c>
      <c r="GT40" s="282">
        <v>0</v>
      </c>
      <c r="GU40" s="283">
        <v>0</v>
      </c>
      <c r="GV40" s="284">
        <v>0</v>
      </c>
      <c r="GW40" s="282">
        <v>0</v>
      </c>
      <c r="GX40" s="282">
        <v>0</v>
      </c>
      <c r="GY40" s="282">
        <v>0</v>
      </c>
      <c r="GZ40" s="282">
        <v>0</v>
      </c>
      <c r="HA40" s="282">
        <v>0</v>
      </c>
      <c r="HB40" s="285">
        <v>0</v>
      </c>
      <c r="HC40" s="286">
        <v>0</v>
      </c>
      <c r="HD40" s="281">
        <v>0</v>
      </c>
      <c r="HE40" s="282">
        <v>0</v>
      </c>
      <c r="HF40" s="283">
        <v>0</v>
      </c>
      <c r="HG40" s="287"/>
      <c r="HH40" s="282">
        <v>0</v>
      </c>
      <c r="HI40" s="282">
        <v>0</v>
      </c>
      <c r="HJ40" s="282">
        <v>0</v>
      </c>
      <c r="HK40" s="282">
        <v>0</v>
      </c>
      <c r="HL40" s="282">
        <v>0</v>
      </c>
      <c r="HM40" s="285">
        <v>0</v>
      </c>
      <c r="HN40" s="286">
        <v>0</v>
      </c>
      <c r="HO40" s="281">
        <v>0</v>
      </c>
      <c r="HP40" s="282">
        <v>0</v>
      </c>
      <c r="HQ40" s="283">
        <v>0</v>
      </c>
      <c r="HR40" s="284">
        <v>0</v>
      </c>
      <c r="HS40" s="282">
        <v>0</v>
      </c>
      <c r="HT40" s="282">
        <v>24862</v>
      </c>
      <c r="HU40" s="282">
        <v>155746</v>
      </c>
      <c r="HV40" s="282">
        <v>132153</v>
      </c>
      <c r="HW40" s="282">
        <v>111359</v>
      </c>
      <c r="HX40" s="285">
        <v>424120</v>
      </c>
      <c r="HY40" s="286">
        <v>424120</v>
      </c>
    </row>
    <row r="41" spans="2:233" x14ac:dyDescent="0.2">
      <c r="B41" s="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1</v>
      </c>
      <c r="F1" s="501">
        <f>第１表!F2</f>
        <v>5</v>
      </c>
      <c r="G1" s="501"/>
      <c r="H1" s="235">
        <f>第１表!G2</f>
        <v>10</v>
      </c>
      <c r="I1" s="500">
        <f>H1</f>
        <v>10</v>
      </c>
      <c r="J1" s="500"/>
    </row>
    <row r="2" spans="2:299" ht="24" customHeight="1" thickBot="1" x14ac:dyDescent="0.25">
      <c r="B2" s="15" t="s">
        <v>131</v>
      </c>
    </row>
    <row r="3" spans="2:299" ht="21" customHeight="1" thickBot="1" x14ac:dyDescent="0.25">
      <c r="B3" s="487" t="s">
        <v>38</v>
      </c>
      <c r="C3" s="482" t="s">
        <v>96</v>
      </c>
      <c r="D3" s="482"/>
      <c r="E3" s="482"/>
      <c r="F3" s="482"/>
      <c r="G3" s="482"/>
      <c r="H3" s="482"/>
      <c r="I3" s="482"/>
      <c r="J3" s="482"/>
      <c r="K3" s="482"/>
      <c r="L3" s="482"/>
      <c r="M3" s="482"/>
      <c r="N3" s="482"/>
      <c r="O3" s="482"/>
      <c r="P3" s="482"/>
      <c r="Q3" s="482"/>
      <c r="R3" s="482"/>
      <c r="S3" s="482"/>
      <c r="T3" s="482"/>
      <c r="U3" s="482"/>
      <c r="V3" s="482"/>
      <c r="W3" s="482"/>
      <c r="X3" s="482"/>
      <c r="Y3" s="482"/>
      <c r="Z3" s="482"/>
      <c r="AA3" s="482"/>
      <c r="AB3" s="482"/>
      <c r="AC3" s="482"/>
      <c r="AD3" s="482"/>
      <c r="AE3" s="482"/>
      <c r="AF3" s="482"/>
      <c r="AG3" s="482"/>
      <c r="AH3" s="482"/>
      <c r="AI3" s="482"/>
      <c r="AJ3" s="482"/>
      <c r="AK3" s="482"/>
      <c r="AL3" s="482"/>
      <c r="AM3" s="482"/>
      <c r="AN3" s="482"/>
      <c r="AO3" s="482"/>
      <c r="AP3" s="482"/>
      <c r="AQ3" s="482"/>
      <c r="AR3" s="482"/>
      <c r="AS3" s="482"/>
      <c r="AT3" s="482"/>
      <c r="AU3" s="482"/>
      <c r="AV3" s="482"/>
      <c r="AW3" s="482"/>
      <c r="AX3" s="482"/>
      <c r="AY3" s="482"/>
      <c r="AZ3" s="482"/>
      <c r="BA3" s="482"/>
      <c r="BB3" s="482"/>
      <c r="BC3" s="482"/>
      <c r="BD3" s="482"/>
      <c r="BE3" s="482"/>
      <c r="BF3" s="482"/>
      <c r="BG3" s="482"/>
      <c r="BH3" s="482"/>
      <c r="BI3" s="482"/>
      <c r="BJ3" s="482"/>
      <c r="BK3" s="482"/>
      <c r="BL3" s="482"/>
      <c r="BM3" s="482"/>
      <c r="BN3" s="482"/>
      <c r="BO3" s="482"/>
      <c r="BP3" s="482"/>
      <c r="BQ3" s="482"/>
      <c r="BR3" s="482"/>
      <c r="BS3" s="482"/>
      <c r="BT3" s="482"/>
      <c r="BU3" s="482"/>
      <c r="BV3" s="482"/>
      <c r="BW3" s="482"/>
      <c r="BX3" s="482"/>
      <c r="BY3" s="482"/>
      <c r="BZ3" s="482"/>
      <c r="CA3" s="482"/>
      <c r="CB3" s="482"/>
      <c r="CC3" s="482"/>
      <c r="CD3" s="482"/>
      <c r="CE3" s="482"/>
      <c r="CF3" s="482"/>
      <c r="CG3" s="482"/>
      <c r="CH3" s="482"/>
      <c r="CI3" s="482"/>
      <c r="CJ3" s="482"/>
      <c r="CK3" s="482"/>
      <c r="CL3" s="482"/>
      <c r="CM3" s="482"/>
      <c r="CN3" s="482"/>
      <c r="CO3" s="482"/>
      <c r="CP3" s="482"/>
      <c r="CQ3" s="482"/>
      <c r="CR3" s="482"/>
      <c r="CS3" s="482"/>
      <c r="CT3" s="482"/>
      <c r="CU3" s="482"/>
      <c r="CV3" s="482"/>
      <c r="CW3" s="483"/>
      <c r="CX3" s="482" t="s">
        <v>103</v>
      </c>
      <c r="CY3" s="482"/>
      <c r="CZ3" s="482"/>
      <c r="DA3" s="482"/>
      <c r="DB3" s="482"/>
      <c r="DC3" s="482"/>
      <c r="DD3" s="482"/>
      <c r="DE3" s="482"/>
      <c r="DF3" s="482"/>
      <c r="DG3" s="482"/>
      <c r="DH3" s="482"/>
      <c r="DI3" s="482"/>
      <c r="DJ3" s="482"/>
      <c r="DK3" s="482"/>
      <c r="DL3" s="482"/>
      <c r="DM3" s="482"/>
      <c r="DN3" s="482"/>
      <c r="DO3" s="482"/>
      <c r="DP3" s="482"/>
      <c r="DQ3" s="482"/>
      <c r="DR3" s="482"/>
      <c r="DS3" s="482"/>
      <c r="DT3" s="482"/>
      <c r="DU3" s="482"/>
      <c r="DV3" s="482"/>
      <c r="DW3" s="482"/>
      <c r="DX3" s="482"/>
      <c r="DY3" s="482"/>
      <c r="DZ3" s="482"/>
      <c r="EA3" s="482"/>
      <c r="EB3" s="482"/>
      <c r="EC3" s="482"/>
      <c r="ED3" s="482"/>
      <c r="EE3" s="482"/>
      <c r="EF3" s="482"/>
      <c r="EG3" s="482"/>
      <c r="EH3" s="482"/>
      <c r="EI3" s="482"/>
      <c r="EJ3" s="482"/>
      <c r="EK3" s="482"/>
      <c r="EL3" s="482"/>
      <c r="EM3" s="482"/>
      <c r="EN3" s="482"/>
      <c r="EO3" s="482"/>
      <c r="EP3" s="482"/>
      <c r="EQ3" s="482"/>
      <c r="ER3" s="482"/>
      <c r="ES3" s="482"/>
      <c r="ET3" s="482"/>
      <c r="EU3" s="482"/>
      <c r="EV3" s="482"/>
      <c r="EW3" s="482"/>
      <c r="EX3" s="482"/>
      <c r="EY3" s="482"/>
      <c r="EZ3" s="482"/>
      <c r="FA3" s="482"/>
      <c r="FB3" s="482"/>
      <c r="FC3" s="482"/>
      <c r="FD3" s="482"/>
      <c r="FE3" s="482"/>
      <c r="FF3" s="482"/>
      <c r="FG3" s="482"/>
      <c r="FH3" s="482"/>
      <c r="FI3" s="482"/>
      <c r="FJ3" s="482"/>
      <c r="FK3" s="482"/>
      <c r="FL3" s="482"/>
      <c r="FM3" s="482"/>
      <c r="FN3" s="482"/>
      <c r="FO3" s="482"/>
      <c r="FP3" s="482"/>
      <c r="FQ3" s="482"/>
      <c r="FR3" s="482"/>
      <c r="FS3" s="482"/>
      <c r="FT3" s="482"/>
      <c r="FU3" s="482"/>
      <c r="FV3" s="482"/>
      <c r="FW3" s="482"/>
      <c r="FX3" s="482"/>
      <c r="FY3" s="482"/>
      <c r="FZ3" s="482"/>
      <c r="GA3" s="482"/>
      <c r="GB3" s="482"/>
      <c r="GC3" s="482"/>
      <c r="GD3" s="482"/>
      <c r="GE3" s="482"/>
      <c r="GF3" s="482"/>
      <c r="GG3" s="482"/>
      <c r="GH3" s="482"/>
      <c r="GI3" s="482"/>
      <c r="GJ3" s="482"/>
      <c r="GK3" s="482"/>
      <c r="GL3" s="482"/>
      <c r="GM3" s="482"/>
      <c r="GN3" s="482"/>
      <c r="GO3" s="482"/>
      <c r="GP3" s="482"/>
      <c r="GQ3" s="482"/>
      <c r="GR3" s="483"/>
      <c r="GS3" s="482" t="s">
        <v>104</v>
      </c>
      <c r="GT3" s="482"/>
      <c r="GU3" s="482"/>
      <c r="GV3" s="482"/>
      <c r="GW3" s="482"/>
      <c r="GX3" s="482"/>
      <c r="GY3" s="482"/>
      <c r="GZ3" s="482"/>
      <c r="HA3" s="482"/>
      <c r="HB3" s="482"/>
      <c r="HC3" s="482"/>
      <c r="HD3" s="482"/>
      <c r="HE3" s="482"/>
      <c r="HF3" s="482"/>
      <c r="HG3" s="482"/>
      <c r="HH3" s="482"/>
      <c r="HI3" s="482"/>
      <c r="HJ3" s="482"/>
      <c r="HK3" s="482"/>
      <c r="HL3" s="482"/>
      <c r="HM3" s="482"/>
      <c r="HN3" s="482"/>
      <c r="HO3" s="482"/>
      <c r="HP3" s="482"/>
      <c r="HQ3" s="482"/>
      <c r="HR3" s="482"/>
      <c r="HS3" s="482"/>
      <c r="HT3" s="482"/>
      <c r="HU3" s="482"/>
      <c r="HV3" s="482"/>
      <c r="HW3" s="482"/>
      <c r="HX3" s="482"/>
      <c r="HY3" s="482"/>
      <c r="HZ3" s="482"/>
      <c r="IA3" s="482"/>
      <c r="IB3" s="482"/>
      <c r="IC3" s="482"/>
      <c r="ID3" s="482"/>
      <c r="IE3" s="482"/>
      <c r="IF3" s="482"/>
      <c r="IG3" s="482"/>
      <c r="IH3" s="482"/>
      <c r="II3" s="482"/>
      <c r="IJ3" s="482"/>
      <c r="IK3" s="482"/>
      <c r="IL3" s="482"/>
      <c r="IM3" s="482"/>
      <c r="IN3" s="482"/>
      <c r="IO3" s="482"/>
      <c r="IP3" s="482"/>
      <c r="IQ3" s="482"/>
      <c r="IR3" s="482"/>
      <c r="IS3" s="482"/>
      <c r="IT3" s="482"/>
      <c r="IU3" s="482"/>
      <c r="IV3" s="482"/>
      <c r="IW3" s="482"/>
      <c r="IX3" s="482"/>
      <c r="IY3" s="482"/>
      <c r="IZ3" s="482"/>
      <c r="JA3" s="482"/>
      <c r="JB3" s="482"/>
      <c r="JC3" s="482"/>
      <c r="JD3" s="482"/>
      <c r="JE3" s="482"/>
      <c r="JF3" s="482"/>
      <c r="JG3" s="482"/>
      <c r="JH3" s="482"/>
      <c r="JI3" s="482"/>
      <c r="JJ3" s="482"/>
      <c r="JK3" s="482"/>
      <c r="JL3" s="482"/>
      <c r="JM3" s="482"/>
      <c r="JN3" s="482"/>
      <c r="JO3" s="482"/>
      <c r="JP3" s="482"/>
      <c r="JQ3" s="482"/>
      <c r="JR3" s="482"/>
      <c r="JS3" s="482"/>
      <c r="JT3" s="482"/>
      <c r="JU3" s="482"/>
      <c r="JV3" s="482"/>
      <c r="JW3" s="482"/>
      <c r="JX3" s="482"/>
      <c r="JY3" s="482"/>
      <c r="JZ3" s="482"/>
      <c r="KA3" s="482"/>
      <c r="KB3" s="482"/>
      <c r="KC3" s="482"/>
      <c r="KD3" s="482"/>
      <c r="KE3" s="482"/>
      <c r="KF3" s="482"/>
      <c r="KG3" s="482"/>
      <c r="KH3" s="482"/>
      <c r="KI3" s="482"/>
      <c r="KJ3" s="482"/>
      <c r="KK3" s="482"/>
      <c r="KL3" s="482"/>
      <c r="KM3" s="483"/>
    </row>
    <row r="4" spans="2:299" ht="21" customHeight="1" thickBot="1" x14ac:dyDescent="0.25">
      <c r="B4" s="499"/>
      <c r="C4" s="484" t="s">
        <v>39</v>
      </c>
      <c r="D4" s="485"/>
      <c r="E4" s="485"/>
      <c r="F4" s="485"/>
      <c r="G4" s="485"/>
      <c r="H4" s="485"/>
      <c r="I4" s="485"/>
      <c r="J4" s="485"/>
      <c r="K4" s="485"/>
      <c r="L4" s="485"/>
      <c r="M4" s="485"/>
      <c r="N4" s="485"/>
      <c r="O4" s="485"/>
      <c r="P4" s="485"/>
      <c r="Q4" s="485"/>
      <c r="R4" s="485"/>
      <c r="S4" s="485"/>
      <c r="T4" s="485"/>
      <c r="U4" s="485"/>
      <c r="V4" s="485"/>
      <c r="W4" s="485"/>
      <c r="X4" s="485"/>
      <c r="Y4" s="485"/>
      <c r="Z4" s="485"/>
      <c r="AA4" s="485"/>
      <c r="AB4" s="485"/>
      <c r="AC4" s="485"/>
      <c r="AD4" s="485"/>
      <c r="AE4" s="485"/>
      <c r="AF4" s="485"/>
      <c r="AG4" s="485"/>
      <c r="AH4" s="485"/>
      <c r="AI4" s="485"/>
      <c r="AJ4" s="485"/>
      <c r="AK4" s="485"/>
      <c r="AL4" s="485"/>
      <c r="AM4" s="485"/>
      <c r="AN4" s="485"/>
      <c r="AO4" s="485"/>
      <c r="AP4" s="485"/>
      <c r="AQ4" s="485"/>
      <c r="AR4" s="485"/>
      <c r="AS4" s="485"/>
      <c r="AT4" s="485"/>
      <c r="AU4" s="485"/>
      <c r="AV4" s="485"/>
      <c r="AW4" s="485"/>
      <c r="AX4" s="485"/>
      <c r="AY4" s="485"/>
      <c r="AZ4" s="485"/>
      <c r="BA4" s="485"/>
      <c r="BB4" s="485"/>
      <c r="BC4" s="485"/>
      <c r="BD4" s="485"/>
      <c r="BE4" s="485"/>
      <c r="BF4" s="485"/>
      <c r="BG4" s="485"/>
      <c r="BH4" s="485"/>
      <c r="BI4" s="485"/>
      <c r="BJ4" s="485"/>
      <c r="BK4" s="485"/>
      <c r="BL4" s="485"/>
      <c r="BM4" s="485"/>
      <c r="BN4" s="485"/>
      <c r="BO4" s="485"/>
      <c r="BP4" s="485"/>
      <c r="BQ4" s="485"/>
      <c r="BR4" s="485"/>
      <c r="BS4" s="485"/>
      <c r="BT4" s="485"/>
      <c r="BU4" s="485"/>
      <c r="BV4" s="485"/>
      <c r="BW4" s="485"/>
      <c r="BX4" s="485"/>
      <c r="BY4" s="485"/>
      <c r="BZ4" s="485"/>
      <c r="CA4" s="486"/>
      <c r="CB4" s="487" t="s">
        <v>40</v>
      </c>
      <c r="CC4" s="488"/>
      <c r="CD4" s="488"/>
      <c r="CE4" s="488"/>
      <c r="CF4" s="488"/>
      <c r="CG4" s="488"/>
      <c r="CH4" s="488"/>
      <c r="CI4" s="488"/>
      <c r="CJ4" s="488"/>
      <c r="CK4" s="488"/>
      <c r="CL4" s="489"/>
      <c r="CM4" s="487" t="s">
        <v>41</v>
      </c>
      <c r="CN4" s="488"/>
      <c r="CO4" s="488"/>
      <c r="CP4" s="488"/>
      <c r="CQ4" s="488"/>
      <c r="CR4" s="488"/>
      <c r="CS4" s="488"/>
      <c r="CT4" s="488"/>
      <c r="CU4" s="488"/>
      <c r="CV4" s="488"/>
      <c r="CW4" s="489"/>
      <c r="CX4" s="484" t="s">
        <v>39</v>
      </c>
      <c r="CY4" s="485"/>
      <c r="CZ4" s="485"/>
      <c r="DA4" s="485"/>
      <c r="DB4" s="485"/>
      <c r="DC4" s="485"/>
      <c r="DD4" s="485"/>
      <c r="DE4" s="485"/>
      <c r="DF4" s="485"/>
      <c r="DG4" s="485"/>
      <c r="DH4" s="485"/>
      <c r="DI4" s="485"/>
      <c r="DJ4" s="485"/>
      <c r="DK4" s="485"/>
      <c r="DL4" s="485"/>
      <c r="DM4" s="485"/>
      <c r="DN4" s="485"/>
      <c r="DO4" s="485"/>
      <c r="DP4" s="485"/>
      <c r="DQ4" s="485"/>
      <c r="DR4" s="485"/>
      <c r="DS4" s="485"/>
      <c r="DT4" s="485"/>
      <c r="DU4" s="485"/>
      <c r="DV4" s="485"/>
      <c r="DW4" s="485"/>
      <c r="DX4" s="485"/>
      <c r="DY4" s="485"/>
      <c r="DZ4" s="485"/>
      <c r="EA4" s="485"/>
      <c r="EB4" s="485"/>
      <c r="EC4" s="485"/>
      <c r="ED4" s="485"/>
      <c r="EE4" s="485"/>
      <c r="EF4" s="485"/>
      <c r="EG4" s="485"/>
      <c r="EH4" s="485"/>
      <c r="EI4" s="485"/>
      <c r="EJ4" s="485"/>
      <c r="EK4" s="485"/>
      <c r="EL4" s="485"/>
      <c r="EM4" s="485"/>
      <c r="EN4" s="485"/>
      <c r="EO4" s="485"/>
      <c r="EP4" s="485"/>
      <c r="EQ4" s="485"/>
      <c r="ER4" s="485"/>
      <c r="ES4" s="485"/>
      <c r="ET4" s="485"/>
      <c r="EU4" s="485"/>
      <c r="EV4" s="485"/>
      <c r="EW4" s="485"/>
      <c r="EX4" s="485"/>
      <c r="EY4" s="485"/>
      <c r="EZ4" s="485"/>
      <c r="FA4" s="485"/>
      <c r="FB4" s="485"/>
      <c r="FC4" s="485"/>
      <c r="FD4" s="485"/>
      <c r="FE4" s="485"/>
      <c r="FF4" s="485"/>
      <c r="FG4" s="485"/>
      <c r="FH4" s="485"/>
      <c r="FI4" s="485"/>
      <c r="FJ4" s="485"/>
      <c r="FK4" s="485"/>
      <c r="FL4" s="485"/>
      <c r="FM4" s="485"/>
      <c r="FN4" s="485"/>
      <c r="FO4" s="485"/>
      <c r="FP4" s="485"/>
      <c r="FQ4" s="485"/>
      <c r="FR4" s="485"/>
      <c r="FS4" s="485"/>
      <c r="FT4" s="485"/>
      <c r="FU4" s="485"/>
      <c r="FV4" s="486"/>
      <c r="FW4" s="487" t="s">
        <v>40</v>
      </c>
      <c r="FX4" s="488"/>
      <c r="FY4" s="488"/>
      <c r="FZ4" s="488"/>
      <c r="GA4" s="488"/>
      <c r="GB4" s="488"/>
      <c r="GC4" s="488"/>
      <c r="GD4" s="488"/>
      <c r="GE4" s="488"/>
      <c r="GF4" s="488"/>
      <c r="GG4" s="489"/>
      <c r="GH4" s="487" t="s">
        <v>41</v>
      </c>
      <c r="GI4" s="488"/>
      <c r="GJ4" s="488"/>
      <c r="GK4" s="488"/>
      <c r="GL4" s="488"/>
      <c r="GM4" s="488"/>
      <c r="GN4" s="488"/>
      <c r="GO4" s="488"/>
      <c r="GP4" s="488"/>
      <c r="GQ4" s="488"/>
      <c r="GR4" s="489"/>
      <c r="GS4" s="484" t="s">
        <v>39</v>
      </c>
      <c r="GT4" s="485"/>
      <c r="GU4" s="485"/>
      <c r="GV4" s="485"/>
      <c r="GW4" s="485"/>
      <c r="GX4" s="485"/>
      <c r="GY4" s="485"/>
      <c r="GZ4" s="485"/>
      <c r="HA4" s="485"/>
      <c r="HB4" s="485"/>
      <c r="HC4" s="485"/>
      <c r="HD4" s="485"/>
      <c r="HE4" s="485"/>
      <c r="HF4" s="485"/>
      <c r="HG4" s="485"/>
      <c r="HH4" s="485"/>
      <c r="HI4" s="485"/>
      <c r="HJ4" s="485"/>
      <c r="HK4" s="485"/>
      <c r="HL4" s="485"/>
      <c r="HM4" s="485"/>
      <c r="HN4" s="485"/>
      <c r="HO4" s="485"/>
      <c r="HP4" s="485"/>
      <c r="HQ4" s="485"/>
      <c r="HR4" s="485"/>
      <c r="HS4" s="485"/>
      <c r="HT4" s="485"/>
      <c r="HU4" s="485"/>
      <c r="HV4" s="485"/>
      <c r="HW4" s="485"/>
      <c r="HX4" s="485"/>
      <c r="HY4" s="485"/>
      <c r="HZ4" s="485"/>
      <c r="IA4" s="485"/>
      <c r="IB4" s="485"/>
      <c r="IC4" s="485"/>
      <c r="ID4" s="485"/>
      <c r="IE4" s="485"/>
      <c r="IF4" s="485"/>
      <c r="IG4" s="485"/>
      <c r="IH4" s="485"/>
      <c r="II4" s="485"/>
      <c r="IJ4" s="485"/>
      <c r="IK4" s="485"/>
      <c r="IL4" s="485"/>
      <c r="IM4" s="485"/>
      <c r="IN4" s="485"/>
      <c r="IO4" s="485"/>
      <c r="IP4" s="485"/>
      <c r="IQ4" s="485"/>
      <c r="IR4" s="485"/>
      <c r="IS4" s="485"/>
      <c r="IT4" s="485"/>
      <c r="IU4" s="485"/>
      <c r="IV4" s="485"/>
      <c r="IW4" s="485"/>
      <c r="IX4" s="485"/>
      <c r="IY4" s="485"/>
      <c r="IZ4" s="485"/>
      <c r="JA4" s="485"/>
      <c r="JB4" s="485"/>
      <c r="JC4" s="485"/>
      <c r="JD4" s="485"/>
      <c r="JE4" s="485"/>
      <c r="JF4" s="485"/>
      <c r="JG4" s="485"/>
      <c r="JH4" s="485"/>
      <c r="JI4" s="485"/>
      <c r="JJ4" s="485"/>
      <c r="JK4" s="485"/>
      <c r="JL4" s="485"/>
      <c r="JM4" s="485"/>
      <c r="JN4" s="485"/>
      <c r="JO4" s="485"/>
      <c r="JP4" s="485"/>
      <c r="JQ4" s="486"/>
      <c r="JR4" s="487" t="s">
        <v>40</v>
      </c>
      <c r="JS4" s="488"/>
      <c r="JT4" s="488"/>
      <c r="JU4" s="488"/>
      <c r="JV4" s="488"/>
      <c r="JW4" s="488"/>
      <c r="JX4" s="488"/>
      <c r="JY4" s="488"/>
      <c r="JZ4" s="488"/>
      <c r="KA4" s="488"/>
      <c r="KB4" s="489"/>
      <c r="KC4" s="487" t="s">
        <v>41</v>
      </c>
      <c r="KD4" s="488"/>
      <c r="KE4" s="488"/>
      <c r="KF4" s="488"/>
      <c r="KG4" s="488"/>
      <c r="KH4" s="488"/>
      <c r="KI4" s="488"/>
      <c r="KJ4" s="488"/>
      <c r="KK4" s="488"/>
      <c r="KL4" s="488"/>
      <c r="KM4" s="489"/>
    </row>
    <row r="5" spans="2:299" ht="21" customHeight="1" thickBot="1" x14ac:dyDescent="0.25">
      <c r="B5" s="493"/>
      <c r="C5" s="493"/>
      <c r="D5" s="494"/>
      <c r="E5" s="494"/>
      <c r="F5" s="494"/>
      <c r="G5" s="494"/>
      <c r="H5" s="494"/>
      <c r="I5" s="494"/>
      <c r="J5" s="494"/>
      <c r="K5" s="494"/>
      <c r="L5" s="494"/>
      <c r="M5" s="495"/>
      <c r="N5" s="496" t="s">
        <v>97</v>
      </c>
      <c r="O5" s="497"/>
      <c r="P5" s="497"/>
      <c r="Q5" s="497"/>
      <c r="R5" s="497"/>
      <c r="S5" s="497"/>
      <c r="T5" s="497"/>
      <c r="U5" s="497"/>
      <c r="V5" s="497"/>
      <c r="W5" s="497"/>
      <c r="X5" s="498"/>
      <c r="Y5" s="496" t="s">
        <v>98</v>
      </c>
      <c r="Z5" s="497"/>
      <c r="AA5" s="497"/>
      <c r="AB5" s="497"/>
      <c r="AC5" s="497"/>
      <c r="AD5" s="497"/>
      <c r="AE5" s="497"/>
      <c r="AF5" s="497"/>
      <c r="AG5" s="497"/>
      <c r="AH5" s="497"/>
      <c r="AI5" s="498"/>
      <c r="AJ5" s="496" t="s">
        <v>99</v>
      </c>
      <c r="AK5" s="497"/>
      <c r="AL5" s="497"/>
      <c r="AM5" s="497"/>
      <c r="AN5" s="497"/>
      <c r="AO5" s="497"/>
      <c r="AP5" s="497"/>
      <c r="AQ5" s="497"/>
      <c r="AR5" s="497"/>
      <c r="AS5" s="497"/>
      <c r="AT5" s="498"/>
      <c r="AU5" s="496" t="s">
        <v>100</v>
      </c>
      <c r="AV5" s="497"/>
      <c r="AW5" s="497"/>
      <c r="AX5" s="497"/>
      <c r="AY5" s="497"/>
      <c r="AZ5" s="497"/>
      <c r="BA5" s="497"/>
      <c r="BB5" s="497"/>
      <c r="BC5" s="497"/>
      <c r="BD5" s="497"/>
      <c r="BE5" s="498"/>
      <c r="BF5" s="496" t="s">
        <v>101</v>
      </c>
      <c r="BG5" s="497"/>
      <c r="BH5" s="497"/>
      <c r="BI5" s="497"/>
      <c r="BJ5" s="497"/>
      <c r="BK5" s="497"/>
      <c r="BL5" s="497"/>
      <c r="BM5" s="497"/>
      <c r="BN5" s="497"/>
      <c r="BO5" s="497"/>
      <c r="BP5" s="498"/>
      <c r="BQ5" s="496" t="s">
        <v>102</v>
      </c>
      <c r="BR5" s="497"/>
      <c r="BS5" s="497"/>
      <c r="BT5" s="497"/>
      <c r="BU5" s="497"/>
      <c r="BV5" s="497"/>
      <c r="BW5" s="497"/>
      <c r="BX5" s="497"/>
      <c r="BY5" s="497"/>
      <c r="BZ5" s="497"/>
      <c r="CA5" s="498"/>
      <c r="CB5" s="490"/>
      <c r="CC5" s="491"/>
      <c r="CD5" s="491"/>
      <c r="CE5" s="491"/>
      <c r="CF5" s="491"/>
      <c r="CG5" s="491"/>
      <c r="CH5" s="491"/>
      <c r="CI5" s="491"/>
      <c r="CJ5" s="491"/>
      <c r="CK5" s="491"/>
      <c r="CL5" s="492"/>
      <c r="CM5" s="490"/>
      <c r="CN5" s="491"/>
      <c r="CO5" s="491"/>
      <c r="CP5" s="491"/>
      <c r="CQ5" s="491"/>
      <c r="CR5" s="491"/>
      <c r="CS5" s="491"/>
      <c r="CT5" s="491"/>
      <c r="CU5" s="491"/>
      <c r="CV5" s="491"/>
      <c r="CW5" s="492"/>
      <c r="CX5" s="493"/>
      <c r="CY5" s="494"/>
      <c r="CZ5" s="494"/>
      <c r="DA5" s="494"/>
      <c r="DB5" s="494"/>
      <c r="DC5" s="494"/>
      <c r="DD5" s="494"/>
      <c r="DE5" s="494"/>
      <c r="DF5" s="494"/>
      <c r="DG5" s="494"/>
      <c r="DH5" s="495"/>
      <c r="DI5" s="496" t="s">
        <v>97</v>
      </c>
      <c r="DJ5" s="497"/>
      <c r="DK5" s="497"/>
      <c r="DL5" s="497"/>
      <c r="DM5" s="497"/>
      <c r="DN5" s="497"/>
      <c r="DO5" s="497"/>
      <c r="DP5" s="497"/>
      <c r="DQ5" s="497"/>
      <c r="DR5" s="497"/>
      <c r="DS5" s="498"/>
      <c r="DT5" s="496" t="s">
        <v>98</v>
      </c>
      <c r="DU5" s="497"/>
      <c r="DV5" s="497"/>
      <c r="DW5" s="497"/>
      <c r="DX5" s="497"/>
      <c r="DY5" s="497"/>
      <c r="DZ5" s="497"/>
      <c r="EA5" s="497"/>
      <c r="EB5" s="497"/>
      <c r="EC5" s="497"/>
      <c r="ED5" s="498"/>
      <c r="EE5" s="496" t="s">
        <v>99</v>
      </c>
      <c r="EF5" s="497"/>
      <c r="EG5" s="497"/>
      <c r="EH5" s="497"/>
      <c r="EI5" s="497"/>
      <c r="EJ5" s="497"/>
      <c r="EK5" s="497"/>
      <c r="EL5" s="497"/>
      <c r="EM5" s="497"/>
      <c r="EN5" s="497"/>
      <c r="EO5" s="498"/>
      <c r="EP5" s="496" t="s">
        <v>100</v>
      </c>
      <c r="EQ5" s="497"/>
      <c r="ER5" s="497"/>
      <c r="ES5" s="497"/>
      <c r="ET5" s="497"/>
      <c r="EU5" s="497"/>
      <c r="EV5" s="497"/>
      <c r="EW5" s="497"/>
      <c r="EX5" s="497"/>
      <c r="EY5" s="497"/>
      <c r="EZ5" s="498"/>
      <c r="FA5" s="496" t="s">
        <v>101</v>
      </c>
      <c r="FB5" s="497"/>
      <c r="FC5" s="497"/>
      <c r="FD5" s="497"/>
      <c r="FE5" s="497"/>
      <c r="FF5" s="497"/>
      <c r="FG5" s="497"/>
      <c r="FH5" s="497"/>
      <c r="FI5" s="497"/>
      <c r="FJ5" s="497"/>
      <c r="FK5" s="498"/>
      <c r="FL5" s="496" t="s">
        <v>102</v>
      </c>
      <c r="FM5" s="497"/>
      <c r="FN5" s="497"/>
      <c r="FO5" s="497"/>
      <c r="FP5" s="497"/>
      <c r="FQ5" s="497"/>
      <c r="FR5" s="497"/>
      <c r="FS5" s="497"/>
      <c r="FT5" s="497"/>
      <c r="FU5" s="497"/>
      <c r="FV5" s="498"/>
      <c r="FW5" s="490"/>
      <c r="FX5" s="491"/>
      <c r="FY5" s="491"/>
      <c r="FZ5" s="491"/>
      <c r="GA5" s="491"/>
      <c r="GB5" s="491"/>
      <c r="GC5" s="491"/>
      <c r="GD5" s="491"/>
      <c r="GE5" s="491"/>
      <c r="GF5" s="491"/>
      <c r="GG5" s="492"/>
      <c r="GH5" s="490"/>
      <c r="GI5" s="491"/>
      <c r="GJ5" s="491"/>
      <c r="GK5" s="491"/>
      <c r="GL5" s="491"/>
      <c r="GM5" s="491"/>
      <c r="GN5" s="491"/>
      <c r="GO5" s="491"/>
      <c r="GP5" s="491"/>
      <c r="GQ5" s="491"/>
      <c r="GR5" s="492"/>
      <c r="GS5" s="493"/>
      <c r="GT5" s="494"/>
      <c r="GU5" s="494"/>
      <c r="GV5" s="494"/>
      <c r="GW5" s="494"/>
      <c r="GX5" s="494"/>
      <c r="GY5" s="494"/>
      <c r="GZ5" s="494"/>
      <c r="HA5" s="494"/>
      <c r="HB5" s="494"/>
      <c r="HC5" s="495"/>
      <c r="HD5" s="496" t="s">
        <v>97</v>
      </c>
      <c r="HE5" s="497"/>
      <c r="HF5" s="497"/>
      <c r="HG5" s="497"/>
      <c r="HH5" s="497"/>
      <c r="HI5" s="497"/>
      <c r="HJ5" s="497"/>
      <c r="HK5" s="497"/>
      <c r="HL5" s="497"/>
      <c r="HM5" s="497"/>
      <c r="HN5" s="498"/>
      <c r="HO5" s="496" t="s">
        <v>98</v>
      </c>
      <c r="HP5" s="497"/>
      <c r="HQ5" s="497"/>
      <c r="HR5" s="497"/>
      <c r="HS5" s="497"/>
      <c r="HT5" s="497"/>
      <c r="HU5" s="497"/>
      <c r="HV5" s="497"/>
      <c r="HW5" s="497"/>
      <c r="HX5" s="497"/>
      <c r="HY5" s="498"/>
      <c r="HZ5" s="496" t="s">
        <v>99</v>
      </c>
      <c r="IA5" s="497"/>
      <c r="IB5" s="497"/>
      <c r="IC5" s="497"/>
      <c r="ID5" s="497"/>
      <c r="IE5" s="497"/>
      <c r="IF5" s="497"/>
      <c r="IG5" s="497"/>
      <c r="IH5" s="497"/>
      <c r="II5" s="497"/>
      <c r="IJ5" s="498"/>
      <c r="IK5" s="496" t="s">
        <v>100</v>
      </c>
      <c r="IL5" s="497"/>
      <c r="IM5" s="497"/>
      <c r="IN5" s="497"/>
      <c r="IO5" s="497"/>
      <c r="IP5" s="497"/>
      <c r="IQ5" s="497"/>
      <c r="IR5" s="497"/>
      <c r="IS5" s="497"/>
      <c r="IT5" s="497"/>
      <c r="IU5" s="498"/>
      <c r="IV5" s="496" t="s">
        <v>101</v>
      </c>
      <c r="IW5" s="497"/>
      <c r="IX5" s="497"/>
      <c r="IY5" s="497"/>
      <c r="IZ5" s="497"/>
      <c r="JA5" s="497"/>
      <c r="JB5" s="497"/>
      <c r="JC5" s="497"/>
      <c r="JD5" s="497"/>
      <c r="JE5" s="497"/>
      <c r="JF5" s="498"/>
      <c r="JG5" s="496" t="s">
        <v>102</v>
      </c>
      <c r="JH5" s="497"/>
      <c r="JI5" s="497"/>
      <c r="JJ5" s="497"/>
      <c r="JK5" s="497"/>
      <c r="JL5" s="497"/>
      <c r="JM5" s="497"/>
      <c r="JN5" s="497"/>
      <c r="JO5" s="497"/>
      <c r="JP5" s="497"/>
      <c r="JQ5" s="498"/>
      <c r="JR5" s="490"/>
      <c r="JS5" s="491"/>
      <c r="JT5" s="491"/>
      <c r="JU5" s="491"/>
      <c r="JV5" s="491"/>
      <c r="JW5" s="491"/>
      <c r="JX5" s="491"/>
      <c r="JY5" s="491"/>
      <c r="JZ5" s="491"/>
      <c r="KA5" s="491"/>
      <c r="KB5" s="492"/>
      <c r="KC5" s="490"/>
      <c r="KD5" s="491"/>
      <c r="KE5" s="491"/>
      <c r="KF5" s="491"/>
      <c r="KG5" s="491"/>
      <c r="KH5" s="491"/>
      <c r="KI5" s="491"/>
      <c r="KJ5" s="491"/>
      <c r="KK5" s="491"/>
      <c r="KL5" s="491"/>
      <c r="KM5" s="492"/>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4169</v>
      </c>
      <c r="D7" s="68">
        <v>4038</v>
      </c>
      <c r="E7" s="69">
        <v>8207</v>
      </c>
      <c r="F7" s="227"/>
      <c r="G7" s="68">
        <v>5806</v>
      </c>
      <c r="H7" s="68">
        <v>5116</v>
      </c>
      <c r="I7" s="68">
        <v>3385</v>
      </c>
      <c r="J7" s="68">
        <v>2832</v>
      </c>
      <c r="K7" s="68">
        <v>1601</v>
      </c>
      <c r="L7" s="70">
        <v>18740</v>
      </c>
      <c r="M7" s="71">
        <v>26947</v>
      </c>
      <c r="N7" s="56">
        <v>50</v>
      </c>
      <c r="O7" s="57">
        <v>61</v>
      </c>
      <c r="P7" s="58">
        <v>111</v>
      </c>
      <c r="Q7" s="230"/>
      <c r="R7" s="57">
        <v>80</v>
      </c>
      <c r="S7" s="57">
        <v>85</v>
      </c>
      <c r="T7" s="57">
        <v>58</v>
      </c>
      <c r="U7" s="57">
        <v>47</v>
      </c>
      <c r="V7" s="57">
        <v>35</v>
      </c>
      <c r="W7" s="58">
        <v>305</v>
      </c>
      <c r="X7" s="59">
        <v>416</v>
      </c>
      <c r="Y7" s="56">
        <v>152</v>
      </c>
      <c r="Z7" s="57">
        <v>168</v>
      </c>
      <c r="AA7" s="58">
        <v>320</v>
      </c>
      <c r="AB7" s="230"/>
      <c r="AC7" s="57">
        <v>207</v>
      </c>
      <c r="AD7" s="57">
        <v>232</v>
      </c>
      <c r="AE7" s="57">
        <v>145</v>
      </c>
      <c r="AF7" s="57">
        <v>132</v>
      </c>
      <c r="AG7" s="57">
        <v>92</v>
      </c>
      <c r="AH7" s="58">
        <v>808</v>
      </c>
      <c r="AI7" s="59">
        <v>1128</v>
      </c>
      <c r="AJ7" s="56">
        <v>310</v>
      </c>
      <c r="AK7" s="57">
        <v>356</v>
      </c>
      <c r="AL7" s="58">
        <v>666</v>
      </c>
      <c r="AM7" s="230"/>
      <c r="AN7" s="57">
        <v>443</v>
      </c>
      <c r="AO7" s="57">
        <v>367</v>
      </c>
      <c r="AP7" s="57">
        <v>265</v>
      </c>
      <c r="AQ7" s="57">
        <v>224</v>
      </c>
      <c r="AR7" s="57">
        <v>143</v>
      </c>
      <c r="AS7" s="58">
        <v>1442</v>
      </c>
      <c r="AT7" s="59">
        <v>2108</v>
      </c>
      <c r="AU7" s="56">
        <v>834</v>
      </c>
      <c r="AV7" s="57">
        <v>767</v>
      </c>
      <c r="AW7" s="58">
        <v>1601</v>
      </c>
      <c r="AX7" s="230"/>
      <c r="AY7" s="57">
        <v>1096</v>
      </c>
      <c r="AZ7" s="57">
        <v>948</v>
      </c>
      <c r="BA7" s="57">
        <v>557</v>
      </c>
      <c r="BB7" s="57">
        <v>450</v>
      </c>
      <c r="BC7" s="57">
        <v>287</v>
      </c>
      <c r="BD7" s="58">
        <v>3338</v>
      </c>
      <c r="BE7" s="59">
        <v>4939</v>
      </c>
      <c r="BF7" s="56">
        <v>1501</v>
      </c>
      <c r="BG7" s="57">
        <v>1337</v>
      </c>
      <c r="BH7" s="58">
        <v>2838</v>
      </c>
      <c r="BI7" s="230"/>
      <c r="BJ7" s="57">
        <v>1974</v>
      </c>
      <c r="BK7" s="57">
        <v>1520</v>
      </c>
      <c r="BL7" s="57">
        <v>971</v>
      </c>
      <c r="BM7" s="57">
        <v>807</v>
      </c>
      <c r="BN7" s="57">
        <v>454</v>
      </c>
      <c r="BO7" s="58">
        <v>5726</v>
      </c>
      <c r="BP7" s="59">
        <v>8564</v>
      </c>
      <c r="BQ7" s="56">
        <v>1322</v>
      </c>
      <c r="BR7" s="57">
        <v>1349</v>
      </c>
      <c r="BS7" s="58">
        <v>2671</v>
      </c>
      <c r="BT7" s="230"/>
      <c r="BU7" s="57">
        <v>2006</v>
      </c>
      <c r="BV7" s="57">
        <v>1964</v>
      </c>
      <c r="BW7" s="57">
        <v>1389</v>
      </c>
      <c r="BX7" s="57">
        <v>1172</v>
      </c>
      <c r="BY7" s="57">
        <v>590</v>
      </c>
      <c r="BZ7" s="58">
        <v>7121</v>
      </c>
      <c r="CA7" s="59">
        <v>9792</v>
      </c>
      <c r="CB7" s="56">
        <v>0</v>
      </c>
      <c r="CC7" s="57">
        <v>0</v>
      </c>
      <c r="CD7" s="58">
        <v>0</v>
      </c>
      <c r="CE7" s="230"/>
      <c r="CF7" s="57">
        <v>0</v>
      </c>
      <c r="CG7" s="57">
        <v>0</v>
      </c>
      <c r="CH7" s="57">
        <v>0</v>
      </c>
      <c r="CI7" s="57">
        <v>0</v>
      </c>
      <c r="CJ7" s="57">
        <v>0</v>
      </c>
      <c r="CK7" s="58">
        <v>0</v>
      </c>
      <c r="CL7" s="59">
        <v>0</v>
      </c>
      <c r="CM7" s="56">
        <v>4169</v>
      </c>
      <c r="CN7" s="57">
        <v>4038</v>
      </c>
      <c r="CO7" s="58">
        <v>8207</v>
      </c>
      <c r="CP7" s="230"/>
      <c r="CQ7" s="57">
        <v>5806</v>
      </c>
      <c r="CR7" s="57">
        <v>5116</v>
      </c>
      <c r="CS7" s="57">
        <v>3385</v>
      </c>
      <c r="CT7" s="57">
        <v>2832</v>
      </c>
      <c r="CU7" s="57">
        <v>1601</v>
      </c>
      <c r="CV7" s="58">
        <v>18740</v>
      </c>
      <c r="CW7" s="59">
        <v>26947</v>
      </c>
      <c r="CX7" s="112">
        <v>599</v>
      </c>
      <c r="CY7" s="68">
        <v>700</v>
      </c>
      <c r="CZ7" s="69">
        <v>1299</v>
      </c>
      <c r="DA7" s="227"/>
      <c r="DB7" s="68">
        <v>787</v>
      </c>
      <c r="DC7" s="68">
        <v>747</v>
      </c>
      <c r="DD7" s="68">
        <v>543</v>
      </c>
      <c r="DE7" s="68">
        <v>541</v>
      </c>
      <c r="DF7" s="68">
        <v>340</v>
      </c>
      <c r="DG7" s="70">
        <v>2958</v>
      </c>
      <c r="DH7" s="71">
        <v>4257</v>
      </c>
      <c r="DI7" s="56">
        <v>16</v>
      </c>
      <c r="DJ7" s="57">
        <v>15</v>
      </c>
      <c r="DK7" s="58">
        <v>31</v>
      </c>
      <c r="DL7" s="230"/>
      <c r="DM7" s="57">
        <v>9</v>
      </c>
      <c r="DN7" s="57">
        <v>9</v>
      </c>
      <c r="DO7" s="57">
        <v>6</v>
      </c>
      <c r="DP7" s="57">
        <v>8</v>
      </c>
      <c r="DQ7" s="57">
        <v>8</v>
      </c>
      <c r="DR7" s="58">
        <v>40</v>
      </c>
      <c r="DS7" s="59">
        <v>71</v>
      </c>
      <c r="DT7" s="56">
        <v>42</v>
      </c>
      <c r="DU7" s="57">
        <v>48</v>
      </c>
      <c r="DV7" s="58">
        <v>90</v>
      </c>
      <c r="DW7" s="230"/>
      <c r="DX7" s="57">
        <v>27</v>
      </c>
      <c r="DY7" s="57">
        <v>27</v>
      </c>
      <c r="DZ7" s="57">
        <v>29</v>
      </c>
      <c r="EA7" s="57">
        <v>23</v>
      </c>
      <c r="EB7" s="57">
        <v>11</v>
      </c>
      <c r="EC7" s="58">
        <v>117</v>
      </c>
      <c r="ED7" s="59">
        <v>207</v>
      </c>
      <c r="EE7" s="56">
        <v>75</v>
      </c>
      <c r="EF7" s="57">
        <v>82</v>
      </c>
      <c r="EG7" s="58">
        <v>157</v>
      </c>
      <c r="EH7" s="230"/>
      <c r="EI7" s="57">
        <v>70</v>
      </c>
      <c r="EJ7" s="57">
        <v>48</v>
      </c>
      <c r="EK7" s="57">
        <v>43</v>
      </c>
      <c r="EL7" s="57">
        <v>27</v>
      </c>
      <c r="EM7" s="57">
        <v>24</v>
      </c>
      <c r="EN7" s="58">
        <v>212</v>
      </c>
      <c r="EO7" s="59">
        <v>369</v>
      </c>
      <c r="EP7" s="56">
        <v>153</v>
      </c>
      <c r="EQ7" s="57">
        <v>152</v>
      </c>
      <c r="ER7" s="58">
        <v>305</v>
      </c>
      <c r="ES7" s="230"/>
      <c r="ET7" s="57">
        <v>161</v>
      </c>
      <c r="EU7" s="57">
        <v>103</v>
      </c>
      <c r="EV7" s="57">
        <v>69</v>
      </c>
      <c r="EW7" s="57">
        <v>59</v>
      </c>
      <c r="EX7" s="57">
        <v>35</v>
      </c>
      <c r="EY7" s="58">
        <v>427</v>
      </c>
      <c r="EZ7" s="59">
        <v>732</v>
      </c>
      <c r="FA7" s="56">
        <v>182</v>
      </c>
      <c r="FB7" s="57">
        <v>225</v>
      </c>
      <c r="FC7" s="58">
        <v>407</v>
      </c>
      <c r="FD7" s="230"/>
      <c r="FE7" s="57">
        <v>247</v>
      </c>
      <c r="FF7" s="57">
        <v>237</v>
      </c>
      <c r="FG7" s="57">
        <v>121</v>
      </c>
      <c r="FH7" s="57">
        <v>122</v>
      </c>
      <c r="FI7" s="57">
        <v>85</v>
      </c>
      <c r="FJ7" s="58">
        <v>812</v>
      </c>
      <c r="FK7" s="59">
        <v>1219</v>
      </c>
      <c r="FL7" s="56">
        <v>131</v>
      </c>
      <c r="FM7" s="57">
        <v>178</v>
      </c>
      <c r="FN7" s="58">
        <v>309</v>
      </c>
      <c r="FO7" s="230"/>
      <c r="FP7" s="57">
        <v>273</v>
      </c>
      <c r="FQ7" s="57">
        <v>323</v>
      </c>
      <c r="FR7" s="57">
        <v>275</v>
      </c>
      <c r="FS7" s="57">
        <v>302</v>
      </c>
      <c r="FT7" s="57">
        <v>177</v>
      </c>
      <c r="FU7" s="58">
        <v>1350</v>
      </c>
      <c r="FV7" s="59">
        <v>1659</v>
      </c>
      <c r="FW7" s="56">
        <v>0</v>
      </c>
      <c r="FX7" s="57">
        <v>0</v>
      </c>
      <c r="FY7" s="58">
        <v>0</v>
      </c>
      <c r="FZ7" s="230"/>
      <c r="GA7" s="57">
        <v>0</v>
      </c>
      <c r="GB7" s="57">
        <v>0</v>
      </c>
      <c r="GC7" s="57">
        <v>0</v>
      </c>
      <c r="GD7" s="57">
        <v>0</v>
      </c>
      <c r="GE7" s="57">
        <v>0</v>
      </c>
      <c r="GF7" s="58">
        <v>0</v>
      </c>
      <c r="GG7" s="59">
        <v>0</v>
      </c>
      <c r="GH7" s="56">
        <v>599</v>
      </c>
      <c r="GI7" s="57">
        <v>700</v>
      </c>
      <c r="GJ7" s="58">
        <v>1299</v>
      </c>
      <c r="GK7" s="230"/>
      <c r="GL7" s="57">
        <v>787</v>
      </c>
      <c r="GM7" s="57">
        <v>747</v>
      </c>
      <c r="GN7" s="57">
        <v>543</v>
      </c>
      <c r="GO7" s="57">
        <v>541</v>
      </c>
      <c r="GP7" s="57">
        <v>340</v>
      </c>
      <c r="GQ7" s="58">
        <v>2958</v>
      </c>
      <c r="GR7" s="59">
        <v>4257</v>
      </c>
      <c r="GS7" s="112">
        <v>4768</v>
      </c>
      <c r="GT7" s="68">
        <v>4738</v>
      </c>
      <c r="GU7" s="69">
        <v>9506</v>
      </c>
      <c r="GV7" s="227"/>
      <c r="GW7" s="68">
        <v>6593</v>
      </c>
      <c r="GX7" s="68">
        <v>5863</v>
      </c>
      <c r="GY7" s="68">
        <v>3928</v>
      </c>
      <c r="GZ7" s="68">
        <v>3373</v>
      </c>
      <c r="HA7" s="68">
        <v>1941</v>
      </c>
      <c r="HB7" s="70">
        <v>21698</v>
      </c>
      <c r="HC7" s="71">
        <v>31204</v>
      </c>
      <c r="HD7" s="56">
        <v>66</v>
      </c>
      <c r="HE7" s="57">
        <v>76</v>
      </c>
      <c r="HF7" s="58">
        <v>142</v>
      </c>
      <c r="HG7" s="230"/>
      <c r="HH7" s="57">
        <v>89</v>
      </c>
      <c r="HI7" s="57">
        <v>94</v>
      </c>
      <c r="HJ7" s="57">
        <v>64</v>
      </c>
      <c r="HK7" s="57">
        <v>55</v>
      </c>
      <c r="HL7" s="57">
        <v>43</v>
      </c>
      <c r="HM7" s="58">
        <v>345</v>
      </c>
      <c r="HN7" s="59">
        <v>487</v>
      </c>
      <c r="HO7" s="56">
        <v>194</v>
      </c>
      <c r="HP7" s="57">
        <v>216</v>
      </c>
      <c r="HQ7" s="58">
        <v>410</v>
      </c>
      <c r="HR7" s="230"/>
      <c r="HS7" s="57">
        <v>234</v>
      </c>
      <c r="HT7" s="57">
        <v>259</v>
      </c>
      <c r="HU7" s="57">
        <v>174</v>
      </c>
      <c r="HV7" s="57">
        <v>155</v>
      </c>
      <c r="HW7" s="57">
        <v>103</v>
      </c>
      <c r="HX7" s="58">
        <v>925</v>
      </c>
      <c r="HY7" s="59">
        <v>1335</v>
      </c>
      <c r="HZ7" s="56">
        <v>385</v>
      </c>
      <c r="IA7" s="57">
        <v>438</v>
      </c>
      <c r="IB7" s="58">
        <v>823</v>
      </c>
      <c r="IC7" s="230"/>
      <c r="ID7" s="57">
        <v>513</v>
      </c>
      <c r="IE7" s="57">
        <v>415</v>
      </c>
      <c r="IF7" s="57">
        <v>308</v>
      </c>
      <c r="IG7" s="57">
        <v>251</v>
      </c>
      <c r="IH7" s="57">
        <v>167</v>
      </c>
      <c r="II7" s="58">
        <v>1654</v>
      </c>
      <c r="IJ7" s="59">
        <v>2477</v>
      </c>
      <c r="IK7" s="56">
        <v>987</v>
      </c>
      <c r="IL7" s="57">
        <v>919</v>
      </c>
      <c r="IM7" s="58">
        <v>1906</v>
      </c>
      <c r="IN7" s="230"/>
      <c r="IO7" s="57">
        <v>1257</v>
      </c>
      <c r="IP7" s="57">
        <v>1051</v>
      </c>
      <c r="IQ7" s="57">
        <v>626</v>
      </c>
      <c r="IR7" s="57">
        <v>509</v>
      </c>
      <c r="IS7" s="57">
        <v>322</v>
      </c>
      <c r="IT7" s="58">
        <v>3765</v>
      </c>
      <c r="IU7" s="59">
        <v>5671</v>
      </c>
      <c r="IV7" s="56">
        <v>1683</v>
      </c>
      <c r="IW7" s="57">
        <v>1562</v>
      </c>
      <c r="IX7" s="58">
        <v>3245</v>
      </c>
      <c r="IY7" s="230"/>
      <c r="IZ7" s="57">
        <v>2221</v>
      </c>
      <c r="JA7" s="57">
        <v>1757</v>
      </c>
      <c r="JB7" s="57">
        <v>1092</v>
      </c>
      <c r="JC7" s="57">
        <v>929</v>
      </c>
      <c r="JD7" s="57">
        <v>539</v>
      </c>
      <c r="JE7" s="58">
        <v>6538</v>
      </c>
      <c r="JF7" s="59">
        <v>9783</v>
      </c>
      <c r="JG7" s="56">
        <v>1453</v>
      </c>
      <c r="JH7" s="57">
        <v>1527</v>
      </c>
      <c r="JI7" s="58">
        <v>2980</v>
      </c>
      <c r="JJ7" s="230"/>
      <c r="JK7" s="57">
        <v>2279</v>
      </c>
      <c r="JL7" s="57">
        <v>2287</v>
      </c>
      <c r="JM7" s="57">
        <v>1664</v>
      </c>
      <c r="JN7" s="57">
        <v>1474</v>
      </c>
      <c r="JO7" s="57">
        <v>767</v>
      </c>
      <c r="JP7" s="58">
        <v>8471</v>
      </c>
      <c r="JQ7" s="59">
        <v>11451</v>
      </c>
      <c r="JR7" s="56">
        <v>0</v>
      </c>
      <c r="JS7" s="57">
        <v>0</v>
      </c>
      <c r="JT7" s="58">
        <v>0</v>
      </c>
      <c r="JU7" s="230"/>
      <c r="JV7" s="57">
        <v>0</v>
      </c>
      <c r="JW7" s="57">
        <v>0</v>
      </c>
      <c r="JX7" s="57">
        <v>0</v>
      </c>
      <c r="JY7" s="57">
        <v>0</v>
      </c>
      <c r="JZ7" s="57">
        <v>0</v>
      </c>
      <c r="KA7" s="58">
        <v>0</v>
      </c>
      <c r="KB7" s="59">
        <v>0</v>
      </c>
      <c r="KC7" s="56">
        <v>4768</v>
      </c>
      <c r="KD7" s="57">
        <v>4738</v>
      </c>
      <c r="KE7" s="58">
        <v>9506</v>
      </c>
      <c r="KF7" s="230"/>
      <c r="KG7" s="57">
        <v>6593</v>
      </c>
      <c r="KH7" s="57">
        <v>5863</v>
      </c>
      <c r="KI7" s="57">
        <v>3928</v>
      </c>
      <c r="KJ7" s="57">
        <v>3373</v>
      </c>
      <c r="KK7" s="57">
        <v>1941</v>
      </c>
      <c r="KL7" s="58">
        <v>21698</v>
      </c>
      <c r="KM7" s="59">
        <v>31204</v>
      </c>
    </row>
    <row r="8" spans="2:299" ht="21" customHeight="1" x14ac:dyDescent="0.2">
      <c r="B8" s="471" t="s">
        <v>5</v>
      </c>
      <c r="C8" s="293">
        <v>1792</v>
      </c>
      <c r="D8" s="72">
        <v>2062</v>
      </c>
      <c r="E8" s="73">
        <v>3854</v>
      </c>
      <c r="F8" s="228"/>
      <c r="G8" s="72">
        <v>2141</v>
      </c>
      <c r="H8" s="72">
        <v>2384</v>
      </c>
      <c r="I8" s="72">
        <v>1540</v>
      </c>
      <c r="J8" s="72">
        <v>1246</v>
      </c>
      <c r="K8" s="72">
        <v>694</v>
      </c>
      <c r="L8" s="74">
        <v>8005</v>
      </c>
      <c r="M8" s="75">
        <v>11859</v>
      </c>
      <c r="N8" s="60">
        <v>15</v>
      </c>
      <c r="O8" s="61">
        <v>32</v>
      </c>
      <c r="P8" s="62">
        <v>47</v>
      </c>
      <c r="Q8" s="231"/>
      <c r="R8" s="61">
        <v>25</v>
      </c>
      <c r="S8" s="61">
        <v>43</v>
      </c>
      <c r="T8" s="61">
        <v>25</v>
      </c>
      <c r="U8" s="61">
        <v>22</v>
      </c>
      <c r="V8" s="61">
        <v>19</v>
      </c>
      <c r="W8" s="62">
        <v>134</v>
      </c>
      <c r="X8" s="63">
        <v>181</v>
      </c>
      <c r="Y8" s="60">
        <v>66</v>
      </c>
      <c r="Z8" s="61">
        <v>90</v>
      </c>
      <c r="AA8" s="62">
        <v>156</v>
      </c>
      <c r="AB8" s="231"/>
      <c r="AC8" s="61">
        <v>61</v>
      </c>
      <c r="AD8" s="61">
        <v>117</v>
      </c>
      <c r="AE8" s="61">
        <v>67</v>
      </c>
      <c r="AF8" s="61">
        <v>56</v>
      </c>
      <c r="AG8" s="61">
        <v>32</v>
      </c>
      <c r="AH8" s="62">
        <v>333</v>
      </c>
      <c r="AI8" s="63">
        <v>489</v>
      </c>
      <c r="AJ8" s="60">
        <v>130</v>
      </c>
      <c r="AK8" s="61">
        <v>167</v>
      </c>
      <c r="AL8" s="62">
        <v>297</v>
      </c>
      <c r="AM8" s="231"/>
      <c r="AN8" s="61">
        <v>153</v>
      </c>
      <c r="AO8" s="61">
        <v>150</v>
      </c>
      <c r="AP8" s="61">
        <v>121</v>
      </c>
      <c r="AQ8" s="61">
        <v>85</v>
      </c>
      <c r="AR8" s="61">
        <v>60</v>
      </c>
      <c r="AS8" s="62">
        <v>569</v>
      </c>
      <c r="AT8" s="63">
        <v>866</v>
      </c>
      <c r="AU8" s="60">
        <v>342</v>
      </c>
      <c r="AV8" s="61">
        <v>367</v>
      </c>
      <c r="AW8" s="62">
        <v>709</v>
      </c>
      <c r="AX8" s="231"/>
      <c r="AY8" s="61">
        <v>371</v>
      </c>
      <c r="AZ8" s="61">
        <v>406</v>
      </c>
      <c r="BA8" s="61">
        <v>228</v>
      </c>
      <c r="BB8" s="61">
        <v>204</v>
      </c>
      <c r="BC8" s="61">
        <v>115</v>
      </c>
      <c r="BD8" s="62">
        <v>1324</v>
      </c>
      <c r="BE8" s="63">
        <v>2033</v>
      </c>
      <c r="BF8" s="60">
        <v>666</v>
      </c>
      <c r="BG8" s="61">
        <v>679</v>
      </c>
      <c r="BH8" s="62">
        <v>1345</v>
      </c>
      <c r="BI8" s="231"/>
      <c r="BJ8" s="61">
        <v>760</v>
      </c>
      <c r="BK8" s="61">
        <v>709</v>
      </c>
      <c r="BL8" s="61">
        <v>453</v>
      </c>
      <c r="BM8" s="61">
        <v>356</v>
      </c>
      <c r="BN8" s="61">
        <v>200</v>
      </c>
      <c r="BO8" s="62">
        <v>2478</v>
      </c>
      <c r="BP8" s="63">
        <v>3823</v>
      </c>
      <c r="BQ8" s="60">
        <v>573</v>
      </c>
      <c r="BR8" s="61">
        <v>727</v>
      </c>
      <c r="BS8" s="62">
        <v>1300</v>
      </c>
      <c r="BT8" s="231"/>
      <c r="BU8" s="61">
        <v>771</v>
      </c>
      <c r="BV8" s="61">
        <v>959</v>
      </c>
      <c r="BW8" s="61">
        <v>646</v>
      </c>
      <c r="BX8" s="61">
        <v>523</v>
      </c>
      <c r="BY8" s="61">
        <v>268</v>
      </c>
      <c r="BZ8" s="62">
        <v>3167</v>
      </c>
      <c r="CA8" s="63">
        <v>4467</v>
      </c>
      <c r="CB8" s="60">
        <v>0</v>
      </c>
      <c r="CC8" s="61">
        <v>0</v>
      </c>
      <c r="CD8" s="62">
        <v>0</v>
      </c>
      <c r="CE8" s="231"/>
      <c r="CF8" s="61">
        <v>0</v>
      </c>
      <c r="CG8" s="61">
        <v>0</v>
      </c>
      <c r="CH8" s="61">
        <v>0</v>
      </c>
      <c r="CI8" s="61">
        <v>0</v>
      </c>
      <c r="CJ8" s="61">
        <v>0</v>
      </c>
      <c r="CK8" s="62">
        <v>0</v>
      </c>
      <c r="CL8" s="63">
        <v>0</v>
      </c>
      <c r="CM8" s="60">
        <v>1792</v>
      </c>
      <c r="CN8" s="61">
        <v>2062</v>
      </c>
      <c r="CO8" s="62">
        <v>3854</v>
      </c>
      <c r="CP8" s="231"/>
      <c r="CQ8" s="61">
        <v>2141</v>
      </c>
      <c r="CR8" s="61">
        <v>2384</v>
      </c>
      <c r="CS8" s="61">
        <v>1540</v>
      </c>
      <c r="CT8" s="61">
        <v>1246</v>
      </c>
      <c r="CU8" s="61">
        <v>694</v>
      </c>
      <c r="CV8" s="62">
        <v>8005</v>
      </c>
      <c r="CW8" s="63">
        <v>11859</v>
      </c>
      <c r="CX8" s="113">
        <v>253</v>
      </c>
      <c r="CY8" s="72">
        <v>338</v>
      </c>
      <c r="CZ8" s="73">
        <v>591</v>
      </c>
      <c r="DA8" s="228"/>
      <c r="DB8" s="72">
        <v>285</v>
      </c>
      <c r="DC8" s="72">
        <v>345</v>
      </c>
      <c r="DD8" s="72">
        <v>235</v>
      </c>
      <c r="DE8" s="72">
        <v>253</v>
      </c>
      <c r="DF8" s="72">
        <v>160</v>
      </c>
      <c r="DG8" s="74">
        <v>1278</v>
      </c>
      <c r="DH8" s="75">
        <v>1869</v>
      </c>
      <c r="DI8" s="60">
        <v>7</v>
      </c>
      <c r="DJ8" s="61">
        <v>8</v>
      </c>
      <c r="DK8" s="62">
        <v>15</v>
      </c>
      <c r="DL8" s="231"/>
      <c r="DM8" s="61">
        <v>2</v>
      </c>
      <c r="DN8" s="61">
        <v>4</v>
      </c>
      <c r="DO8" s="61">
        <v>1</v>
      </c>
      <c r="DP8" s="61">
        <v>3</v>
      </c>
      <c r="DQ8" s="61">
        <v>3</v>
      </c>
      <c r="DR8" s="62">
        <v>13</v>
      </c>
      <c r="DS8" s="63">
        <v>28</v>
      </c>
      <c r="DT8" s="60">
        <v>15</v>
      </c>
      <c r="DU8" s="61">
        <v>21</v>
      </c>
      <c r="DV8" s="62">
        <v>36</v>
      </c>
      <c r="DW8" s="231"/>
      <c r="DX8" s="61">
        <v>12</v>
      </c>
      <c r="DY8" s="61">
        <v>8</v>
      </c>
      <c r="DZ8" s="61">
        <v>17</v>
      </c>
      <c r="EA8" s="61">
        <v>11</v>
      </c>
      <c r="EB8" s="61">
        <v>9</v>
      </c>
      <c r="EC8" s="62">
        <v>57</v>
      </c>
      <c r="ED8" s="63">
        <v>93</v>
      </c>
      <c r="EE8" s="60">
        <v>25</v>
      </c>
      <c r="EF8" s="61">
        <v>49</v>
      </c>
      <c r="EG8" s="62">
        <v>74</v>
      </c>
      <c r="EH8" s="231"/>
      <c r="EI8" s="61">
        <v>29</v>
      </c>
      <c r="EJ8" s="61">
        <v>20</v>
      </c>
      <c r="EK8" s="61">
        <v>18</v>
      </c>
      <c r="EL8" s="61">
        <v>14</v>
      </c>
      <c r="EM8" s="61">
        <v>12</v>
      </c>
      <c r="EN8" s="62">
        <v>93</v>
      </c>
      <c r="EO8" s="63">
        <v>167</v>
      </c>
      <c r="EP8" s="60">
        <v>62</v>
      </c>
      <c r="EQ8" s="61">
        <v>73</v>
      </c>
      <c r="ER8" s="62">
        <v>135</v>
      </c>
      <c r="ES8" s="231"/>
      <c r="ET8" s="61">
        <v>57</v>
      </c>
      <c r="EU8" s="61">
        <v>48</v>
      </c>
      <c r="EV8" s="61">
        <v>20</v>
      </c>
      <c r="EW8" s="61">
        <v>38</v>
      </c>
      <c r="EX8" s="61">
        <v>14</v>
      </c>
      <c r="EY8" s="62">
        <v>177</v>
      </c>
      <c r="EZ8" s="63">
        <v>312</v>
      </c>
      <c r="FA8" s="60">
        <v>94</v>
      </c>
      <c r="FB8" s="61">
        <v>104</v>
      </c>
      <c r="FC8" s="62">
        <v>198</v>
      </c>
      <c r="FD8" s="231"/>
      <c r="FE8" s="61">
        <v>95</v>
      </c>
      <c r="FF8" s="61">
        <v>108</v>
      </c>
      <c r="FG8" s="61">
        <v>56</v>
      </c>
      <c r="FH8" s="61">
        <v>60</v>
      </c>
      <c r="FI8" s="61">
        <v>32</v>
      </c>
      <c r="FJ8" s="62">
        <v>351</v>
      </c>
      <c r="FK8" s="63">
        <v>549</v>
      </c>
      <c r="FL8" s="60">
        <v>50</v>
      </c>
      <c r="FM8" s="61">
        <v>83</v>
      </c>
      <c r="FN8" s="62">
        <v>133</v>
      </c>
      <c r="FO8" s="231"/>
      <c r="FP8" s="61">
        <v>90</v>
      </c>
      <c r="FQ8" s="61">
        <v>157</v>
      </c>
      <c r="FR8" s="61">
        <v>123</v>
      </c>
      <c r="FS8" s="61">
        <v>127</v>
      </c>
      <c r="FT8" s="61">
        <v>90</v>
      </c>
      <c r="FU8" s="62">
        <v>587</v>
      </c>
      <c r="FV8" s="63">
        <v>720</v>
      </c>
      <c r="FW8" s="60">
        <v>0</v>
      </c>
      <c r="FX8" s="61">
        <v>0</v>
      </c>
      <c r="FY8" s="62">
        <v>0</v>
      </c>
      <c r="FZ8" s="231"/>
      <c r="GA8" s="61">
        <v>0</v>
      </c>
      <c r="GB8" s="61">
        <v>0</v>
      </c>
      <c r="GC8" s="61">
        <v>0</v>
      </c>
      <c r="GD8" s="61">
        <v>0</v>
      </c>
      <c r="GE8" s="61">
        <v>0</v>
      </c>
      <c r="GF8" s="62">
        <v>0</v>
      </c>
      <c r="GG8" s="63">
        <v>0</v>
      </c>
      <c r="GH8" s="60">
        <v>253</v>
      </c>
      <c r="GI8" s="61">
        <v>338</v>
      </c>
      <c r="GJ8" s="62">
        <v>591</v>
      </c>
      <c r="GK8" s="231"/>
      <c r="GL8" s="61">
        <v>285</v>
      </c>
      <c r="GM8" s="61">
        <v>345</v>
      </c>
      <c r="GN8" s="61">
        <v>235</v>
      </c>
      <c r="GO8" s="61">
        <v>253</v>
      </c>
      <c r="GP8" s="61">
        <v>160</v>
      </c>
      <c r="GQ8" s="62">
        <v>1278</v>
      </c>
      <c r="GR8" s="63">
        <v>1869</v>
      </c>
      <c r="GS8" s="113">
        <v>2045</v>
      </c>
      <c r="GT8" s="72">
        <v>2400</v>
      </c>
      <c r="GU8" s="73">
        <v>4445</v>
      </c>
      <c r="GV8" s="228"/>
      <c r="GW8" s="72">
        <v>2426</v>
      </c>
      <c r="GX8" s="72">
        <v>2729</v>
      </c>
      <c r="GY8" s="72">
        <v>1775</v>
      </c>
      <c r="GZ8" s="72">
        <v>1499</v>
      </c>
      <c r="HA8" s="72">
        <v>854</v>
      </c>
      <c r="HB8" s="74">
        <v>9283</v>
      </c>
      <c r="HC8" s="75">
        <v>13728</v>
      </c>
      <c r="HD8" s="60">
        <v>22</v>
      </c>
      <c r="HE8" s="61">
        <v>40</v>
      </c>
      <c r="HF8" s="62">
        <v>62</v>
      </c>
      <c r="HG8" s="231"/>
      <c r="HH8" s="61">
        <v>27</v>
      </c>
      <c r="HI8" s="61">
        <v>47</v>
      </c>
      <c r="HJ8" s="61">
        <v>26</v>
      </c>
      <c r="HK8" s="61">
        <v>25</v>
      </c>
      <c r="HL8" s="61">
        <v>22</v>
      </c>
      <c r="HM8" s="62">
        <v>147</v>
      </c>
      <c r="HN8" s="63">
        <v>209</v>
      </c>
      <c r="HO8" s="60">
        <v>81</v>
      </c>
      <c r="HP8" s="61">
        <v>111</v>
      </c>
      <c r="HQ8" s="62">
        <v>192</v>
      </c>
      <c r="HR8" s="231"/>
      <c r="HS8" s="61">
        <v>73</v>
      </c>
      <c r="HT8" s="61">
        <v>125</v>
      </c>
      <c r="HU8" s="61">
        <v>84</v>
      </c>
      <c r="HV8" s="61">
        <v>67</v>
      </c>
      <c r="HW8" s="61">
        <v>41</v>
      </c>
      <c r="HX8" s="62">
        <v>390</v>
      </c>
      <c r="HY8" s="63">
        <v>582</v>
      </c>
      <c r="HZ8" s="60">
        <v>155</v>
      </c>
      <c r="IA8" s="61">
        <v>216</v>
      </c>
      <c r="IB8" s="62">
        <v>371</v>
      </c>
      <c r="IC8" s="231"/>
      <c r="ID8" s="61">
        <v>182</v>
      </c>
      <c r="IE8" s="61">
        <v>170</v>
      </c>
      <c r="IF8" s="61">
        <v>139</v>
      </c>
      <c r="IG8" s="61">
        <v>99</v>
      </c>
      <c r="IH8" s="61">
        <v>72</v>
      </c>
      <c r="II8" s="62">
        <v>662</v>
      </c>
      <c r="IJ8" s="63">
        <v>1033</v>
      </c>
      <c r="IK8" s="60">
        <v>404</v>
      </c>
      <c r="IL8" s="61">
        <v>440</v>
      </c>
      <c r="IM8" s="62">
        <v>844</v>
      </c>
      <c r="IN8" s="231"/>
      <c r="IO8" s="61">
        <v>428</v>
      </c>
      <c r="IP8" s="61">
        <v>454</v>
      </c>
      <c r="IQ8" s="61">
        <v>248</v>
      </c>
      <c r="IR8" s="61">
        <v>242</v>
      </c>
      <c r="IS8" s="61">
        <v>129</v>
      </c>
      <c r="IT8" s="62">
        <v>1501</v>
      </c>
      <c r="IU8" s="63">
        <v>2345</v>
      </c>
      <c r="IV8" s="60">
        <v>760</v>
      </c>
      <c r="IW8" s="61">
        <v>783</v>
      </c>
      <c r="IX8" s="62">
        <v>1543</v>
      </c>
      <c r="IY8" s="231"/>
      <c r="IZ8" s="61">
        <v>855</v>
      </c>
      <c r="JA8" s="61">
        <v>817</v>
      </c>
      <c r="JB8" s="61">
        <v>509</v>
      </c>
      <c r="JC8" s="61">
        <v>416</v>
      </c>
      <c r="JD8" s="61">
        <v>232</v>
      </c>
      <c r="JE8" s="62">
        <v>2829</v>
      </c>
      <c r="JF8" s="63">
        <v>4372</v>
      </c>
      <c r="JG8" s="60">
        <v>623</v>
      </c>
      <c r="JH8" s="61">
        <v>810</v>
      </c>
      <c r="JI8" s="62">
        <v>1433</v>
      </c>
      <c r="JJ8" s="231"/>
      <c r="JK8" s="61">
        <v>861</v>
      </c>
      <c r="JL8" s="61">
        <v>1116</v>
      </c>
      <c r="JM8" s="61">
        <v>769</v>
      </c>
      <c r="JN8" s="61">
        <v>650</v>
      </c>
      <c r="JO8" s="61">
        <v>358</v>
      </c>
      <c r="JP8" s="62">
        <v>3754</v>
      </c>
      <c r="JQ8" s="63">
        <v>5187</v>
      </c>
      <c r="JR8" s="60">
        <v>0</v>
      </c>
      <c r="JS8" s="61">
        <v>0</v>
      </c>
      <c r="JT8" s="62">
        <v>0</v>
      </c>
      <c r="JU8" s="231"/>
      <c r="JV8" s="61">
        <v>0</v>
      </c>
      <c r="JW8" s="61">
        <v>0</v>
      </c>
      <c r="JX8" s="61">
        <v>0</v>
      </c>
      <c r="JY8" s="61">
        <v>0</v>
      </c>
      <c r="JZ8" s="61">
        <v>0</v>
      </c>
      <c r="KA8" s="62">
        <v>0</v>
      </c>
      <c r="KB8" s="63">
        <v>0</v>
      </c>
      <c r="KC8" s="60">
        <v>2045</v>
      </c>
      <c r="KD8" s="61">
        <v>2400</v>
      </c>
      <c r="KE8" s="62">
        <v>4445</v>
      </c>
      <c r="KF8" s="231"/>
      <c r="KG8" s="61">
        <v>2426</v>
      </c>
      <c r="KH8" s="61">
        <v>2729</v>
      </c>
      <c r="KI8" s="61">
        <v>1775</v>
      </c>
      <c r="KJ8" s="61">
        <v>1499</v>
      </c>
      <c r="KK8" s="61">
        <v>854</v>
      </c>
      <c r="KL8" s="62">
        <v>9283</v>
      </c>
      <c r="KM8" s="63">
        <v>13728</v>
      </c>
    </row>
    <row r="9" spans="2:299" ht="21" customHeight="1" x14ac:dyDescent="0.2">
      <c r="B9" s="472" t="s">
        <v>6</v>
      </c>
      <c r="C9" s="293">
        <v>478</v>
      </c>
      <c r="D9" s="72">
        <v>375</v>
      </c>
      <c r="E9" s="73">
        <v>853</v>
      </c>
      <c r="F9" s="228"/>
      <c r="G9" s="72">
        <v>824</v>
      </c>
      <c r="H9" s="72">
        <v>573</v>
      </c>
      <c r="I9" s="72">
        <v>363</v>
      </c>
      <c r="J9" s="72">
        <v>344</v>
      </c>
      <c r="K9" s="72">
        <v>207</v>
      </c>
      <c r="L9" s="74">
        <v>2311</v>
      </c>
      <c r="M9" s="75">
        <v>3164</v>
      </c>
      <c r="N9" s="60">
        <v>13</v>
      </c>
      <c r="O9" s="61">
        <v>10</v>
      </c>
      <c r="P9" s="62">
        <v>23</v>
      </c>
      <c r="Q9" s="231"/>
      <c r="R9" s="61">
        <v>13</v>
      </c>
      <c r="S9" s="61">
        <v>9</v>
      </c>
      <c r="T9" s="61">
        <v>7</v>
      </c>
      <c r="U9" s="61">
        <v>4</v>
      </c>
      <c r="V9" s="61">
        <v>1</v>
      </c>
      <c r="W9" s="62">
        <v>34</v>
      </c>
      <c r="X9" s="63">
        <v>57</v>
      </c>
      <c r="Y9" s="60">
        <v>27</v>
      </c>
      <c r="Z9" s="61">
        <v>14</v>
      </c>
      <c r="AA9" s="62">
        <v>41</v>
      </c>
      <c r="AB9" s="231"/>
      <c r="AC9" s="61">
        <v>38</v>
      </c>
      <c r="AD9" s="61">
        <v>24</v>
      </c>
      <c r="AE9" s="61">
        <v>10</v>
      </c>
      <c r="AF9" s="61">
        <v>23</v>
      </c>
      <c r="AG9" s="61">
        <v>17</v>
      </c>
      <c r="AH9" s="62">
        <v>112</v>
      </c>
      <c r="AI9" s="63">
        <v>153</v>
      </c>
      <c r="AJ9" s="60">
        <v>35</v>
      </c>
      <c r="AK9" s="61">
        <v>40</v>
      </c>
      <c r="AL9" s="62">
        <v>75</v>
      </c>
      <c r="AM9" s="231"/>
      <c r="AN9" s="61">
        <v>73</v>
      </c>
      <c r="AO9" s="61">
        <v>39</v>
      </c>
      <c r="AP9" s="61">
        <v>29</v>
      </c>
      <c r="AQ9" s="61">
        <v>23</v>
      </c>
      <c r="AR9" s="61">
        <v>15</v>
      </c>
      <c r="AS9" s="62">
        <v>179</v>
      </c>
      <c r="AT9" s="63">
        <v>254</v>
      </c>
      <c r="AU9" s="60">
        <v>93</v>
      </c>
      <c r="AV9" s="61">
        <v>65</v>
      </c>
      <c r="AW9" s="62">
        <v>158</v>
      </c>
      <c r="AX9" s="231"/>
      <c r="AY9" s="61">
        <v>155</v>
      </c>
      <c r="AZ9" s="61">
        <v>110</v>
      </c>
      <c r="BA9" s="61">
        <v>70</v>
      </c>
      <c r="BB9" s="61">
        <v>31</v>
      </c>
      <c r="BC9" s="61">
        <v>38</v>
      </c>
      <c r="BD9" s="62">
        <v>404</v>
      </c>
      <c r="BE9" s="63">
        <v>562</v>
      </c>
      <c r="BF9" s="60">
        <v>163</v>
      </c>
      <c r="BG9" s="61">
        <v>108</v>
      </c>
      <c r="BH9" s="62">
        <v>271</v>
      </c>
      <c r="BI9" s="231"/>
      <c r="BJ9" s="61">
        <v>256</v>
      </c>
      <c r="BK9" s="61">
        <v>188</v>
      </c>
      <c r="BL9" s="61">
        <v>91</v>
      </c>
      <c r="BM9" s="61">
        <v>96</v>
      </c>
      <c r="BN9" s="61">
        <v>56</v>
      </c>
      <c r="BO9" s="62">
        <v>687</v>
      </c>
      <c r="BP9" s="63">
        <v>958</v>
      </c>
      <c r="BQ9" s="60">
        <v>147</v>
      </c>
      <c r="BR9" s="61">
        <v>138</v>
      </c>
      <c r="BS9" s="62">
        <v>285</v>
      </c>
      <c r="BT9" s="231"/>
      <c r="BU9" s="61">
        <v>289</v>
      </c>
      <c r="BV9" s="61">
        <v>203</v>
      </c>
      <c r="BW9" s="61">
        <v>156</v>
      </c>
      <c r="BX9" s="61">
        <v>167</v>
      </c>
      <c r="BY9" s="61">
        <v>80</v>
      </c>
      <c r="BZ9" s="62">
        <v>895</v>
      </c>
      <c r="CA9" s="63">
        <v>1180</v>
      </c>
      <c r="CB9" s="60">
        <v>0</v>
      </c>
      <c r="CC9" s="61">
        <v>0</v>
      </c>
      <c r="CD9" s="62">
        <v>0</v>
      </c>
      <c r="CE9" s="231"/>
      <c r="CF9" s="61">
        <v>0</v>
      </c>
      <c r="CG9" s="61">
        <v>0</v>
      </c>
      <c r="CH9" s="61">
        <v>0</v>
      </c>
      <c r="CI9" s="61">
        <v>0</v>
      </c>
      <c r="CJ9" s="61">
        <v>0</v>
      </c>
      <c r="CK9" s="62">
        <v>0</v>
      </c>
      <c r="CL9" s="63">
        <v>0</v>
      </c>
      <c r="CM9" s="60">
        <v>478</v>
      </c>
      <c r="CN9" s="61">
        <v>375</v>
      </c>
      <c r="CO9" s="62">
        <v>853</v>
      </c>
      <c r="CP9" s="231"/>
      <c r="CQ9" s="61">
        <v>824</v>
      </c>
      <c r="CR9" s="61">
        <v>573</v>
      </c>
      <c r="CS9" s="61">
        <v>363</v>
      </c>
      <c r="CT9" s="61">
        <v>344</v>
      </c>
      <c r="CU9" s="61">
        <v>207</v>
      </c>
      <c r="CV9" s="62">
        <v>2311</v>
      </c>
      <c r="CW9" s="63">
        <v>3164</v>
      </c>
      <c r="CX9" s="113">
        <v>89</v>
      </c>
      <c r="CY9" s="72">
        <v>93</v>
      </c>
      <c r="CZ9" s="73">
        <v>182</v>
      </c>
      <c r="DA9" s="228"/>
      <c r="DB9" s="72">
        <v>129</v>
      </c>
      <c r="DC9" s="72">
        <v>109</v>
      </c>
      <c r="DD9" s="72">
        <v>81</v>
      </c>
      <c r="DE9" s="72">
        <v>81</v>
      </c>
      <c r="DF9" s="72">
        <v>53</v>
      </c>
      <c r="DG9" s="74">
        <v>453</v>
      </c>
      <c r="DH9" s="75">
        <v>635</v>
      </c>
      <c r="DI9" s="60">
        <v>1</v>
      </c>
      <c r="DJ9" s="61">
        <v>3</v>
      </c>
      <c r="DK9" s="62">
        <v>4</v>
      </c>
      <c r="DL9" s="231"/>
      <c r="DM9" s="61">
        <v>1</v>
      </c>
      <c r="DN9" s="61">
        <v>0</v>
      </c>
      <c r="DO9" s="61">
        <v>2</v>
      </c>
      <c r="DP9" s="61">
        <v>2</v>
      </c>
      <c r="DQ9" s="61">
        <v>0</v>
      </c>
      <c r="DR9" s="62">
        <v>5</v>
      </c>
      <c r="DS9" s="63">
        <v>9</v>
      </c>
      <c r="DT9" s="60">
        <v>7</v>
      </c>
      <c r="DU9" s="61">
        <v>4</v>
      </c>
      <c r="DV9" s="62">
        <v>11</v>
      </c>
      <c r="DW9" s="231"/>
      <c r="DX9" s="61">
        <v>6</v>
      </c>
      <c r="DY9" s="61">
        <v>4</v>
      </c>
      <c r="DZ9" s="61">
        <v>3</v>
      </c>
      <c r="EA9" s="61">
        <v>6</v>
      </c>
      <c r="EB9" s="61">
        <v>0</v>
      </c>
      <c r="EC9" s="62">
        <v>19</v>
      </c>
      <c r="ED9" s="63">
        <v>30</v>
      </c>
      <c r="EE9" s="60">
        <v>13</v>
      </c>
      <c r="EF9" s="61">
        <v>5</v>
      </c>
      <c r="EG9" s="62">
        <v>18</v>
      </c>
      <c r="EH9" s="231"/>
      <c r="EI9" s="61">
        <v>10</v>
      </c>
      <c r="EJ9" s="61">
        <v>3</v>
      </c>
      <c r="EK9" s="61">
        <v>5</v>
      </c>
      <c r="EL9" s="61">
        <v>2</v>
      </c>
      <c r="EM9" s="61">
        <v>4</v>
      </c>
      <c r="EN9" s="62">
        <v>24</v>
      </c>
      <c r="EO9" s="63">
        <v>42</v>
      </c>
      <c r="EP9" s="60">
        <v>31</v>
      </c>
      <c r="EQ9" s="61">
        <v>21</v>
      </c>
      <c r="ER9" s="62">
        <v>52</v>
      </c>
      <c r="ES9" s="231"/>
      <c r="ET9" s="61">
        <v>26</v>
      </c>
      <c r="EU9" s="61">
        <v>15</v>
      </c>
      <c r="EV9" s="61">
        <v>12</v>
      </c>
      <c r="EW9" s="61">
        <v>9</v>
      </c>
      <c r="EX9" s="61">
        <v>9</v>
      </c>
      <c r="EY9" s="62">
        <v>71</v>
      </c>
      <c r="EZ9" s="63">
        <v>123</v>
      </c>
      <c r="FA9" s="60">
        <v>16</v>
      </c>
      <c r="FB9" s="61">
        <v>31</v>
      </c>
      <c r="FC9" s="62">
        <v>47</v>
      </c>
      <c r="FD9" s="231"/>
      <c r="FE9" s="61">
        <v>40</v>
      </c>
      <c r="FF9" s="61">
        <v>40</v>
      </c>
      <c r="FG9" s="61">
        <v>19</v>
      </c>
      <c r="FH9" s="61">
        <v>17</v>
      </c>
      <c r="FI9" s="61">
        <v>14</v>
      </c>
      <c r="FJ9" s="62">
        <v>130</v>
      </c>
      <c r="FK9" s="63">
        <v>177</v>
      </c>
      <c r="FL9" s="60">
        <v>21</v>
      </c>
      <c r="FM9" s="61">
        <v>29</v>
      </c>
      <c r="FN9" s="62">
        <v>50</v>
      </c>
      <c r="FO9" s="231"/>
      <c r="FP9" s="61">
        <v>46</v>
      </c>
      <c r="FQ9" s="61">
        <v>47</v>
      </c>
      <c r="FR9" s="61">
        <v>40</v>
      </c>
      <c r="FS9" s="61">
        <v>45</v>
      </c>
      <c r="FT9" s="61">
        <v>26</v>
      </c>
      <c r="FU9" s="62">
        <v>204</v>
      </c>
      <c r="FV9" s="63">
        <v>254</v>
      </c>
      <c r="FW9" s="60">
        <v>0</v>
      </c>
      <c r="FX9" s="61">
        <v>0</v>
      </c>
      <c r="FY9" s="62">
        <v>0</v>
      </c>
      <c r="FZ9" s="231"/>
      <c r="GA9" s="61">
        <v>0</v>
      </c>
      <c r="GB9" s="61">
        <v>0</v>
      </c>
      <c r="GC9" s="61">
        <v>0</v>
      </c>
      <c r="GD9" s="61">
        <v>0</v>
      </c>
      <c r="GE9" s="61">
        <v>0</v>
      </c>
      <c r="GF9" s="62">
        <v>0</v>
      </c>
      <c r="GG9" s="63">
        <v>0</v>
      </c>
      <c r="GH9" s="60">
        <v>89</v>
      </c>
      <c r="GI9" s="61">
        <v>93</v>
      </c>
      <c r="GJ9" s="62">
        <v>182</v>
      </c>
      <c r="GK9" s="231"/>
      <c r="GL9" s="61">
        <v>129</v>
      </c>
      <c r="GM9" s="61">
        <v>109</v>
      </c>
      <c r="GN9" s="61">
        <v>81</v>
      </c>
      <c r="GO9" s="61">
        <v>81</v>
      </c>
      <c r="GP9" s="61">
        <v>53</v>
      </c>
      <c r="GQ9" s="62">
        <v>453</v>
      </c>
      <c r="GR9" s="63">
        <v>635</v>
      </c>
      <c r="GS9" s="113">
        <v>567</v>
      </c>
      <c r="GT9" s="72">
        <v>468</v>
      </c>
      <c r="GU9" s="73">
        <v>1035</v>
      </c>
      <c r="GV9" s="228"/>
      <c r="GW9" s="72">
        <v>953</v>
      </c>
      <c r="GX9" s="72">
        <v>682</v>
      </c>
      <c r="GY9" s="72">
        <v>444</v>
      </c>
      <c r="GZ9" s="72">
        <v>425</v>
      </c>
      <c r="HA9" s="72">
        <v>260</v>
      </c>
      <c r="HB9" s="74">
        <v>2764</v>
      </c>
      <c r="HC9" s="75">
        <v>3799</v>
      </c>
      <c r="HD9" s="60">
        <v>14</v>
      </c>
      <c r="HE9" s="61">
        <v>13</v>
      </c>
      <c r="HF9" s="62">
        <v>27</v>
      </c>
      <c r="HG9" s="231"/>
      <c r="HH9" s="61">
        <v>14</v>
      </c>
      <c r="HI9" s="61">
        <v>9</v>
      </c>
      <c r="HJ9" s="61">
        <v>9</v>
      </c>
      <c r="HK9" s="61">
        <v>6</v>
      </c>
      <c r="HL9" s="61">
        <v>1</v>
      </c>
      <c r="HM9" s="62">
        <v>39</v>
      </c>
      <c r="HN9" s="63">
        <v>66</v>
      </c>
      <c r="HO9" s="60">
        <v>34</v>
      </c>
      <c r="HP9" s="61">
        <v>18</v>
      </c>
      <c r="HQ9" s="62">
        <v>52</v>
      </c>
      <c r="HR9" s="231"/>
      <c r="HS9" s="61">
        <v>44</v>
      </c>
      <c r="HT9" s="61">
        <v>28</v>
      </c>
      <c r="HU9" s="61">
        <v>13</v>
      </c>
      <c r="HV9" s="61">
        <v>29</v>
      </c>
      <c r="HW9" s="61">
        <v>17</v>
      </c>
      <c r="HX9" s="62">
        <v>131</v>
      </c>
      <c r="HY9" s="63">
        <v>183</v>
      </c>
      <c r="HZ9" s="60">
        <v>48</v>
      </c>
      <c r="IA9" s="61">
        <v>45</v>
      </c>
      <c r="IB9" s="62">
        <v>93</v>
      </c>
      <c r="IC9" s="231"/>
      <c r="ID9" s="61">
        <v>83</v>
      </c>
      <c r="IE9" s="61">
        <v>42</v>
      </c>
      <c r="IF9" s="61">
        <v>34</v>
      </c>
      <c r="IG9" s="61">
        <v>25</v>
      </c>
      <c r="IH9" s="61">
        <v>19</v>
      </c>
      <c r="II9" s="62">
        <v>203</v>
      </c>
      <c r="IJ9" s="63">
        <v>296</v>
      </c>
      <c r="IK9" s="60">
        <v>124</v>
      </c>
      <c r="IL9" s="61">
        <v>86</v>
      </c>
      <c r="IM9" s="62">
        <v>210</v>
      </c>
      <c r="IN9" s="231"/>
      <c r="IO9" s="61">
        <v>181</v>
      </c>
      <c r="IP9" s="61">
        <v>125</v>
      </c>
      <c r="IQ9" s="61">
        <v>82</v>
      </c>
      <c r="IR9" s="61">
        <v>40</v>
      </c>
      <c r="IS9" s="61">
        <v>47</v>
      </c>
      <c r="IT9" s="62">
        <v>475</v>
      </c>
      <c r="IU9" s="63">
        <v>685</v>
      </c>
      <c r="IV9" s="60">
        <v>179</v>
      </c>
      <c r="IW9" s="61">
        <v>139</v>
      </c>
      <c r="IX9" s="62">
        <v>318</v>
      </c>
      <c r="IY9" s="231"/>
      <c r="IZ9" s="61">
        <v>296</v>
      </c>
      <c r="JA9" s="61">
        <v>228</v>
      </c>
      <c r="JB9" s="61">
        <v>110</v>
      </c>
      <c r="JC9" s="61">
        <v>113</v>
      </c>
      <c r="JD9" s="61">
        <v>70</v>
      </c>
      <c r="JE9" s="62">
        <v>817</v>
      </c>
      <c r="JF9" s="63">
        <v>1135</v>
      </c>
      <c r="JG9" s="60">
        <v>168</v>
      </c>
      <c r="JH9" s="61">
        <v>167</v>
      </c>
      <c r="JI9" s="62">
        <v>335</v>
      </c>
      <c r="JJ9" s="231"/>
      <c r="JK9" s="61">
        <v>335</v>
      </c>
      <c r="JL9" s="61">
        <v>250</v>
      </c>
      <c r="JM9" s="61">
        <v>196</v>
      </c>
      <c r="JN9" s="61">
        <v>212</v>
      </c>
      <c r="JO9" s="61">
        <v>106</v>
      </c>
      <c r="JP9" s="62">
        <v>1099</v>
      </c>
      <c r="JQ9" s="63">
        <v>1434</v>
      </c>
      <c r="JR9" s="60">
        <v>0</v>
      </c>
      <c r="JS9" s="61">
        <v>0</v>
      </c>
      <c r="JT9" s="62">
        <v>0</v>
      </c>
      <c r="JU9" s="231"/>
      <c r="JV9" s="61">
        <v>0</v>
      </c>
      <c r="JW9" s="61">
        <v>0</v>
      </c>
      <c r="JX9" s="61">
        <v>0</v>
      </c>
      <c r="JY9" s="61">
        <v>0</v>
      </c>
      <c r="JZ9" s="61">
        <v>0</v>
      </c>
      <c r="KA9" s="62">
        <v>0</v>
      </c>
      <c r="KB9" s="63">
        <v>0</v>
      </c>
      <c r="KC9" s="60">
        <v>567</v>
      </c>
      <c r="KD9" s="61">
        <v>468</v>
      </c>
      <c r="KE9" s="62">
        <v>1035</v>
      </c>
      <c r="KF9" s="231"/>
      <c r="KG9" s="61">
        <v>953</v>
      </c>
      <c r="KH9" s="61">
        <v>682</v>
      </c>
      <c r="KI9" s="61">
        <v>444</v>
      </c>
      <c r="KJ9" s="61">
        <v>425</v>
      </c>
      <c r="KK9" s="61">
        <v>260</v>
      </c>
      <c r="KL9" s="62">
        <v>2764</v>
      </c>
      <c r="KM9" s="63">
        <v>3799</v>
      </c>
    </row>
    <row r="10" spans="2:299" ht="21" customHeight="1" x14ac:dyDescent="0.2">
      <c r="B10" s="472" t="s">
        <v>14</v>
      </c>
      <c r="C10" s="293">
        <v>251</v>
      </c>
      <c r="D10" s="72">
        <v>319</v>
      </c>
      <c r="E10" s="73">
        <v>570</v>
      </c>
      <c r="F10" s="228"/>
      <c r="G10" s="72">
        <v>382</v>
      </c>
      <c r="H10" s="72">
        <v>402</v>
      </c>
      <c r="I10" s="72">
        <v>281</v>
      </c>
      <c r="J10" s="72">
        <v>224</v>
      </c>
      <c r="K10" s="72">
        <v>128</v>
      </c>
      <c r="L10" s="74">
        <v>1417</v>
      </c>
      <c r="M10" s="75">
        <v>1987</v>
      </c>
      <c r="N10" s="60">
        <v>5</v>
      </c>
      <c r="O10" s="61">
        <v>4</v>
      </c>
      <c r="P10" s="62">
        <v>9</v>
      </c>
      <c r="Q10" s="231"/>
      <c r="R10" s="61">
        <v>8</v>
      </c>
      <c r="S10" s="61">
        <v>6</v>
      </c>
      <c r="T10" s="61">
        <v>3</v>
      </c>
      <c r="U10" s="61">
        <v>4</v>
      </c>
      <c r="V10" s="61">
        <v>6</v>
      </c>
      <c r="W10" s="62">
        <v>27</v>
      </c>
      <c r="X10" s="63">
        <v>36</v>
      </c>
      <c r="Y10" s="60">
        <v>13</v>
      </c>
      <c r="Z10" s="61">
        <v>13</v>
      </c>
      <c r="AA10" s="62">
        <v>26</v>
      </c>
      <c r="AB10" s="231"/>
      <c r="AC10" s="61">
        <v>13</v>
      </c>
      <c r="AD10" s="61">
        <v>17</v>
      </c>
      <c r="AE10" s="61">
        <v>15</v>
      </c>
      <c r="AF10" s="61">
        <v>9</v>
      </c>
      <c r="AG10" s="61">
        <v>10</v>
      </c>
      <c r="AH10" s="62">
        <v>64</v>
      </c>
      <c r="AI10" s="63">
        <v>90</v>
      </c>
      <c r="AJ10" s="60">
        <v>21</v>
      </c>
      <c r="AK10" s="61">
        <v>40</v>
      </c>
      <c r="AL10" s="62">
        <v>61</v>
      </c>
      <c r="AM10" s="231"/>
      <c r="AN10" s="61">
        <v>25</v>
      </c>
      <c r="AO10" s="61">
        <v>37</v>
      </c>
      <c r="AP10" s="61">
        <v>23</v>
      </c>
      <c r="AQ10" s="61">
        <v>28</v>
      </c>
      <c r="AR10" s="61">
        <v>9</v>
      </c>
      <c r="AS10" s="62">
        <v>122</v>
      </c>
      <c r="AT10" s="63">
        <v>183</v>
      </c>
      <c r="AU10" s="60">
        <v>60</v>
      </c>
      <c r="AV10" s="61">
        <v>86</v>
      </c>
      <c r="AW10" s="62">
        <v>146</v>
      </c>
      <c r="AX10" s="231"/>
      <c r="AY10" s="61">
        <v>85</v>
      </c>
      <c r="AZ10" s="61">
        <v>85</v>
      </c>
      <c r="BA10" s="61">
        <v>54</v>
      </c>
      <c r="BB10" s="61">
        <v>45</v>
      </c>
      <c r="BC10" s="61">
        <v>17</v>
      </c>
      <c r="BD10" s="62">
        <v>286</v>
      </c>
      <c r="BE10" s="63">
        <v>432</v>
      </c>
      <c r="BF10" s="60">
        <v>84</v>
      </c>
      <c r="BG10" s="61">
        <v>91</v>
      </c>
      <c r="BH10" s="62">
        <v>175</v>
      </c>
      <c r="BI10" s="231"/>
      <c r="BJ10" s="61">
        <v>123</v>
      </c>
      <c r="BK10" s="61">
        <v>124</v>
      </c>
      <c r="BL10" s="61">
        <v>76</v>
      </c>
      <c r="BM10" s="61">
        <v>69</v>
      </c>
      <c r="BN10" s="61">
        <v>36</v>
      </c>
      <c r="BO10" s="62">
        <v>428</v>
      </c>
      <c r="BP10" s="63">
        <v>603</v>
      </c>
      <c r="BQ10" s="60">
        <v>68</v>
      </c>
      <c r="BR10" s="61">
        <v>85</v>
      </c>
      <c r="BS10" s="62">
        <v>153</v>
      </c>
      <c r="BT10" s="231"/>
      <c r="BU10" s="61">
        <v>128</v>
      </c>
      <c r="BV10" s="61">
        <v>133</v>
      </c>
      <c r="BW10" s="61">
        <v>110</v>
      </c>
      <c r="BX10" s="61">
        <v>69</v>
      </c>
      <c r="BY10" s="61">
        <v>50</v>
      </c>
      <c r="BZ10" s="62">
        <v>490</v>
      </c>
      <c r="CA10" s="63">
        <v>643</v>
      </c>
      <c r="CB10" s="60">
        <v>0</v>
      </c>
      <c r="CC10" s="61">
        <v>0</v>
      </c>
      <c r="CD10" s="62">
        <v>0</v>
      </c>
      <c r="CE10" s="231"/>
      <c r="CF10" s="61">
        <v>0</v>
      </c>
      <c r="CG10" s="61">
        <v>0</v>
      </c>
      <c r="CH10" s="61">
        <v>0</v>
      </c>
      <c r="CI10" s="61">
        <v>0</v>
      </c>
      <c r="CJ10" s="61">
        <v>0</v>
      </c>
      <c r="CK10" s="62">
        <v>0</v>
      </c>
      <c r="CL10" s="63">
        <v>0</v>
      </c>
      <c r="CM10" s="60">
        <v>251</v>
      </c>
      <c r="CN10" s="61">
        <v>319</v>
      </c>
      <c r="CO10" s="62">
        <v>570</v>
      </c>
      <c r="CP10" s="231"/>
      <c r="CQ10" s="61">
        <v>382</v>
      </c>
      <c r="CR10" s="61">
        <v>402</v>
      </c>
      <c r="CS10" s="61">
        <v>281</v>
      </c>
      <c r="CT10" s="61">
        <v>224</v>
      </c>
      <c r="CU10" s="61">
        <v>128</v>
      </c>
      <c r="CV10" s="62">
        <v>1417</v>
      </c>
      <c r="CW10" s="63">
        <v>1987</v>
      </c>
      <c r="CX10" s="113">
        <v>40</v>
      </c>
      <c r="CY10" s="72">
        <v>47</v>
      </c>
      <c r="CZ10" s="73">
        <v>87</v>
      </c>
      <c r="DA10" s="228"/>
      <c r="DB10" s="72">
        <v>48</v>
      </c>
      <c r="DC10" s="72">
        <v>50</v>
      </c>
      <c r="DD10" s="72">
        <v>43</v>
      </c>
      <c r="DE10" s="72">
        <v>29</v>
      </c>
      <c r="DF10" s="72">
        <v>19</v>
      </c>
      <c r="DG10" s="74">
        <v>189</v>
      </c>
      <c r="DH10" s="75">
        <v>276</v>
      </c>
      <c r="DI10" s="60">
        <v>1</v>
      </c>
      <c r="DJ10" s="61">
        <v>0</v>
      </c>
      <c r="DK10" s="62">
        <v>1</v>
      </c>
      <c r="DL10" s="231"/>
      <c r="DM10" s="61">
        <v>0</v>
      </c>
      <c r="DN10" s="61">
        <v>1</v>
      </c>
      <c r="DO10" s="61">
        <v>1</v>
      </c>
      <c r="DP10" s="61">
        <v>0</v>
      </c>
      <c r="DQ10" s="61">
        <v>1</v>
      </c>
      <c r="DR10" s="62">
        <v>3</v>
      </c>
      <c r="DS10" s="63">
        <v>4</v>
      </c>
      <c r="DT10" s="60">
        <v>1</v>
      </c>
      <c r="DU10" s="61">
        <v>2</v>
      </c>
      <c r="DV10" s="62">
        <v>3</v>
      </c>
      <c r="DW10" s="231"/>
      <c r="DX10" s="61">
        <v>3</v>
      </c>
      <c r="DY10" s="61">
        <v>5</v>
      </c>
      <c r="DZ10" s="61">
        <v>0</v>
      </c>
      <c r="EA10" s="61">
        <v>1</v>
      </c>
      <c r="EB10" s="61">
        <v>1</v>
      </c>
      <c r="EC10" s="62">
        <v>10</v>
      </c>
      <c r="ED10" s="63">
        <v>13</v>
      </c>
      <c r="EE10" s="60">
        <v>6</v>
      </c>
      <c r="EF10" s="61">
        <v>4</v>
      </c>
      <c r="EG10" s="62">
        <v>10</v>
      </c>
      <c r="EH10" s="231"/>
      <c r="EI10" s="61">
        <v>10</v>
      </c>
      <c r="EJ10" s="61">
        <v>6</v>
      </c>
      <c r="EK10" s="61">
        <v>6</v>
      </c>
      <c r="EL10" s="61">
        <v>3</v>
      </c>
      <c r="EM10" s="61">
        <v>1</v>
      </c>
      <c r="EN10" s="62">
        <v>26</v>
      </c>
      <c r="EO10" s="63">
        <v>36</v>
      </c>
      <c r="EP10" s="60">
        <v>10</v>
      </c>
      <c r="EQ10" s="61">
        <v>15</v>
      </c>
      <c r="ER10" s="62">
        <v>25</v>
      </c>
      <c r="ES10" s="231"/>
      <c r="ET10" s="61">
        <v>12</v>
      </c>
      <c r="EU10" s="61">
        <v>8</v>
      </c>
      <c r="EV10" s="61">
        <v>11</v>
      </c>
      <c r="EW10" s="61">
        <v>2</v>
      </c>
      <c r="EX10" s="61">
        <v>1</v>
      </c>
      <c r="EY10" s="62">
        <v>34</v>
      </c>
      <c r="EZ10" s="63">
        <v>59</v>
      </c>
      <c r="FA10" s="60">
        <v>17</v>
      </c>
      <c r="FB10" s="61">
        <v>14</v>
      </c>
      <c r="FC10" s="62">
        <v>31</v>
      </c>
      <c r="FD10" s="231"/>
      <c r="FE10" s="61">
        <v>13</v>
      </c>
      <c r="FF10" s="61">
        <v>13</v>
      </c>
      <c r="FG10" s="61">
        <v>9</v>
      </c>
      <c r="FH10" s="61">
        <v>6</v>
      </c>
      <c r="FI10" s="61">
        <v>5</v>
      </c>
      <c r="FJ10" s="62">
        <v>46</v>
      </c>
      <c r="FK10" s="63">
        <v>77</v>
      </c>
      <c r="FL10" s="60">
        <v>5</v>
      </c>
      <c r="FM10" s="61">
        <v>12</v>
      </c>
      <c r="FN10" s="62">
        <v>17</v>
      </c>
      <c r="FO10" s="231"/>
      <c r="FP10" s="61">
        <v>10</v>
      </c>
      <c r="FQ10" s="61">
        <v>17</v>
      </c>
      <c r="FR10" s="61">
        <v>16</v>
      </c>
      <c r="FS10" s="61">
        <v>17</v>
      </c>
      <c r="FT10" s="61">
        <v>10</v>
      </c>
      <c r="FU10" s="62">
        <v>70</v>
      </c>
      <c r="FV10" s="63">
        <v>87</v>
      </c>
      <c r="FW10" s="60">
        <v>0</v>
      </c>
      <c r="FX10" s="61">
        <v>0</v>
      </c>
      <c r="FY10" s="62">
        <v>0</v>
      </c>
      <c r="FZ10" s="231"/>
      <c r="GA10" s="61">
        <v>0</v>
      </c>
      <c r="GB10" s="61">
        <v>0</v>
      </c>
      <c r="GC10" s="61">
        <v>0</v>
      </c>
      <c r="GD10" s="61">
        <v>0</v>
      </c>
      <c r="GE10" s="61">
        <v>0</v>
      </c>
      <c r="GF10" s="62">
        <v>0</v>
      </c>
      <c r="GG10" s="63">
        <v>0</v>
      </c>
      <c r="GH10" s="60">
        <v>40</v>
      </c>
      <c r="GI10" s="61">
        <v>47</v>
      </c>
      <c r="GJ10" s="62">
        <v>87</v>
      </c>
      <c r="GK10" s="231"/>
      <c r="GL10" s="61">
        <v>48</v>
      </c>
      <c r="GM10" s="61">
        <v>50</v>
      </c>
      <c r="GN10" s="61">
        <v>43</v>
      </c>
      <c r="GO10" s="61">
        <v>29</v>
      </c>
      <c r="GP10" s="61">
        <v>19</v>
      </c>
      <c r="GQ10" s="62">
        <v>189</v>
      </c>
      <c r="GR10" s="63">
        <v>276</v>
      </c>
      <c r="GS10" s="113">
        <v>291</v>
      </c>
      <c r="GT10" s="72">
        <v>366</v>
      </c>
      <c r="GU10" s="73">
        <v>657</v>
      </c>
      <c r="GV10" s="228"/>
      <c r="GW10" s="72">
        <v>430</v>
      </c>
      <c r="GX10" s="72">
        <v>452</v>
      </c>
      <c r="GY10" s="72">
        <v>324</v>
      </c>
      <c r="GZ10" s="72">
        <v>253</v>
      </c>
      <c r="HA10" s="72">
        <v>147</v>
      </c>
      <c r="HB10" s="74">
        <v>1606</v>
      </c>
      <c r="HC10" s="75">
        <v>2263</v>
      </c>
      <c r="HD10" s="60">
        <v>6</v>
      </c>
      <c r="HE10" s="61">
        <v>4</v>
      </c>
      <c r="HF10" s="62">
        <v>10</v>
      </c>
      <c r="HG10" s="231"/>
      <c r="HH10" s="61">
        <v>8</v>
      </c>
      <c r="HI10" s="61">
        <v>7</v>
      </c>
      <c r="HJ10" s="61">
        <v>4</v>
      </c>
      <c r="HK10" s="61">
        <v>4</v>
      </c>
      <c r="HL10" s="61">
        <v>7</v>
      </c>
      <c r="HM10" s="62">
        <v>30</v>
      </c>
      <c r="HN10" s="63">
        <v>40</v>
      </c>
      <c r="HO10" s="60">
        <v>14</v>
      </c>
      <c r="HP10" s="61">
        <v>15</v>
      </c>
      <c r="HQ10" s="62">
        <v>29</v>
      </c>
      <c r="HR10" s="231"/>
      <c r="HS10" s="61">
        <v>16</v>
      </c>
      <c r="HT10" s="61">
        <v>22</v>
      </c>
      <c r="HU10" s="61">
        <v>15</v>
      </c>
      <c r="HV10" s="61">
        <v>10</v>
      </c>
      <c r="HW10" s="61">
        <v>11</v>
      </c>
      <c r="HX10" s="62">
        <v>74</v>
      </c>
      <c r="HY10" s="63">
        <v>103</v>
      </c>
      <c r="HZ10" s="60">
        <v>27</v>
      </c>
      <c r="IA10" s="61">
        <v>44</v>
      </c>
      <c r="IB10" s="62">
        <v>71</v>
      </c>
      <c r="IC10" s="231"/>
      <c r="ID10" s="61">
        <v>35</v>
      </c>
      <c r="IE10" s="61">
        <v>43</v>
      </c>
      <c r="IF10" s="61">
        <v>29</v>
      </c>
      <c r="IG10" s="61">
        <v>31</v>
      </c>
      <c r="IH10" s="61">
        <v>10</v>
      </c>
      <c r="II10" s="62">
        <v>148</v>
      </c>
      <c r="IJ10" s="63">
        <v>219</v>
      </c>
      <c r="IK10" s="60">
        <v>70</v>
      </c>
      <c r="IL10" s="61">
        <v>101</v>
      </c>
      <c r="IM10" s="62">
        <v>171</v>
      </c>
      <c r="IN10" s="231"/>
      <c r="IO10" s="61">
        <v>97</v>
      </c>
      <c r="IP10" s="61">
        <v>93</v>
      </c>
      <c r="IQ10" s="61">
        <v>65</v>
      </c>
      <c r="IR10" s="61">
        <v>47</v>
      </c>
      <c r="IS10" s="61">
        <v>18</v>
      </c>
      <c r="IT10" s="62">
        <v>320</v>
      </c>
      <c r="IU10" s="63">
        <v>491</v>
      </c>
      <c r="IV10" s="60">
        <v>101</v>
      </c>
      <c r="IW10" s="61">
        <v>105</v>
      </c>
      <c r="IX10" s="62">
        <v>206</v>
      </c>
      <c r="IY10" s="231"/>
      <c r="IZ10" s="61">
        <v>136</v>
      </c>
      <c r="JA10" s="61">
        <v>137</v>
      </c>
      <c r="JB10" s="61">
        <v>85</v>
      </c>
      <c r="JC10" s="61">
        <v>75</v>
      </c>
      <c r="JD10" s="61">
        <v>41</v>
      </c>
      <c r="JE10" s="62">
        <v>474</v>
      </c>
      <c r="JF10" s="63">
        <v>680</v>
      </c>
      <c r="JG10" s="60">
        <v>73</v>
      </c>
      <c r="JH10" s="61">
        <v>97</v>
      </c>
      <c r="JI10" s="62">
        <v>170</v>
      </c>
      <c r="JJ10" s="231"/>
      <c r="JK10" s="61">
        <v>138</v>
      </c>
      <c r="JL10" s="61">
        <v>150</v>
      </c>
      <c r="JM10" s="61">
        <v>126</v>
      </c>
      <c r="JN10" s="61">
        <v>86</v>
      </c>
      <c r="JO10" s="61">
        <v>60</v>
      </c>
      <c r="JP10" s="62">
        <v>560</v>
      </c>
      <c r="JQ10" s="63">
        <v>730</v>
      </c>
      <c r="JR10" s="60">
        <v>0</v>
      </c>
      <c r="JS10" s="61">
        <v>0</v>
      </c>
      <c r="JT10" s="62">
        <v>0</v>
      </c>
      <c r="JU10" s="231"/>
      <c r="JV10" s="61">
        <v>0</v>
      </c>
      <c r="JW10" s="61">
        <v>0</v>
      </c>
      <c r="JX10" s="61">
        <v>0</v>
      </c>
      <c r="JY10" s="61">
        <v>0</v>
      </c>
      <c r="JZ10" s="61">
        <v>0</v>
      </c>
      <c r="KA10" s="62">
        <v>0</v>
      </c>
      <c r="KB10" s="63">
        <v>0</v>
      </c>
      <c r="KC10" s="60">
        <v>291</v>
      </c>
      <c r="KD10" s="61">
        <v>366</v>
      </c>
      <c r="KE10" s="62">
        <v>657</v>
      </c>
      <c r="KF10" s="231"/>
      <c r="KG10" s="61">
        <v>430</v>
      </c>
      <c r="KH10" s="61">
        <v>452</v>
      </c>
      <c r="KI10" s="61">
        <v>324</v>
      </c>
      <c r="KJ10" s="61">
        <v>253</v>
      </c>
      <c r="KK10" s="61">
        <v>147</v>
      </c>
      <c r="KL10" s="62">
        <v>1606</v>
      </c>
      <c r="KM10" s="63">
        <v>2263</v>
      </c>
    </row>
    <row r="11" spans="2:299" ht="21" customHeight="1" x14ac:dyDescent="0.2">
      <c r="B11" s="472" t="s">
        <v>7</v>
      </c>
      <c r="C11" s="293">
        <v>228</v>
      </c>
      <c r="D11" s="72">
        <v>174</v>
      </c>
      <c r="E11" s="73">
        <v>402</v>
      </c>
      <c r="F11" s="228"/>
      <c r="G11" s="72">
        <v>491</v>
      </c>
      <c r="H11" s="72">
        <v>335</v>
      </c>
      <c r="I11" s="72">
        <v>187</v>
      </c>
      <c r="J11" s="72">
        <v>161</v>
      </c>
      <c r="K11" s="72">
        <v>96</v>
      </c>
      <c r="L11" s="74">
        <v>1270</v>
      </c>
      <c r="M11" s="75">
        <v>1672</v>
      </c>
      <c r="N11" s="60">
        <v>1</v>
      </c>
      <c r="O11" s="61">
        <v>0</v>
      </c>
      <c r="P11" s="62">
        <v>1</v>
      </c>
      <c r="Q11" s="231"/>
      <c r="R11" s="61">
        <v>7</v>
      </c>
      <c r="S11" s="61">
        <v>3</v>
      </c>
      <c r="T11" s="61">
        <v>1</v>
      </c>
      <c r="U11" s="61">
        <v>1</v>
      </c>
      <c r="V11" s="61">
        <v>1</v>
      </c>
      <c r="W11" s="62">
        <v>13</v>
      </c>
      <c r="X11" s="63">
        <v>14</v>
      </c>
      <c r="Y11" s="60">
        <v>6</v>
      </c>
      <c r="Z11" s="61">
        <v>6</v>
      </c>
      <c r="AA11" s="62">
        <v>12</v>
      </c>
      <c r="AB11" s="231"/>
      <c r="AC11" s="61">
        <v>17</v>
      </c>
      <c r="AD11" s="61">
        <v>14</v>
      </c>
      <c r="AE11" s="61">
        <v>10</v>
      </c>
      <c r="AF11" s="61">
        <v>1</v>
      </c>
      <c r="AG11" s="61">
        <v>3</v>
      </c>
      <c r="AH11" s="62">
        <v>45</v>
      </c>
      <c r="AI11" s="63">
        <v>57</v>
      </c>
      <c r="AJ11" s="60">
        <v>12</v>
      </c>
      <c r="AK11" s="61">
        <v>14</v>
      </c>
      <c r="AL11" s="62">
        <v>26</v>
      </c>
      <c r="AM11" s="231"/>
      <c r="AN11" s="61">
        <v>42</v>
      </c>
      <c r="AO11" s="61">
        <v>30</v>
      </c>
      <c r="AP11" s="61">
        <v>13</v>
      </c>
      <c r="AQ11" s="61">
        <v>12</v>
      </c>
      <c r="AR11" s="61">
        <v>8</v>
      </c>
      <c r="AS11" s="62">
        <v>105</v>
      </c>
      <c r="AT11" s="63">
        <v>131</v>
      </c>
      <c r="AU11" s="60">
        <v>41</v>
      </c>
      <c r="AV11" s="61">
        <v>30</v>
      </c>
      <c r="AW11" s="62">
        <v>71</v>
      </c>
      <c r="AX11" s="231"/>
      <c r="AY11" s="61">
        <v>91</v>
      </c>
      <c r="AZ11" s="61">
        <v>67</v>
      </c>
      <c r="BA11" s="61">
        <v>35</v>
      </c>
      <c r="BB11" s="61">
        <v>30</v>
      </c>
      <c r="BC11" s="61">
        <v>24</v>
      </c>
      <c r="BD11" s="62">
        <v>247</v>
      </c>
      <c r="BE11" s="63">
        <v>318</v>
      </c>
      <c r="BF11" s="60">
        <v>91</v>
      </c>
      <c r="BG11" s="61">
        <v>70</v>
      </c>
      <c r="BH11" s="62">
        <v>161</v>
      </c>
      <c r="BI11" s="231"/>
      <c r="BJ11" s="61">
        <v>168</v>
      </c>
      <c r="BK11" s="61">
        <v>105</v>
      </c>
      <c r="BL11" s="61">
        <v>55</v>
      </c>
      <c r="BM11" s="61">
        <v>47</v>
      </c>
      <c r="BN11" s="61">
        <v>29</v>
      </c>
      <c r="BO11" s="62">
        <v>404</v>
      </c>
      <c r="BP11" s="63">
        <v>565</v>
      </c>
      <c r="BQ11" s="60">
        <v>77</v>
      </c>
      <c r="BR11" s="61">
        <v>54</v>
      </c>
      <c r="BS11" s="62">
        <v>131</v>
      </c>
      <c r="BT11" s="231"/>
      <c r="BU11" s="61">
        <v>166</v>
      </c>
      <c r="BV11" s="61">
        <v>116</v>
      </c>
      <c r="BW11" s="61">
        <v>73</v>
      </c>
      <c r="BX11" s="61">
        <v>70</v>
      </c>
      <c r="BY11" s="61">
        <v>31</v>
      </c>
      <c r="BZ11" s="62">
        <v>456</v>
      </c>
      <c r="CA11" s="63">
        <v>587</v>
      </c>
      <c r="CB11" s="60">
        <v>0</v>
      </c>
      <c r="CC11" s="61">
        <v>0</v>
      </c>
      <c r="CD11" s="62">
        <v>0</v>
      </c>
      <c r="CE11" s="231"/>
      <c r="CF11" s="61">
        <v>0</v>
      </c>
      <c r="CG11" s="61">
        <v>0</v>
      </c>
      <c r="CH11" s="61">
        <v>0</v>
      </c>
      <c r="CI11" s="61">
        <v>0</v>
      </c>
      <c r="CJ11" s="61">
        <v>0</v>
      </c>
      <c r="CK11" s="62">
        <v>0</v>
      </c>
      <c r="CL11" s="63">
        <v>0</v>
      </c>
      <c r="CM11" s="60">
        <v>228</v>
      </c>
      <c r="CN11" s="61">
        <v>174</v>
      </c>
      <c r="CO11" s="62">
        <v>402</v>
      </c>
      <c r="CP11" s="231"/>
      <c r="CQ11" s="61">
        <v>491</v>
      </c>
      <c r="CR11" s="61">
        <v>335</v>
      </c>
      <c r="CS11" s="61">
        <v>187</v>
      </c>
      <c r="CT11" s="61">
        <v>161</v>
      </c>
      <c r="CU11" s="61">
        <v>96</v>
      </c>
      <c r="CV11" s="62">
        <v>1270</v>
      </c>
      <c r="CW11" s="63">
        <v>1672</v>
      </c>
      <c r="CX11" s="113">
        <v>26</v>
      </c>
      <c r="CY11" s="72">
        <v>36</v>
      </c>
      <c r="CZ11" s="73">
        <v>62</v>
      </c>
      <c r="DA11" s="228"/>
      <c r="DB11" s="72">
        <v>73</v>
      </c>
      <c r="DC11" s="72">
        <v>41</v>
      </c>
      <c r="DD11" s="72">
        <v>31</v>
      </c>
      <c r="DE11" s="72">
        <v>19</v>
      </c>
      <c r="DF11" s="72">
        <v>16</v>
      </c>
      <c r="DG11" s="74">
        <v>180</v>
      </c>
      <c r="DH11" s="75">
        <v>242</v>
      </c>
      <c r="DI11" s="60">
        <v>1</v>
      </c>
      <c r="DJ11" s="61">
        <v>0</v>
      </c>
      <c r="DK11" s="62">
        <v>1</v>
      </c>
      <c r="DL11" s="231"/>
      <c r="DM11" s="61">
        <v>1</v>
      </c>
      <c r="DN11" s="61">
        <v>0</v>
      </c>
      <c r="DO11" s="61">
        <v>0</v>
      </c>
      <c r="DP11" s="61">
        <v>0</v>
      </c>
      <c r="DQ11" s="61">
        <v>0</v>
      </c>
      <c r="DR11" s="62">
        <v>1</v>
      </c>
      <c r="DS11" s="63">
        <v>2</v>
      </c>
      <c r="DT11" s="60">
        <v>4</v>
      </c>
      <c r="DU11" s="61">
        <v>2</v>
      </c>
      <c r="DV11" s="62">
        <v>6</v>
      </c>
      <c r="DW11" s="231"/>
      <c r="DX11" s="61">
        <v>1</v>
      </c>
      <c r="DY11" s="61">
        <v>1</v>
      </c>
      <c r="DZ11" s="61">
        <v>1</v>
      </c>
      <c r="EA11" s="61">
        <v>1</v>
      </c>
      <c r="EB11" s="61">
        <v>0</v>
      </c>
      <c r="EC11" s="62">
        <v>4</v>
      </c>
      <c r="ED11" s="63">
        <v>10</v>
      </c>
      <c r="EE11" s="60">
        <v>5</v>
      </c>
      <c r="EF11" s="61">
        <v>5</v>
      </c>
      <c r="EG11" s="62">
        <v>10</v>
      </c>
      <c r="EH11" s="231"/>
      <c r="EI11" s="61">
        <v>4</v>
      </c>
      <c r="EJ11" s="61">
        <v>4</v>
      </c>
      <c r="EK11" s="61">
        <v>3</v>
      </c>
      <c r="EL11" s="61">
        <v>3</v>
      </c>
      <c r="EM11" s="61">
        <v>2</v>
      </c>
      <c r="EN11" s="62">
        <v>16</v>
      </c>
      <c r="EO11" s="63">
        <v>26</v>
      </c>
      <c r="EP11" s="60">
        <v>3</v>
      </c>
      <c r="EQ11" s="61">
        <v>6</v>
      </c>
      <c r="ER11" s="62">
        <v>9</v>
      </c>
      <c r="ES11" s="231"/>
      <c r="ET11" s="61">
        <v>15</v>
      </c>
      <c r="EU11" s="61">
        <v>6</v>
      </c>
      <c r="EV11" s="61">
        <v>3</v>
      </c>
      <c r="EW11" s="61">
        <v>0</v>
      </c>
      <c r="EX11" s="61">
        <v>1</v>
      </c>
      <c r="EY11" s="62">
        <v>25</v>
      </c>
      <c r="EZ11" s="63">
        <v>34</v>
      </c>
      <c r="FA11" s="60">
        <v>4</v>
      </c>
      <c r="FB11" s="61">
        <v>16</v>
      </c>
      <c r="FC11" s="62">
        <v>20</v>
      </c>
      <c r="FD11" s="231"/>
      <c r="FE11" s="61">
        <v>20</v>
      </c>
      <c r="FF11" s="61">
        <v>10</v>
      </c>
      <c r="FG11" s="61">
        <v>8</v>
      </c>
      <c r="FH11" s="61">
        <v>6</v>
      </c>
      <c r="FI11" s="61">
        <v>6</v>
      </c>
      <c r="FJ11" s="62">
        <v>50</v>
      </c>
      <c r="FK11" s="63">
        <v>70</v>
      </c>
      <c r="FL11" s="60">
        <v>9</v>
      </c>
      <c r="FM11" s="61">
        <v>7</v>
      </c>
      <c r="FN11" s="62">
        <v>16</v>
      </c>
      <c r="FO11" s="231"/>
      <c r="FP11" s="61">
        <v>32</v>
      </c>
      <c r="FQ11" s="61">
        <v>20</v>
      </c>
      <c r="FR11" s="61">
        <v>16</v>
      </c>
      <c r="FS11" s="61">
        <v>9</v>
      </c>
      <c r="FT11" s="61">
        <v>7</v>
      </c>
      <c r="FU11" s="62">
        <v>84</v>
      </c>
      <c r="FV11" s="63">
        <v>100</v>
      </c>
      <c r="FW11" s="60">
        <v>0</v>
      </c>
      <c r="FX11" s="61">
        <v>0</v>
      </c>
      <c r="FY11" s="62">
        <v>0</v>
      </c>
      <c r="FZ11" s="231"/>
      <c r="GA11" s="61">
        <v>0</v>
      </c>
      <c r="GB11" s="61">
        <v>0</v>
      </c>
      <c r="GC11" s="61">
        <v>0</v>
      </c>
      <c r="GD11" s="61">
        <v>0</v>
      </c>
      <c r="GE11" s="61">
        <v>0</v>
      </c>
      <c r="GF11" s="62">
        <v>0</v>
      </c>
      <c r="GG11" s="63">
        <v>0</v>
      </c>
      <c r="GH11" s="60">
        <v>26</v>
      </c>
      <c r="GI11" s="61">
        <v>36</v>
      </c>
      <c r="GJ11" s="62">
        <v>62</v>
      </c>
      <c r="GK11" s="231"/>
      <c r="GL11" s="61">
        <v>73</v>
      </c>
      <c r="GM11" s="61">
        <v>41</v>
      </c>
      <c r="GN11" s="61">
        <v>31</v>
      </c>
      <c r="GO11" s="61">
        <v>19</v>
      </c>
      <c r="GP11" s="61">
        <v>16</v>
      </c>
      <c r="GQ11" s="62">
        <v>180</v>
      </c>
      <c r="GR11" s="63">
        <v>242</v>
      </c>
      <c r="GS11" s="113">
        <v>254</v>
      </c>
      <c r="GT11" s="72">
        <v>210</v>
      </c>
      <c r="GU11" s="73">
        <v>464</v>
      </c>
      <c r="GV11" s="228"/>
      <c r="GW11" s="72">
        <v>564</v>
      </c>
      <c r="GX11" s="72">
        <v>376</v>
      </c>
      <c r="GY11" s="72">
        <v>218</v>
      </c>
      <c r="GZ11" s="72">
        <v>180</v>
      </c>
      <c r="HA11" s="72">
        <v>112</v>
      </c>
      <c r="HB11" s="74">
        <v>1450</v>
      </c>
      <c r="HC11" s="75">
        <v>1914</v>
      </c>
      <c r="HD11" s="60">
        <v>2</v>
      </c>
      <c r="HE11" s="61">
        <v>0</v>
      </c>
      <c r="HF11" s="62">
        <v>2</v>
      </c>
      <c r="HG11" s="231"/>
      <c r="HH11" s="61">
        <v>8</v>
      </c>
      <c r="HI11" s="61">
        <v>3</v>
      </c>
      <c r="HJ11" s="61">
        <v>1</v>
      </c>
      <c r="HK11" s="61">
        <v>1</v>
      </c>
      <c r="HL11" s="61">
        <v>1</v>
      </c>
      <c r="HM11" s="62">
        <v>14</v>
      </c>
      <c r="HN11" s="63">
        <v>16</v>
      </c>
      <c r="HO11" s="60">
        <v>10</v>
      </c>
      <c r="HP11" s="61">
        <v>8</v>
      </c>
      <c r="HQ11" s="62">
        <v>18</v>
      </c>
      <c r="HR11" s="231"/>
      <c r="HS11" s="61">
        <v>18</v>
      </c>
      <c r="HT11" s="61">
        <v>15</v>
      </c>
      <c r="HU11" s="61">
        <v>11</v>
      </c>
      <c r="HV11" s="61">
        <v>2</v>
      </c>
      <c r="HW11" s="61">
        <v>3</v>
      </c>
      <c r="HX11" s="62">
        <v>49</v>
      </c>
      <c r="HY11" s="63">
        <v>67</v>
      </c>
      <c r="HZ11" s="60">
        <v>17</v>
      </c>
      <c r="IA11" s="61">
        <v>19</v>
      </c>
      <c r="IB11" s="62">
        <v>36</v>
      </c>
      <c r="IC11" s="231"/>
      <c r="ID11" s="61">
        <v>46</v>
      </c>
      <c r="IE11" s="61">
        <v>34</v>
      </c>
      <c r="IF11" s="61">
        <v>16</v>
      </c>
      <c r="IG11" s="61">
        <v>15</v>
      </c>
      <c r="IH11" s="61">
        <v>10</v>
      </c>
      <c r="II11" s="62">
        <v>121</v>
      </c>
      <c r="IJ11" s="63">
        <v>157</v>
      </c>
      <c r="IK11" s="60">
        <v>44</v>
      </c>
      <c r="IL11" s="61">
        <v>36</v>
      </c>
      <c r="IM11" s="62">
        <v>80</v>
      </c>
      <c r="IN11" s="231"/>
      <c r="IO11" s="61">
        <v>106</v>
      </c>
      <c r="IP11" s="61">
        <v>73</v>
      </c>
      <c r="IQ11" s="61">
        <v>38</v>
      </c>
      <c r="IR11" s="61">
        <v>30</v>
      </c>
      <c r="IS11" s="61">
        <v>25</v>
      </c>
      <c r="IT11" s="62">
        <v>272</v>
      </c>
      <c r="IU11" s="63">
        <v>352</v>
      </c>
      <c r="IV11" s="60">
        <v>95</v>
      </c>
      <c r="IW11" s="61">
        <v>86</v>
      </c>
      <c r="IX11" s="62">
        <v>181</v>
      </c>
      <c r="IY11" s="231"/>
      <c r="IZ11" s="61">
        <v>188</v>
      </c>
      <c r="JA11" s="61">
        <v>115</v>
      </c>
      <c r="JB11" s="61">
        <v>63</v>
      </c>
      <c r="JC11" s="61">
        <v>53</v>
      </c>
      <c r="JD11" s="61">
        <v>35</v>
      </c>
      <c r="JE11" s="62">
        <v>454</v>
      </c>
      <c r="JF11" s="63">
        <v>635</v>
      </c>
      <c r="JG11" s="60">
        <v>86</v>
      </c>
      <c r="JH11" s="61">
        <v>61</v>
      </c>
      <c r="JI11" s="62">
        <v>147</v>
      </c>
      <c r="JJ11" s="231"/>
      <c r="JK11" s="61">
        <v>198</v>
      </c>
      <c r="JL11" s="61">
        <v>136</v>
      </c>
      <c r="JM11" s="61">
        <v>89</v>
      </c>
      <c r="JN11" s="61">
        <v>79</v>
      </c>
      <c r="JO11" s="61">
        <v>38</v>
      </c>
      <c r="JP11" s="62">
        <v>540</v>
      </c>
      <c r="JQ11" s="63">
        <v>687</v>
      </c>
      <c r="JR11" s="60">
        <v>0</v>
      </c>
      <c r="JS11" s="61">
        <v>0</v>
      </c>
      <c r="JT11" s="62">
        <v>0</v>
      </c>
      <c r="JU11" s="231"/>
      <c r="JV11" s="61">
        <v>0</v>
      </c>
      <c r="JW11" s="61">
        <v>0</v>
      </c>
      <c r="JX11" s="61">
        <v>0</v>
      </c>
      <c r="JY11" s="61">
        <v>0</v>
      </c>
      <c r="JZ11" s="61">
        <v>0</v>
      </c>
      <c r="KA11" s="62">
        <v>0</v>
      </c>
      <c r="KB11" s="63">
        <v>0</v>
      </c>
      <c r="KC11" s="60">
        <v>254</v>
      </c>
      <c r="KD11" s="61">
        <v>210</v>
      </c>
      <c r="KE11" s="62">
        <v>464</v>
      </c>
      <c r="KF11" s="231"/>
      <c r="KG11" s="61">
        <v>564</v>
      </c>
      <c r="KH11" s="61">
        <v>376</v>
      </c>
      <c r="KI11" s="61">
        <v>218</v>
      </c>
      <c r="KJ11" s="61">
        <v>180</v>
      </c>
      <c r="KK11" s="61">
        <v>112</v>
      </c>
      <c r="KL11" s="62">
        <v>1450</v>
      </c>
      <c r="KM11" s="63">
        <v>1914</v>
      </c>
    </row>
    <row r="12" spans="2:299" ht="21" customHeight="1" x14ac:dyDescent="0.2">
      <c r="B12" s="472" t="s">
        <v>8</v>
      </c>
      <c r="C12" s="293">
        <v>101</v>
      </c>
      <c r="D12" s="72">
        <v>72</v>
      </c>
      <c r="E12" s="73">
        <v>173</v>
      </c>
      <c r="F12" s="228"/>
      <c r="G12" s="72">
        <v>145</v>
      </c>
      <c r="H12" s="72">
        <v>114</v>
      </c>
      <c r="I12" s="72">
        <v>97</v>
      </c>
      <c r="J12" s="72">
        <v>58</v>
      </c>
      <c r="K12" s="72">
        <v>43</v>
      </c>
      <c r="L12" s="74">
        <v>457</v>
      </c>
      <c r="M12" s="75">
        <v>630</v>
      </c>
      <c r="N12" s="60">
        <v>2</v>
      </c>
      <c r="O12" s="61">
        <v>2</v>
      </c>
      <c r="P12" s="62">
        <v>4</v>
      </c>
      <c r="Q12" s="231"/>
      <c r="R12" s="61">
        <v>2</v>
      </c>
      <c r="S12" s="61">
        <v>2</v>
      </c>
      <c r="T12" s="61">
        <v>5</v>
      </c>
      <c r="U12" s="61">
        <v>1</v>
      </c>
      <c r="V12" s="61">
        <v>0</v>
      </c>
      <c r="W12" s="62">
        <v>10</v>
      </c>
      <c r="X12" s="63">
        <v>14</v>
      </c>
      <c r="Y12" s="60">
        <v>1</v>
      </c>
      <c r="Z12" s="61">
        <v>6</v>
      </c>
      <c r="AA12" s="62">
        <v>7</v>
      </c>
      <c r="AB12" s="231"/>
      <c r="AC12" s="61">
        <v>10</v>
      </c>
      <c r="AD12" s="61">
        <v>9</v>
      </c>
      <c r="AE12" s="61">
        <v>2</v>
      </c>
      <c r="AF12" s="61">
        <v>6</v>
      </c>
      <c r="AG12" s="61">
        <v>2</v>
      </c>
      <c r="AH12" s="62">
        <v>29</v>
      </c>
      <c r="AI12" s="63">
        <v>36</v>
      </c>
      <c r="AJ12" s="60">
        <v>6</v>
      </c>
      <c r="AK12" s="61">
        <v>5</v>
      </c>
      <c r="AL12" s="62">
        <v>11</v>
      </c>
      <c r="AM12" s="231"/>
      <c r="AN12" s="61">
        <v>11</v>
      </c>
      <c r="AO12" s="61">
        <v>10</v>
      </c>
      <c r="AP12" s="61">
        <v>3</v>
      </c>
      <c r="AQ12" s="61">
        <v>11</v>
      </c>
      <c r="AR12" s="61">
        <v>5</v>
      </c>
      <c r="AS12" s="62">
        <v>40</v>
      </c>
      <c r="AT12" s="63">
        <v>51</v>
      </c>
      <c r="AU12" s="60">
        <v>19</v>
      </c>
      <c r="AV12" s="61">
        <v>7</v>
      </c>
      <c r="AW12" s="62">
        <v>26</v>
      </c>
      <c r="AX12" s="231"/>
      <c r="AY12" s="61">
        <v>28</v>
      </c>
      <c r="AZ12" s="61">
        <v>27</v>
      </c>
      <c r="BA12" s="61">
        <v>13</v>
      </c>
      <c r="BB12" s="61">
        <v>8</v>
      </c>
      <c r="BC12" s="61">
        <v>8</v>
      </c>
      <c r="BD12" s="62">
        <v>84</v>
      </c>
      <c r="BE12" s="63">
        <v>110</v>
      </c>
      <c r="BF12" s="60">
        <v>34</v>
      </c>
      <c r="BG12" s="61">
        <v>24</v>
      </c>
      <c r="BH12" s="62">
        <v>58</v>
      </c>
      <c r="BI12" s="231"/>
      <c r="BJ12" s="61">
        <v>39</v>
      </c>
      <c r="BK12" s="61">
        <v>20</v>
      </c>
      <c r="BL12" s="61">
        <v>24</v>
      </c>
      <c r="BM12" s="61">
        <v>11</v>
      </c>
      <c r="BN12" s="61">
        <v>13</v>
      </c>
      <c r="BO12" s="62">
        <v>107</v>
      </c>
      <c r="BP12" s="63">
        <v>165</v>
      </c>
      <c r="BQ12" s="60">
        <v>39</v>
      </c>
      <c r="BR12" s="61">
        <v>28</v>
      </c>
      <c r="BS12" s="62">
        <v>67</v>
      </c>
      <c r="BT12" s="231"/>
      <c r="BU12" s="61">
        <v>55</v>
      </c>
      <c r="BV12" s="61">
        <v>46</v>
      </c>
      <c r="BW12" s="61">
        <v>50</v>
      </c>
      <c r="BX12" s="61">
        <v>21</v>
      </c>
      <c r="BY12" s="61">
        <v>15</v>
      </c>
      <c r="BZ12" s="62">
        <v>187</v>
      </c>
      <c r="CA12" s="63">
        <v>254</v>
      </c>
      <c r="CB12" s="60">
        <v>0</v>
      </c>
      <c r="CC12" s="61">
        <v>0</v>
      </c>
      <c r="CD12" s="62">
        <v>0</v>
      </c>
      <c r="CE12" s="231"/>
      <c r="CF12" s="61">
        <v>0</v>
      </c>
      <c r="CG12" s="61">
        <v>0</v>
      </c>
      <c r="CH12" s="61">
        <v>0</v>
      </c>
      <c r="CI12" s="61">
        <v>0</v>
      </c>
      <c r="CJ12" s="61">
        <v>0</v>
      </c>
      <c r="CK12" s="62">
        <v>0</v>
      </c>
      <c r="CL12" s="63">
        <v>0</v>
      </c>
      <c r="CM12" s="60">
        <v>101</v>
      </c>
      <c r="CN12" s="61">
        <v>72</v>
      </c>
      <c r="CO12" s="62">
        <v>173</v>
      </c>
      <c r="CP12" s="231"/>
      <c r="CQ12" s="61">
        <v>145</v>
      </c>
      <c r="CR12" s="61">
        <v>114</v>
      </c>
      <c r="CS12" s="61">
        <v>97</v>
      </c>
      <c r="CT12" s="61">
        <v>58</v>
      </c>
      <c r="CU12" s="61">
        <v>43</v>
      </c>
      <c r="CV12" s="62">
        <v>457</v>
      </c>
      <c r="CW12" s="63">
        <v>630</v>
      </c>
      <c r="CX12" s="113">
        <v>11</v>
      </c>
      <c r="CY12" s="72">
        <v>7</v>
      </c>
      <c r="CZ12" s="73">
        <v>18</v>
      </c>
      <c r="DA12" s="228"/>
      <c r="DB12" s="72">
        <v>23</v>
      </c>
      <c r="DC12" s="72">
        <v>27</v>
      </c>
      <c r="DD12" s="72">
        <v>21</v>
      </c>
      <c r="DE12" s="72">
        <v>11</v>
      </c>
      <c r="DF12" s="72">
        <v>1</v>
      </c>
      <c r="DG12" s="74">
        <v>83</v>
      </c>
      <c r="DH12" s="75">
        <v>101</v>
      </c>
      <c r="DI12" s="60">
        <v>1</v>
      </c>
      <c r="DJ12" s="61">
        <v>0</v>
      </c>
      <c r="DK12" s="62">
        <v>1</v>
      </c>
      <c r="DL12" s="231"/>
      <c r="DM12" s="61">
        <v>0</v>
      </c>
      <c r="DN12" s="61">
        <v>1</v>
      </c>
      <c r="DO12" s="61">
        <v>0</v>
      </c>
      <c r="DP12" s="61">
        <v>1</v>
      </c>
      <c r="DQ12" s="61">
        <v>0</v>
      </c>
      <c r="DR12" s="62">
        <v>2</v>
      </c>
      <c r="DS12" s="63">
        <v>3</v>
      </c>
      <c r="DT12" s="60">
        <v>1</v>
      </c>
      <c r="DU12" s="61">
        <v>1</v>
      </c>
      <c r="DV12" s="62">
        <v>2</v>
      </c>
      <c r="DW12" s="231"/>
      <c r="DX12" s="61">
        <v>1</v>
      </c>
      <c r="DY12" s="61">
        <v>1</v>
      </c>
      <c r="DZ12" s="61">
        <v>1</v>
      </c>
      <c r="EA12" s="61">
        <v>0</v>
      </c>
      <c r="EB12" s="61">
        <v>0</v>
      </c>
      <c r="EC12" s="62">
        <v>3</v>
      </c>
      <c r="ED12" s="63">
        <v>5</v>
      </c>
      <c r="EE12" s="60">
        <v>0</v>
      </c>
      <c r="EF12" s="61">
        <v>1</v>
      </c>
      <c r="EG12" s="62">
        <v>1</v>
      </c>
      <c r="EH12" s="231"/>
      <c r="EI12" s="61">
        <v>3</v>
      </c>
      <c r="EJ12" s="61">
        <v>3</v>
      </c>
      <c r="EK12" s="61">
        <v>1</v>
      </c>
      <c r="EL12" s="61">
        <v>1</v>
      </c>
      <c r="EM12" s="61">
        <v>0</v>
      </c>
      <c r="EN12" s="62">
        <v>8</v>
      </c>
      <c r="EO12" s="63">
        <v>9</v>
      </c>
      <c r="EP12" s="60">
        <v>2</v>
      </c>
      <c r="EQ12" s="61">
        <v>1</v>
      </c>
      <c r="ER12" s="62">
        <v>3</v>
      </c>
      <c r="ES12" s="231"/>
      <c r="ET12" s="61">
        <v>3</v>
      </c>
      <c r="EU12" s="61">
        <v>3</v>
      </c>
      <c r="EV12" s="61">
        <v>4</v>
      </c>
      <c r="EW12" s="61">
        <v>0</v>
      </c>
      <c r="EX12" s="61">
        <v>0</v>
      </c>
      <c r="EY12" s="62">
        <v>10</v>
      </c>
      <c r="EZ12" s="63">
        <v>13</v>
      </c>
      <c r="FA12" s="60">
        <v>4</v>
      </c>
      <c r="FB12" s="61">
        <v>3</v>
      </c>
      <c r="FC12" s="62">
        <v>7</v>
      </c>
      <c r="FD12" s="231"/>
      <c r="FE12" s="61">
        <v>7</v>
      </c>
      <c r="FF12" s="61">
        <v>7</v>
      </c>
      <c r="FG12" s="61">
        <v>4</v>
      </c>
      <c r="FH12" s="61">
        <v>1</v>
      </c>
      <c r="FI12" s="61">
        <v>0</v>
      </c>
      <c r="FJ12" s="62">
        <v>19</v>
      </c>
      <c r="FK12" s="63">
        <v>26</v>
      </c>
      <c r="FL12" s="60">
        <v>3</v>
      </c>
      <c r="FM12" s="61">
        <v>1</v>
      </c>
      <c r="FN12" s="62">
        <v>4</v>
      </c>
      <c r="FO12" s="231"/>
      <c r="FP12" s="61">
        <v>9</v>
      </c>
      <c r="FQ12" s="61">
        <v>12</v>
      </c>
      <c r="FR12" s="61">
        <v>11</v>
      </c>
      <c r="FS12" s="61">
        <v>8</v>
      </c>
      <c r="FT12" s="61">
        <v>1</v>
      </c>
      <c r="FU12" s="62">
        <v>41</v>
      </c>
      <c r="FV12" s="63">
        <v>45</v>
      </c>
      <c r="FW12" s="60">
        <v>0</v>
      </c>
      <c r="FX12" s="61">
        <v>0</v>
      </c>
      <c r="FY12" s="62">
        <v>0</v>
      </c>
      <c r="FZ12" s="231"/>
      <c r="GA12" s="61">
        <v>0</v>
      </c>
      <c r="GB12" s="61">
        <v>0</v>
      </c>
      <c r="GC12" s="61">
        <v>0</v>
      </c>
      <c r="GD12" s="61">
        <v>0</v>
      </c>
      <c r="GE12" s="61">
        <v>0</v>
      </c>
      <c r="GF12" s="62">
        <v>0</v>
      </c>
      <c r="GG12" s="63">
        <v>0</v>
      </c>
      <c r="GH12" s="60">
        <v>11</v>
      </c>
      <c r="GI12" s="61">
        <v>7</v>
      </c>
      <c r="GJ12" s="62">
        <v>18</v>
      </c>
      <c r="GK12" s="231"/>
      <c r="GL12" s="61">
        <v>23</v>
      </c>
      <c r="GM12" s="61">
        <v>27</v>
      </c>
      <c r="GN12" s="61">
        <v>21</v>
      </c>
      <c r="GO12" s="61">
        <v>11</v>
      </c>
      <c r="GP12" s="61">
        <v>1</v>
      </c>
      <c r="GQ12" s="62">
        <v>83</v>
      </c>
      <c r="GR12" s="63">
        <v>101</v>
      </c>
      <c r="GS12" s="113">
        <v>112</v>
      </c>
      <c r="GT12" s="72">
        <v>79</v>
      </c>
      <c r="GU12" s="73">
        <v>191</v>
      </c>
      <c r="GV12" s="228"/>
      <c r="GW12" s="72">
        <v>168</v>
      </c>
      <c r="GX12" s="72">
        <v>141</v>
      </c>
      <c r="GY12" s="72">
        <v>118</v>
      </c>
      <c r="GZ12" s="72">
        <v>69</v>
      </c>
      <c r="HA12" s="72">
        <v>44</v>
      </c>
      <c r="HB12" s="74">
        <v>540</v>
      </c>
      <c r="HC12" s="75">
        <v>731</v>
      </c>
      <c r="HD12" s="60">
        <v>3</v>
      </c>
      <c r="HE12" s="61">
        <v>2</v>
      </c>
      <c r="HF12" s="62">
        <v>5</v>
      </c>
      <c r="HG12" s="231"/>
      <c r="HH12" s="61">
        <v>2</v>
      </c>
      <c r="HI12" s="61">
        <v>3</v>
      </c>
      <c r="HJ12" s="61">
        <v>5</v>
      </c>
      <c r="HK12" s="61">
        <v>2</v>
      </c>
      <c r="HL12" s="61">
        <v>0</v>
      </c>
      <c r="HM12" s="62">
        <v>12</v>
      </c>
      <c r="HN12" s="63">
        <v>17</v>
      </c>
      <c r="HO12" s="60">
        <v>2</v>
      </c>
      <c r="HP12" s="61">
        <v>7</v>
      </c>
      <c r="HQ12" s="62">
        <v>9</v>
      </c>
      <c r="HR12" s="231"/>
      <c r="HS12" s="61">
        <v>11</v>
      </c>
      <c r="HT12" s="61">
        <v>10</v>
      </c>
      <c r="HU12" s="61">
        <v>3</v>
      </c>
      <c r="HV12" s="61">
        <v>6</v>
      </c>
      <c r="HW12" s="61">
        <v>2</v>
      </c>
      <c r="HX12" s="62">
        <v>32</v>
      </c>
      <c r="HY12" s="63">
        <v>41</v>
      </c>
      <c r="HZ12" s="60">
        <v>6</v>
      </c>
      <c r="IA12" s="61">
        <v>6</v>
      </c>
      <c r="IB12" s="62">
        <v>12</v>
      </c>
      <c r="IC12" s="231"/>
      <c r="ID12" s="61">
        <v>14</v>
      </c>
      <c r="IE12" s="61">
        <v>13</v>
      </c>
      <c r="IF12" s="61">
        <v>4</v>
      </c>
      <c r="IG12" s="61">
        <v>12</v>
      </c>
      <c r="IH12" s="61">
        <v>5</v>
      </c>
      <c r="II12" s="62">
        <v>48</v>
      </c>
      <c r="IJ12" s="63">
        <v>60</v>
      </c>
      <c r="IK12" s="60">
        <v>21</v>
      </c>
      <c r="IL12" s="61">
        <v>8</v>
      </c>
      <c r="IM12" s="62">
        <v>29</v>
      </c>
      <c r="IN12" s="231"/>
      <c r="IO12" s="61">
        <v>31</v>
      </c>
      <c r="IP12" s="61">
        <v>30</v>
      </c>
      <c r="IQ12" s="61">
        <v>17</v>
      </c>
      <c r="IR12" s="61">
        <v>8</v>
      </c>
      <c r="IS12" s="61">
        <v>8</v>
      </c>
      <c r="IT12" s="62">
        <v>94</v>
      </c>
      <c r="IU12" s="63">
        <v>123</v>
      </c>
      <c r="IV12" s="60">
        <v>38</v>
      </c>
      <c r="IW12" s="61">
        <v>27</v>
      </c>
      <c r="IX12" s="62">
        <v>65</v>
      </c>
      <c r="IY12" s="231"/>
      <c r="IZ12" s="61">
        <v>46</v>
      </c>
      <c r="JA12" s="61">
        <v>27</v>
      </c>
      <c r="JB12" s="61">
        <v>28</v>
      </c>
      <c r="JC12" s="61">
        <v>12</v>
      </c>
      <c r="JD12" s="61">
        <v>13</v>
      </c>
      <c r="JE12" s="62">
        <v>126</v>
      </c>
      <c r="JF12" s="63">
        <v>191</v>
      </c>
      <c r="JG12" s="60">
        <v>42</v>
      </c>
      <c r="JH12" s="61">
        <v>29</v>
      </c>
      <c r="JI12" s="62">
        <v>71</v>
      </c>
      <c r="JJ12" s="231"/>
      <c r="JK12" s="61">
        <v>64</v>
      </c>
      <c r="JL12" s="61">
        <v>58</v>
      </c>
      <c r="JM12" s="61">
        <v>61</v>
      </c>
      <c r="JN12" s="61">
        <v>29</v>
      </c>
      <c r="JO12" s="61">
        <v>16</v>
      </c>
      <c r="JP12" s="62">
        <v>228</v>
      </c>
      <c r="JQ12" s="63">
        <v>299</v>
      </c>
      <c r="JR12" s="60">
        <v>0</v>
      </c>
      <c r="JS12" s="61">
        <v>0</v>
      </c>
      <c r="JT12" s="62">
        <v>0</v>
      </c>
      <c r="JU12" s="231"/>
      <c r="JV12" s="61">
        <v>0</v>
      </c>
      <c r="JW12" s="61">
        <v>0</v>
      </c>
      <c r="JX12" s="61">
        <v>0</v>
      </c>
      <c r="JY12" s="61">
        <v>0</v>
      </c>
      <c r="JZ12" s="61">
        <v>0</v>
      </c>
      <c r="KA12" s="62">
        <v>0</v>
      </c>
      <c r="KB12" s="63">
        <v>0</v>
      </c>
      <c r="KC12" s="60">
        <v>112</v>
      </c>
      <c r="KD12" s="61">
        <v>79</v>
      </c>
      <c r="KE12" s="62">
        <v>191</v>
      </c>
      <c r="KF12" s="231"/>
      <c r="KG12" s="61">
        <v>168</v>
      </c>
      <c r="KH12" s="61">
        <v>141</v>
      </c>
      <c r="KI12" s="61">
        <v>118</v>
      </c>
      <c r="KJ12" s="61">
        <v>69</v>
      </c>
      <c r="KK12" s="61">
        <v>44</v>
      </c>
      <c r="KL12" s="62">
        <v>540</v>
      </c>
      <c r="KM12" s="63">
        <v>731</v>
      </c>
    </row>
    <row r="13" spans="2:299" ht="21" customHeight="1" x14ac:dyDescent="0.2">
      <c r="B13" s="472" t="s">
        <v>9</v>
      </c>
      <c r="C13" s="293">
        <v>195</v>
      </c>
      <c r="D13" s="72">
        <v>95</v>
      </c>
      <c r="E13" s="73">
        <v>290</v>
      </c>
      <c r="F13" s="228"/>
      <c r="G13" s="72">
        <v>215</v>
      </c>
      <c r="H13" s="72">
        <v>129</v>
      </c>
      <c r="I13" s="72">
        <v>116</v>
      </c>
      <c r="J13" s="72">
        <v>92</v>
      </c>
      <c r="K13" s="72">
        <v>49</v>
      </c>
      <c r="L13" s="74">
        <v>601</v>
      </c>
      <c r="M13" s="75">
        <v>891</v>
      </c>
      <c r="N13" s="60">
        <v>0</v>
      </c>
      <c r="O13" s="61">
        <v>0</v>
      </c>
      <c r="P13" s="62">
        <v>0</v>
      </c>
      <c r="Q13" s="231"/>
      <c r="R13" s="61">
        <v>0</v>
      </c>
      <c r="S13" s="61">
        <v>0</v>
      </c>
      <c r="T13" s="61">
        <v>2</v>
      </c>
      <c r="U13" s="61">
        <v>0</v>
      </c>
      <c r="V13" s="61">
        <v>0</v>
      </c>
      <c r="W13" s="62">
        <v>2</v>
      </c>
      <c r="X13" s="63">
        <v>2</v>
      </c>
      <c r="Y13" s="60">
        <v>8</v>
      </c>
      <c r="Z13" s="61">
        <v>0</v>
      </c>
      <c r="AA13" s="62">
        <v>8</v>
      </c>
      <c r="AB13" s="231"/>
      <c r="AC13" s="61">
        <v>2</v>
      </c>
      <c r="AD13" s="61">
        <v>4</v>
      </c>
      <c r="AE13" s="61">
        <v>1</v>
      </c>
      <c r="AF13" s="61">
        <v>1</v>
      </c>
      <c r="AG13" s="61">
        <v>2</v>
      </c>
      <c r="AH13" s="62">
        <v>10</v>
      </c>
      <c r="AI13" s="63">
        <v>18</v>
      </c>
      <c r="AJ13" s="60">
        <v>10</v>
      </c>
      <c r="AK13" s="61">
        <v>4</v>
      </c>
      <c r="AL13" s="62">
        <v>14</v>
      </c>
      <c r="AM13" s="231"/>
      <c r="AN13" s="61">
        <v>11</v>
      </c>
      <c r="AO13" s="61">
        <v>11</v>
      </c>
      <c r="AP13" s="61">
        <v>7</v>
      </c>
      <c r="AQ13" s="61">
        <v>7</v>
      </c>
      <c r="AR13" s="61">
        <v>5</v>
      </c>
      <c r="AS13" s="62">
        <v>41</v>
      </c>
      <c r="AT13" s="63">
        <v>55</v>
      </c>
      <c r="AU13" s="60">
        <v>35</v>
      </c>
      <c r="AV13" s="61">
        <v>20</v>
      </c>
      <c r="AW13" s="62">
        <v>55</v>
      </c>
      <c r="AX13" s="231"/>
      <c r="AY13" s="61">
        <v>30</v>
      </c>
      <c r="AZ13" s="61">
        <v>16</v>
      </c>
      <c r="BA13" s="61">
        <v>13</v>
      </c>
      <c r="BB13" s="61">
        <v>12</v>
      </c>
      <c r="BC13" s="61">
        <v>8</v>
      </c>
      <c r="BD13" s="62">
        <v>79</v>
      </c>
      <c r="BE13" s="63">
        <v>134</v>
      </c>
      <c r="BF13" s="60">
        <v>66</v>
      </c>
      <c r="BG13" s="61">
        <v>38</v>
      </c>
      <c r="BH13" s="62">
        <v>104</v>
      </c>
      <c r="BI13" s="231"/>
      <c r="BJ13" s="61">
        <v>80</v>
      </c>
      <c r="BK13" s="61">
        <v>40</v>
      </c>
      <c r="BL13" s="61">
        <v>36</v>
      </c>
      <c r="BM13" s="61">
        <v>27</v>
      </c>
      <c r="BN13" s="61">
        <v>10</v>
      </c>
      <c r="BO13" s="62">
        <v>193</v>
      </c>
      <c r="BP13" s="63">
        <v>297</v>
      </c>
      <c r="BQ13" s="60">
        <v>76</v>
      </c>
      <c r="BR13" s="61">
        <v>33</v>
      </c>
      <c r="BS13" s="62">
        <v>109</v>
      </c>
      <c r="BT13" s="231"/>
      <c r="BU13" s="61">
        <v>92</v>
      </c>
      <c r="BV13" s="61">
        <v>58</v>
      </c>
      <c r="BW13" s="61">
        <v>57</v>
      </c>
      <c r="BX13" s="61">
        <v>45</v>
      </c>
      <c r="BY13" s="61">
        <v>24</v>
      </c>
      <c r="BZ13" s="62">
        <v>276</v>
      </c>
      <c r="CA13" s="63">
        <v>385</v>
      </c>
      <c r="CB13" s="60">
        <v>0</v>
      </c>
      <c r="CC13" s="61">
        <v>0</v>
      </c>
      <c r="CD13" s="62">
        <v>0</v>
      </c>
      <c r="CE13" s="231"/>
      <c r="CF13" s="61">
        <v>0</v>
      </c>
      <c r="CG13" s="61">
        <v>0</v>
      </c>
      <c r="CH13" s="61">
        <v>0</v>
      </c>
      <c r="CI13" s="61">
        <v>0</v>
      </c>
      <c r="CJ13" s="61">
        <v>0</v>
      </c>
      <c r="CK13" s="62">
        <v>0</v>
      </c>
      <c r="CL13" s="63">
        <v>0</v>
      </c>
      <c r="CM13" s="60">
        <v>195</v>
      </c>
      <c r="CN13" s="61">
        <v>95</v>
      </c>
      <c r="CO13" s="62">
        <v>290</v>
      </c>
      <c r="CP13" s="231"/>
      <c r="CQ13" s="61">
        <v>215</v>
      </c>
      <c r="CR13" s="61">
        <v>129</v>
      </c>
      <c r="CS13" s="61">
        <v>116</v>
      </c>
      <c r="CT13" s="61">
        <v>92</v>
      </c>
      <c r="CU13" s="61">
        <v>49</v>
      </c>
      <c r="CV13" s="62">
        <v>601</v>
      </c>
      <c r="CW13" s="63">
        <v>891</v>
      </c>
      <c r="CX13" s="113">
        <v>26</v>
      </c>
      <c r="CY13" s="72">
        <v>21</v>
      </c>
      <c r="CZ13" s="73">
        <v>47</v>
      </c>
      <c r="DA13" s="228"/>
      <c r="DB13" s="72">
        <v>30</v>
      </c>
      <c r="DC13" s="72">
        <v>26</v>
      </c>
      <c r="DD13" s="72">
        <v>26</v>
      </c>
      <c r="DE13" s="72">
        <v>13</v>
      </c>
      <c r="DF13" s="72">
        <v>8</v>
      </c>
      <c r="DG13" s="74">
        <v>103</v>
      </c>
      <c r="DH13" s="75">
        <v>150</v>
      </c>
      <c r="DI13" s="60">
        <v>0</v>
      </c>
      <c r="DJ13" s="61">
        <v>0</v>
      </c>
      <c r="DK13" s="62">
        <v>0</v>
      </c>
      <c r="DL13" s="231"/>
      <c r="DM13" s="61">
        <v>0</v>
      </c>
      <c r="DN13" s="61">
        <v>1</v>
      </c>
      <c r="DO13" s="61">
        <v>1</v>
      </c>
      <c r="DP13" s="61">
        <v>0</v>
      </c>
      <c r="DQ13" s="61">
        <v>0</v>
      </c>
      <c r="DR13" s="62">
        <v>2</v>
      </c>
      <c r="DS13" s="63">
        <v>2</v>
      </c>
      <c r="DT13" s="60">
        <v>4</v>
      </c>
      <c r="DU13" s="61">
        <v>4</v>
      </c>
      <c r="DV13" s="62">
        <v>8</v>
      </c>
      <c r="DW13" s="231"/>
      <c r="DX13" s="61">
        <v>1</v>
      </c>
      <c r="DY13" s="61">
        <v>1</v>
      </c>
      <c r="DZ13" s="61">
        <v>1</v>
      </c>
      <c r="EA13" s="61">
        <v>0</v>
      </c>
      <c r="EB13" s="61">
        <v>0</v>
      </c>
      <c r="EC13" s="62">
        <v>3</v>
      </c>
      <c r="ED13" s="63">
        <v>11</v>
      </c>
      <c r="EE13" s="60">
        <v>4</v>
      </c>
      <c r="EF13" s="61">
        <v>2</v>
      </c>
      <c r="EG13" s="62">
        <v>6</v>
      </c>
      <c r="EH13" s="231"/>
      <c r="EI13" s="61">
        <v>0</v>
      </c>
      <c r="EJ13" s="61">
        <v>3</v>
      </c>
      <c r="EK13" s="61">
        <v>2</v>
      </c>
      <c r="EL13" s="61">
        <v>0</v>
      </c>
      <c r="EM13" s="61">
        <v>1</v>
      </c>
      <c r="EN13" s="62">
        <v>6</v>
      </c>
      <c r="EO13" s="63">
        <v>12</v>
      </c>
      <c r="EP13" s="60">
        <v>6</v>
      </c>
      <c r="EQ13" s="61">
        <v>4</v>
      </c>
      <c r="ER13" s="62">
        <v>10</v>
      </c>
      <c r="ES13" s="231"/>
      <c r="ET13" s="61">
        <v>8</v>
      </c>
      <c r="EU13" s="61">
        <v>3</v>
      </c>
      <c r="EV13" s="61">
        <v>2</v>
      </c>
      <c r="EW13" s="61">
        <v>1</v>
      </c>
      <c r="EX13" s="61">
        <v>1</v>
      </c>
      <c r="EY13" s="62">
        <v>15</v>
      </c>
      <c r="EZ13" s="63">
        <v>25</v>
      </c>
      <c r="FA13" s="60">
        <v>5</v>
      </c>
      <c r="FB13" s="61">
        <v>7</v>
      </c>
      <c r="FC13" s="62">
        <v>12</v>
      </c>
      <c r="FD13" s="231"/>
      <c r="FE13" s="61">
        <v>9</v>
      </c>
      <c r="FF13" s="61">
        <v>11</v>
      </c>
      <c r="FG13" s="61">
        <v>4</v>
      </c>
      <c r="FH13" s="61">
        <v>3</v>
      </c>
      <c r="FI13" s="61">
        <v>3</v>
      </c>
      <c r="FJ13" s="62">
        <v>30</v>
      </c>
      <c r="FK13" s="63">
        <v>42</v>
      </c>
      <c r="FL13" s="60">
        <v>7</v>
      </c>
      <c r="FM13" s="61">
        <v>4</v>
      </c>
      <c r="FN13" s="62">
        <v>11</v>
      </c>
      <c r="FO13" s="231"/>
      <c r="FP13" s="61">
        <v>12</v>
      </c>
      <c r="FQ13" s="61">
        <v>7</v>
      </c>
      <c r="FR13" s="61">
        <v>16</v>
      </c>
      <c r="FS13" s="61">
        <v>9</v>
      </c>
      <c r="FT13" s="61">
        <v>3</v>
      </c>
      <c r="FU13" s="62">
        <v>47</v>
      </c>
      <c r="FV13" s="63">
        <v>58</v>
      </c>
      <c r="FW13" s="60">
        <v>0</v>
      </c>
      <c r="FX13" s="61">
        <v>0</v>
      </c>
      <c r="FY13" s="62">
        <v>0</v>
      </c>
      <c r="FZ13" s="231"/>
      <c r="GA13" s="61">
        <v>0</v>
      </c>
      <c r="GB13" s="61">
        <v>0</v>
      </c>
      <c r="GC13" s="61">
        <v>0</v>
      </c>
      <c r="GD13" s="61">
        <v>0</v>
      </c>
      <c r="GE13" s="61">
        <v>0</v>
      </c>
      <c r="GF13" s="62">
        <v>0</v>
      </c>
      <c r="GG13" s="63">
        <v>0</v>
      </c>
      <c r="GH13" s="60">
        <v>26</v>
      </c>
      <c r="GI13" s="61">
        <v>21</v>
      </c>
      <c r="GJ13" s="62">
        <v>47</v>
      </c>
      <c r="GK13" s="231"/>
      <c r="GL13" s="61">
        <v>30</v>
      </c>
      <c r="GM13" s="61">
        <v>26</v>
      </c>
      <c r="GN13" s="61">
        <v>26</v>
      </c>
      <c r="GO13" s="61">
        <v>13</v>
      </c>
      <c r="GP13" s="61">
        <v>8</v>
      </c>
      <c r="GQ13" s="62">
        <v>103</v>
      </c>
      <c r="GR13" s="63">
        <v>150</v>
      </c>
      <c r="GS13" s="113">
        <v>221</v>
      </c>
      <c r="GT13" s="72">
        <v>116</v>
      </c>
      <c r="GU13" s="73">
        <v>337</v>
      </c>
      <c r="GV13" s="228"/>
      <c r="GW13" s="72">
        <v>245</v>
      </c>
      <c r="GX13" s="72">
        <v>155</v>
      </c>
      <c r="GY13" s="72">
        <v>142</v>
      </c>
      <c r="GZ13" s="72">
        <v>105</v>
      </c>
      <c r="HA13" s="72">
        <v>57</v>
      </c>
      <c r="HB13" s="74">
        <v>704</v>
      </c>
      <c r="HC13" s="75">
        <v>1041</v>
      </c>
      <c r="HD13" s="60">
        <v>0</v>
      </c>
      <c r="HE13" s="61">
        <v>0</v>
      </c>
      <c r="HF13" s="62">
        <v>0</v>
      </c>
      <c r="HG13" s="231"/>
      <c r="HH13" s="61">
        <v>0</v>
      </c>
      <c r="HI13" s="61">
        <v>1</v>
      </c>
      <c r="HJ13" s="61">
        <v>3</v>
      </c>
      <c r="HK13" s="61">
        <v>0</v>
      </c>
      <c r="HL13" s="61">
        <v>0</v>
      </c>
      <c r="HM13" s="62">
        <v>4</v>
      </c>
      <c r="HN13" s="63">
        <v>4</v>
      </c>
      <c r="HO13" s="60">
        <v>12</v>
      </c>
      <c r="HP13" s="61">
        <v>4</v>
      </c>
      <c r="HQ13" s="62">
        <v>16</v>
      </c>
      <c r="HR13" s="231"/>
      <c r="HS13" s="61">
        <v>3</v>
      </c>
      <c r="HT13" s="61">
        <v>5</v>
      </c>
      <c r="HU13" s="61">
        <v>2</v>
      </c>
      <c r="HV13" s="61">
        <v>1</v>
      </c>
      <c r="HW13" s="61">
        <v>2</v>
      </c>
      <c r="HX13" s="62">
        <v>13</v>
      </c>
      <c r="HY13" s="63">
        <v>29</v>
      </c>
      <c r="HZ13" s="60">
        <v>14</v>
      </c>
      <c r="IA13" s="61">
        <v>6</v>
      </c>
      <c r="IB13" s="62">
        <v>20</v>
      </c>
      <c r="IC13" s="231"/>
      <c r="ID13" s="61">
        <v>11</v>
      </c>
      <c r="IE13" s="61">
        <v>14</v>
      </c>
      <c r="IF13" s="61">
        <v>9</v>
      </c>
      <c r="IG13" s="61">
        <v>7</v>
      </c>
      <c r="IH13" s="61">
        <v>6</v>
      </c>
      <c r="II13" s="62">
        <v>47</v>
      </c>
      <c r="IJ13" s="63">
        <v>67</v>
      </c>
      <c r="IK13" s="60">
        <v>41</v>
      </c>
      <c r="IL13" s="61">
        <v>24</v>
      </c>
      <c r="IM13" s="62">
        <v>65</v>
      </c>
      <c r="IN13" s="231"/>
      <c r="IO13" s="61">
        <v>38</v>
      </c>
      <c r="IP13" s="61">
        <v>19</v>
      </c>
      <c r="IQ13" s="61">
        <v>15</v>
      </c>
      <c r="IR13" s="61">
        <v>13</v>
      </c>
      <c r="IS13" s="61">
        <v>9</v>
      </c>
      <c r="IT13" s="62">
        <v>94</v>
      </c>
      <c r="IU13" s="63">
        <v>159</v>
      </c>
      <c r="IV13" s="60">
        <v>71</v>
      </c>
      <c r="IW13" s="61">
        <v>45</v>
      </c>
      <c r="IX13" s="62">
        <v>116</v>
      </c>
      <c r="IY13" s="231"/>
      <c r="IZ13" s="61">
        <v>89</v>
      </c>
      <c r="JA13" s="61">
        <v>51</v>
      </c>
      <c r="JB13" s="61">
        <v>40</v>
      </c>
      <c r="JC13" s="61">
        <v>30</v>
      </c>
      <c r="JD13" s="61">
        <v>13</v>
      </c>
      <c r="JE13" s="62">
        <v>223</v>
      </c>
      <c r="JF13" s="63">
        <v>339</v>
      </c>
      <c r="JG13" s="60">
        <v>83</v>
      </c>
      <c r="JH13" s="61">
        <v>37</v>
      </c>
      <c r="JI13" s="62">
        <v>120</v>
      </c>
      <c r="JJ13" s="231"/>
      <c r="JK13" s="61">
        <v>104</v>
      </c>
      <c r="JL13" s="61">
        <v>65</v>
      </c>
      <c r="JM13" s="61">
        <v>73</v>
      </c>
      <c r="JN13" s="61">
        <v>54</v>
      </c>
      <c r="JO13" s="61">
        <v>27</v>
      </c>
      <c r="JP13" s="62">
        <v>323</v>
      </c>
      <c r="JQ13" s="63">
        <v>443</v>
      </c>
      <c r="JR13" s="60">
        <v>0</v>
      </c>
      <c r="JS13" s="61">
        <v>0</v>
      </c>
      <c r="JT13" s="62">
        <v>0</v>
      </c>
      <c r="JU13" s="231"/>
      <c r="JV13" s="61">
        <v>0</v>
      </c>
      <c r="JW13" s="61">
        <v>0</v>
      </c>
      <c r="JX13" s="61">
        <v>0</v>
      </c>
      <c r="JY13" s="61">
        <v>0</v>
      </c>
      <c r="JZ13" s="61">
        <v>0</v>
      </c>
      <c r="KA13" s="62">
        <v>0</v>
      </c>
      <c r="KB13" s="63">
        <v>0</v>
      </c>
      <c r="KC13" s="60">
        <v>221</v>
      </c>
      <c r="KD13" s="61">
        <v>116</v>
      </c>
      <c r="KE13" s="62">
        <v>337</v>
      </c>
      <c r="KF13" s="231"/>
      <c r="KG13" s="61">
        <v>245</v>
      </c>
      <c r="KH13" s="61">
        <v>155</v>
      </c>
      <c r="KI13" s="61">
        <v>142</v>
      </c>
      <c r="KJ13" s="61">
        <v>105</v>
      </c>
      <c r="KK13" s="61">
        <v>57</v>
      </c>
      <c r="KL13" s="62">
        <v>704</v>
      </c>
      <c r="KM13" s="63">
        <v>1041</v>
      </c>
    </row>
    <row r="14" spans="2:299" ht="21" customHeight="1" x14ac:dyDescent="0.2">
      <c r="B14" s="472" t="s">
        <v>10</v>
      </c>
      <c r="C14" s="293">
        <v>346</v>
      </c>
      <c r="D14" s="72">
        <v>198</v>
      </c>
      <c r="E14" s="73">
        <v>544</v>
      </c>
      <c r="F14" s="228"/>
      <c r="G14" s="72">
        <v>329</v>
      </c>
      <c r="H14" s="72">
        <v>175</v>
      </c>
      <c r="I14" s="72">
        <v>131</v>
      </c>
      <c r="J14" s="72">
        <v>140</v>
      </c>
      <c r="K14" s="72">
        <v>83</v>
      </c>
      <c r="L14" s="74">
        <v>858</v>
      </c>
      <c r="M14" s="75">
        <v>1402</v>
      </c>
      <c r="N14" s="60">
        <v>3</v>
      </c>
      <c r="O14" s="61">
        <v>4</v>
      </c>
      <c r="P14" s="62">
        <v>7</v>
      </c>
      <c r="Q14" s="231"/>
      <c r="R14" s="61">
        <v>4</v>
      </c>
      <c r="S14" s="61">
        <v>4</v>
      </c>
      <c r="T14" s="61">
        <v>1</v>
      </c>
      <c r="U14" s="61">
        <v>3</v>
      </c>
      <c r="V14" s="61">
        <v>1</v>
      </c>
      <c r="W14" s="62">
        <v>13</v>
      </c>
      <c r="X14" s="63">
        <v>20</v>
      </c>
      <c r="Y14" s="60">
        <v>10</v>
      </c>
      <c r="Z14" s="61">
        <v>7</v>
      </c>
      <c r="AA14" s="62">
        <v>17</v>
      </c>
      <c r="AB14" s="231"/>
      <c r="AC14" s="61">
        <v>11</v>
      </c>
      <c r="AD14" s="61">
        <v>11</v>
      </c>
      <c r="AE14" s="61">
        <v>3</v>
      </c>
      <c r="AF14" s="61">
        <v>5</v>
      </c>
      <c r="AG14" s="61">
        <v>6</v>
      </c>
      <c r="AH14" s="62">
        <v>36</v>
      </c>
      <c r="AI14" s="63">
        <v>53</v>
      </c>
      <c r="AJ14" s="60">
        <v>28</v>
      </c>
      <c r="AK14" s="61">
        <v>13</v>
      </c>
      <c r="AL14" s="62">
        <v>41</v>
      </c>
      <c r="AM14" s="231"/>
      <c r="AN14" s="61">
        <v>24</v>
      </c>
      <c r="AO14" s="61">
        <v>14</v>
      </c>
      <c r="AP14" s="61">
        <v>8</v>
      </c>
      <c r="AQ14" s="61">
        <v>13</v>
      </c>
      <c r="AR14" s="61">
        <v>12</v>
      </c>
      <c r="AS14" s="62">
        <v>71</v>
      </c>
      <c r="AT14" s="63">
        <v>112</v>
      </c>
      <c r="AU14" s="60">
        <v>68</v>
      </c>
      <c r="AV14" s="61">
        <v>37</v>
      </c>
      <c r="AW14" s="62">
        <v>105</v>
      </c>
      <c r="AX14" s="231"/>
      <c r="AY14" s="61">
        <v>72</v>
      </c>
      <c r="AZ14" s="61">
        <v>29</v>
      </c>
      <c r="BA14" s="61">
        <v>23</v>
      </c>
      <c r="BB14" s="61">
        <v>16</v>
      </c>
      <c r="BC14" s="61">
        <v>13</v>
      </c>
      <c r="BD14" s="62">
        <v>153</v>
      </c>
      <c r="BE14" s="63">
        <v>258</v>
      </c>
      <c r="BF14" s="60">
        <v>140</v>
      </c>
      <c r="BG14" s="61">
        <v>78</v>
      </c>
      <c r="BH14" s="62">
        <v>218</v>
      </c>
      <c r="BI14" s="231"/>
      <c r="BJ14" s="61">
        <v>106</v>
      </c>
      <c r="BK14" s="61">
        <v>46</v>
      </c>
      <c r="BL14" s="61">
        <v>33</v>
      </c>
      <c r="BM14" s="61">
        <v>41</v>
      </c>
      <c r="BN14" s="61">
        <v>19</v>
      </c>
      <c r="BO14" s="62">
        <v>245</v>
      </c>
      <c r="BP14" s="63">
        <v>463</v>
      </c>
      <c r="BQ14" s="60">
        <v>97</v>
      </c>
      <c r="BR14" s="61">
        <v>59</v>
      </c>
      <c r="BS14" s="62">
        <v>156</v>
      </c>
      <c r="BT14" s="231"/>
      <c r="BU14" s="61">
        <v>112</v>
      </c>
      <c r="BV14" s="61">
        <v>71</v>
      </c>
      <c r="BW14" s="61">
        <v>63</v>
      </c>
      <c r="BX14" s="61">
        <v>62</v>
      </c>
      <c r="BY14" s="61">
        <v>32</v>
      </c>
      <c r="BZ14" s="62">
        <v>340</v>
      </c>
      <c r="CA14" s="63">
        <v>496</v>
      </c>
      <c r="CB14" s="60">
        <v>0</v>
      </c>
      <c r="CC14" s="61">
        <v>0</v>
      </c>
      <c r="CD14" s="62">
        <v>0</v>
      </c>
      <c r="CE14" s="231"/>
      <c r="CF14" s="61">
        <v>0</v>
      </c>
      <c r="CG14" s="61">
        <v>0</v>
      </c>
      <c r="CH14" s="61">
        <v>0</v>
      </c>
      <c r="CI14" s="61">
        <v>0</v>
      </c>
      <c r="CJ14" s="61">
        <v>0</v>
      </c>
      <c r="CK14" s="62">
        <v>0</v>
      </c>
      <c r="CL14" s="63">
        <v>0</v>
      </c>
      <c r="CM14" s="60">
        <v>346</v>
      </c>
      <c r="CN14" s="61">
        <v>198</v>
      </c>
      <c r="CO14" s="62">
        <v>544</v>
      </c>
      <c r="CP14" s="231"/>
      <c r="CQ14" s="61">
        <v>329</v>
      </c>
      <c r="CR14" s="61">
        <v>175</v>
      </c>
      <c r="CS14" s="61">
        <v>131</v>
      </c>
      <c r="CT14" s="61">
        <v>140</v>
      </c>
      <c r="CU14" s="61">
        <v>83</v>
      </c>
      <c r="CV14" s="62">
        <v>858</v>
      </c>
      <c r="CW14" s="63">
        <v>1402</v>
      </c>
      <c r="CX14" s="113">
        <v>48</v>
      </c>
      <c r="CY14" s="72">
        <v>31</v>
      </c>
      <c r="CZ14" s="73">
        <v>79</v>
      </c>
      <c r="DA14" s="228"/>
      <c r="DB14" s="72">
        <v>44</v>
      </c>
      <c r="DC14" s="72">
        <v>20</v>
      </c>
      <c r="DD14" s="72">
        <v>23</v>
      </c>
      <c r="DE14" s="72">
        <v>22</v>
      </c>
      <c r="DF14" s="72">
        <v>21</v>
      </c>
      <c r="DG14" s="74">
        <v>130</v>
      </c>
      <c r="DH14" s="75">
        <v>209</v>
      </c>
      <c r="DI14" s="60">
        <v>2</v>
      </c>
      <c r="DJ14" s="61">
        <v>2</v>
      </c>
      <c r="DK14" s="62">
        <v>4</v>
      </c>
      <c r="DL14" s="231"/>
      <c r="DM14" s="61">
        <v>0</v>
      </c>
      <c r="DN14" s="61">
        <v>0</v>
      </c>
      <c r="DO14" s="61">
        <v>1</v>
      </c>
      <c r="DP14" s="61">
        <v>0</v>
      </c>
      <c r="DQ14" s="61">
        <v>1</v>
      </c>
      <c r="DR14" s="62">
        <v>2</v>
      </c>
      <c r="DS14" s="63">
        <v>6</v>
      </c>
      <c r="DT14" s="60">
        <v>2</v>
      </c>
      <c r="DU14" s="61">
        <v>1</v>
      </c>
      <c r="DV14" s="62">
        <v>3</v>
      </c>
      <c r="DW14" s="231"/>
      <c r="DX14" s="61">
        <v>0</v>
      </c>
      <c r="DY14" s="61">
        <v>0</v>
      </c>
      <c r="DZ14" s="61">
        <v>1</v>
      </c>
      <c r="EA14" s="61">
        <v>2</v>
      </c>
      <c r="EB14" s="61">
        <v>1</v>
      </c>
      <c r="EC14" s="62">
        <v>4</v>
      </c>
      <c r="ED14" s="63">
        <v>7</v>
      </c>
      <c r="EE14" s="60">
        <v>4</v>
      </c>
      <c r="EF14" s="61">
        <v>2</v>
      </c>
      <c r="EG14" s="62">
        <v>6</v>
      </c>
      <c r="EH14" s="231"/>
      <c r="EI14" s="61">
        <v>2</v>
      </c>
      <c r="EJ14" s="61">
        <v>1</v>
      </c>
      <c r="EK14" s="61">
        <v>1</v>
      </c>
      <c r="EL14" s="61">
        <v>0</v>
      </c>
      <c r="EM14" s="61">
        <v>0</v>
      </c>
      <c r="EN14" s="62">
        <v>4</v>
      </c>
      <c r="EO14" s="63">
        <v>10</v>
      </c>
      <c r="EP14" s="60">
        <v>9</v>
      </c>
      <c r="EQ14" s="61">
        <v>4</v>
      </c>
      <c r="ER14" s="62">
        <v>13</v>
      </c>
      <c r="ES14" s="231"/>
      <c r="ET14" s="61">
        <v>6</v>
      </c>
      <c r="EU14" s="61">
        <v>1</v>
      </c>
      <c r="EV14" s="61">
        <v>4</v>
      </c>
      <c r="EW14" s="61">
        <v>4</v>
      </c>
      <c r="EX14" s="61">
        <v>2</v>
      </c>
      <c r="EY14" s="62">
        <v>17</v>
      </c>
      <c r="EZ14" s="63">
        <v>30</v>
      </c>
      <c r="FA14" s="60">
        <v>21</v>
      </c>
      <c r="FB14" s="61">
        <v>11</v>
      </c>
      <c r="FC14" s="62">
        <v>32</v>
      </c>
      <c r="FD14" s="231"/>
      <c r="FE14" s="61">
        <v>15</v>
      </c>
      <c r="FF14" s="61">
        <v>5</v>
      </c>
      <c r="FG14" s="61">
        <v>5</v>
      </c>
      <c r="FH14" s="61">
        <v>1</v>
      </c>
      <c r="FI14" s="61">
        <v>10</v>
      </c>
      <c r="FJ14" s="62">
        <v>36</v>
      </c>
      <c r="FK14" s="63">
        <v>68</v>
      </c>
      <c r="FL14" s="60">
        <v>10</v>
      </c>
      <c r="FM14" s="61">
        <v>11</v>
      </c>
      <c r="FN14" s="62">
        <v>21</v>
      </c>
      <c r="FO14" s="231"/>
      <c r="FP14" s="61">
        <v>21</v>
      </c>
      <c r="FQ14" s="61">
        <v>13</v>
      </c>
      <c r="FR14" s="61">
        <v>11</v>
      </c>
      <c r="FS14" s="61">
        <v>15</v>
      </c>
      <c r="FT14" s="61">
        <v>7</v>
      </c>
      <c r="FU14" s="62">
        <v>67</v>
      </c>
      <c r="FV14" s="63">
        <v>88</v>
      </c>
      <c r="FW14" s="60">
        <v>0</v>
      </c>
      <c r="FX14" s="61">
        <v>0</v>
      </c>
      <c r="FY14" s="62">
        <v>0</v>
      </c>
      <c r="FZ14" s="231"/>
      <c r="GA14" s="61">
        <v>0</v>
      </c>
      <c r="GB14" s="61">
        <v>0</v>
      </c>
      <c r="GC14" s="61">
        <v>0</v>
      </c>
      <c r="GD14" s="61">
        <v>0</v>
      </c>
      <c r="GE14" s="61">
        <v>0</v>
      </c>
      <c r="GF14" s="62">
        <v>0</v>
      </c>
      <c r="GG14" s="63">
        <v>0</v>
      </c>
      <c r="GH14" s="60">
        <v>48</v>
      </c>
      <c r="GI14" s="61">
        <v>31</v>
      </c>
      <c r="GJ14" s="62">
        <v>79</v>
      </c>
      <c r="GK14" s="231"/>
      <c r="GL14" s="61">
        <v>44</v>
      </c>
      <c r="GM14" s="61">
        <v>20</v>
      </c>
      <c r="GN14" s="61">
        <v>23</v>
      </c>
      <c r="GO14" s="61">
        <v>22</v>
      </c>
      <c r="GP14" s="61">
        <v>21</v>
      </c>
      <c r="GQ14" s="62">
        <v>130</v>
      </c>
      <c r="GR14" s="63">
        <v>209</v>
      </c>
      <c r="GS14" s="113">
        <v>394</v>
      </c>
      <c r="GT14" s="72">
        <v>229</v>
      </c>
      <c r="GU14" s="73">
        <v>623</v>
      </c>
      <c r="GV14" s="228"/>
      <c r="GW14" s="72">
        <v>373</v>
      </c>
      <c r="GX14" s="72">
        <v>195</v>
      </c>
      <c r="GY14" s="72">
        <v>154</v>
      </c>
      <c r="GZ14" s="72">
        <v>162</v>
      </c>
      <c r="HA14" s="72">
        <v>104</v>
      </c>
      <c r="HB14" s="74">
        <v>988</v>
      </c>
      <c r="HC14" s="75">
        <v>1611</v>
      </c>
      <c r="HD14" s="60">
        <v>5</v>
      </c>
      <c r="HE14" s="61">
        <v>6</v>
      </c>
      <c r="HF14" s="62">
        <v>11</v>
      </c>
      <c r="HG14" s="231"/>
      <c r="HH14" s="61">
        <v>4</v>
      </c>
      <c r="HI14" s="61">
        <v>4</v>
      </c>
      <c r="HJ14" s="61">
        <v>2</v>
      </c>
      <c r="HK14" s="61">
        <v>3</v>
      </c>
      <c r="HL14" s="61">
        <v>2</v>
      </c>
      <c r="HM14" s="62">
        <v>15</v>
      </c>
      <c r="HN14" s="63">
        <v>26</v>
      </c>
      <c r="HO14" s="60">
        <v>12</v>
      </c>
      <c r="HP14" s="61">
        <v>8</v>
      </c>
      <c r="HQ14" s="62">
        <v>20</v>
      </c>
      <c r="HR14" s="231"/>
      <c r="HS14" s="61">
        <v>11</v>
      </c>
      <c r="HT14" s="61">
        <v>11</v>
      </c>
      <c r="HU14" s="61">
        <v>4</v>
      </c>
      <c r="HV14" s="61">
        <v>7</v>
      </c>
      <c r="HW14" s="61">
        <v>7</v>
      </c>
      <c r="HX14" s="62">
        <v>40</v>
      </c>
      <c r="HY14" s="63">
        <v>60</v>
      </c>
      <c r="HZ14" s="60">
        <v>32</v>
      </c>
      <c r="IA14" s="61">
        <v>15</v>
      </c>
      <c r="IB14" s="62">
        <v>47</v>
      </c>
      <c r="IC14" s="231"/>
      <c r="ID14" s="61">
        <v>26</v>
      </c>
      <c r="IE14" s="61">
        <v>15</v>
      </c>
      <c r="IF14" s="61">
        <v>9</v>
      </c>
      <c r="IG14" s="61">
        <v>13</v>
      </c>
      <c r="IH14" s="61">
        <v>12</v>
      </c>
      <c r="II14" s="62">
        <v>75</v>
      </c>
      <c r="IJ14" s="63">
        <v>122</v>
      </c>
      <c r="IK14" s="60">
        <v>77</v>
      </c>
      <c r="IL14" s="61">
        <v>41</v>
      </c>
      <c r="IM14" s="62">
        <v>118</v>
      </c>
      <c r="IN14" s="231"/>
      <c r="IO14" s="61">
        <v>78</v>
      </c>
      <c r="IP14" s="61">
        <v>30</v>
      </c>
      <c r="IQ14" s="61">
        <v>27</v>
      </c>
      <c r="IR14" s="61">
        <v>20</v>
      </c>
      <c r="IS14" s="61">
        <v>15</v>
      </c>
      <c r="IT14" s="62">
        <v>170</v>
      </c>
      <c r="IU14" s="63">
        <v>288</v>
      </c>
      <c r="IV14" s="60">
        <v>161</v>
      </c>
      <c r="IW14" s="61">
        <v>89</v>
      </c>
      <c r="IX14" s="62">
        <v>250</v>
      </c>
      <c r="IY14" s="231"/>
      <c r="IZ14" s="61">
        <v>121</v>
      </c>
      <c r="JA14" s="61">
        <v>51</v>
      </c>
      <c r="JB14" s="61">
        <v>38</v>
      </c>
      <c r="JC14" s="61">
        <v>42</v>
      </c>
      <c r="JD14" s="61">
        <v>29</v>
      </c>
      <c r="JE14" s="62">
        <v>281</v>
      </c>
      <c r="JF14" s="63">
        <v>531</v>
      </c>
      <c r="JG14" s="60">
        <v>107</v>
      </c>
      <c r="JH14" s="61">
        <v>70</v>
      </c>
      <c r="JI14" s="62">
        <v>177</v>
      </c>
      <c r="JJ14" s="231"/>
      <c r="JK14" s="61">
        <v>133</v>
      </c>
      <c r="JL14" s="61">
        <v>84</v>
      </c>
      <c r="JM14" s="61">
        <v>74</v>
      </c>
      <c r="JN14" s="61">
        <v>77</v>
      </c>
      <c r="JO14" s="61">
        <v>39</v>
      </c>
      <c r="JP14" s="62">
        <v>407</v>
      </c>
      <c r="JQ14" s="63">
        <v>584</v>
      </c>
      <c r="JR14" s="60">
        <v>0</v>
      </c>
      <c r="JS14" s="61">
        <v>0</v>
      </c>
      <c r="JT14" s="62">
        <v>0</v>
      </c>
      <c r="JU14" s="231"/>
      <c r="JV14" s="61">
        <v>0</v>
      </c>
      <c r="JW14" s="61">
        <v>0</v>
      </c>
      <c r="JX14" s="61">
        <v>0</v>
      </c>
      <c r="JY14" s="61">
        <v>0</v>
      </c>
      <c r="JZ14" s="61">
        <v>0</v>
      </c>
      <c r="KA14" s="62">
        <v>0</v>
      </c>
      <c r="KB14" s="63">
        <v>0</v>
      </c>
      <c r="KC14" s="60">
        <v>394</v>
      </c>
      <c r="KD14" s="61">
        <v>229</v>
      </c>
      <c r="KE14" s="62">
        <v>623</v>
      </c>
      <c r="KF14" s="231"/>
      <c r="KG14" s="61">
        <v>373</v>
      </c>
      <c r="KH14" s="61">
        <v>195</v>
      </c>
      <c r="KI14" s="61">
        <v>154</v>
      </c>
      <c r="KJ14" s="61">
        <v>162</v>
      </c>
      <c r="KK14" s="61">
        <v>104</v>
      </c>
      <c r="KL14" s="62">
        <v>988</v>
      </c>
      <c r="KM14" s="63">
        <v>1611</v>
      </c>
    </row>
    <row r="15" spans="2:299" ht="21" customHeight="1" x14ac:dyDescent="0.2">
      <c r="B15" s="472" t="s">
        <v>11</v>
      </c>
      <c r="C15" s="293">
        <v>85</v>
      </c>
      <c r="D15" s="72">
        <v>65</v>
      </c>
      <c r="E15" s="73">
        <v>150</v>
      </c>
      <c r="F15" s="228"/>
      <c r="G15" s="72">
        <v>134</v>
      </c>
      <c r="H15" s="72">
        <v>84</v>
      </c>
      <c r="I15" s="72">
        <v>60</v>
      </c>
      <c r="J15" s="72">
        <v>61</v>
      </c>
      <c r="K15" s="72">
        <v>23</v>
      </c>
      <c r="L15" s="74">
        <v>362</v>
      </c>
      <c r="M15" s="75">
        <v>512</v>
      </c>
      <c r="N15" s="60">
        <v>2</v>
      </c>
      <c r="O15" s="61">
        <v>0</v>
      </c>
      <c r="P15" s="62">
        <v>2</v>
      </c>
      <c r="Q15" s="231"/>
      <c r="R15" s="61">
        <v>5</v>
      </c>
      <c r="S15" s="61">
        <v>2</v>
      </c>
      <c r="T15" s="61">
        <v>0</v>
      </c>
      <c r="U15" s="61">
        <v>1</v>
      </c>
      <c r="V15" s="61">
        <v>0</v>
      </c>
      <c r="W15" s="62">
        <v>8</v>
      </c>
      <c r="X15" s="63">
        <v>10</v>
      </c>
      <c r="Y15" s="60">
        <v>5</v>
      </c>
      <c r="Z15" s="61">
        <v>5</v>
      </c>
      <c r="AA15" s="62">
        <v>10</v>
      </c>
      <c r="AB15" s="231"/>
      <c r="AC15" s="61">
        <v>7</v>
      </c>
      <c r="AD15" s="61">
        <v>4</v>
      </c>
      <c r="AE15" s="61">
        <v>10</v>
      </c>
      <c r="AF15" s="61">
        <v>7</v>
      </c>
      <c r="AG15" s="61">
        <v>2</v>
      </c>
      <c r="AH15" s="62">
        <v>30</v>
      </c>
      <c r="AI15" s="63">
        <v>40</v>
      </c>
      <c r="AJ15" s="60">
        <v>4</v>
      </c>
      <c r="AK15" s="61">
        <v>3</v>
      </c>
      <c r="AL15" s="62">
        <v>7</v>
      </c>
      <c r="AM15" s="231"/>
      <c r="AN15" s="61">
        <v>9</v>
      </c>
      <c r="AO15" s="61">
        <v>7</v>
      </c>
      <c r="AP15" s="61">
        <v>4</v>
      </c>
      <c r="AQ15" s="61">
        <v>5</v>
      </c>
      <c r="AR15" s="61">
        <v>1</v>
      </c>
      <c r="AS15" s="62">
        <v>26</v>
      </c>
      <c r="AT15" s="63">
        <v>33</v>
      </c>
      <c r="AU15" s="60">
        <v>12</v>
      </c>
      <c r="AV15" s="61">
        <v>12</v>
      </c>
      <c r="AW15" s="62">
        <v>24</v>
      </c>
      <c r="AX15" s="231"/>
      <c r="AY15" s="61">
        <v>22</v>
      </c>
      <c r="AZ15" s="61">
        <v>11</v>
      </c>
      <c r="BA15" s="61">
        <v>6</v>
      </c>
      <c r="BB15" s="61">
        <v>6</v>
      </c>
      <c r="BC15" s="61">
        <v>4</v>
      </c>
      <c r="BD15" s="62">
        <v>49</v>
      </c>
      <c r="BE15" s="63">
        <v>73</v>
      </c>
      <c r="BF15" s="60">
        <v>30</v>
      </c>
      <c r="BG15" s="61">
        <v>23</v>
      </c>
      <c r="BH15" s="62">
        <v>53</v>
      </c>
      <c r="BI15" s="231"/>
      <c r="BJ15" s="61">
        <v>44</v>
      </c>
      <c r="BK15" s="61">
        <v>25</v>
      </c>
      <c r="BL15" s="61">
        <v>16</v>
      </c>
      <c r="BM15" s="61">
        <v>22</v>
      </c>
      <c r="BN15" s="61">
        <v>11</v>
      </c>
      <c r="BO15" s="62">
        <v>118</v>
      </c>
      <c r="BP15" s="63">
        <v>171</v>
      </c>
      <c r="BQ15" s="60">
        <v>32</v>
      </c>
      <c r="BR15" s="61">
        <v>22</v>
      </c>
      <c r="BS15" s="62">
        <v>54</v>
      </c>
      <c r="BT15" s="231"/>
      <c r="BU15" s="61">
        <v>47</v>
      </c>
      <c r="BV15" s="61">
        <v>35</v>
      </c>
      <c r="BW15" s="61">
        <v>24</v>
      </c>
      <c r="BX15" s="61">
        <v>20</v>
      </c>
      <c r="BY15" s="61">
        <v>5</v>
      </c>
      <c r="BZ15" s="62">
        <v>131</v>
      </c>
      <c r="CA15" s="63">
        <v>185</v>
      </c>
      <c r="CB15" s="60">
        <v>0</v>
      </c>
      <c r="CC15" s="61">
        <v>0</v>
      </c>
      <c r="CD15" s="62">
        <v>0</v>
      </c>
      <c r="CE15" s="231"/>
      <c r="CF15" s="61">
        <v>0</v>
      </c>
      <c r="CG15" s="61">
        <v>0</v>
      </c>
      <c r="CH15" s="61">
        <v>0</v>
      </c>
      <c r="CI15" s="61">
        <v>0</v>
      </c>
      <c r="CJ15" s="61">
        <v>0</v>
      </c>
      <c r="CK15" s="62">
        <v>0</v>
      </c>
      <c r="CL15" s="63">
        <v>0</v>
      </c>
      <c r="CM15" s="60">
        <v>85</v>
      </c>
      <c r="CN15" s="61">
        <v>65</v>
      </c>
      <c r="CO15" s="62">
        <v>150</v>
      </c>
      <c r="CP15" s="231"/>
      <c r="CQ15" s="61">
        <v>134</v>
      </c>
      <c r="CR15" s="61">
        <v>84</v>
      </c>
      <c r="CS15" s="61">
        <v>60</v>
      </c>
      <c r="CT15" s="61">
        <v>61</v>
      </c>
      <c r="CU15" s="61">
        <v>23</v>
      </c>
      <c r="CV15" s="62">
        <v>362</v>
      </c>
      <c r="CW15" s="63">
        <v>512</v>
      </c>
      <c r="CX15" s="113">
        <v>9</v>
      </c>
      <c r="CY15" s="72">
        <v>10</v>
      </c>
      <c r="CZ15" s="73">
        <v>19</v>
      </c>
      <c r="DA15" s="228"/>
      <c r="DB15" s="72">
        <v>15</v>
      </c>
      <c r="DC15" s="72">
        <v>14</v>
      </c>
      <c r="DD15" s="72">
        <v>7</v>
      </c>
      <c r="DE15" s="72">
        <v>22</v>
      </c>
      <c r="DF15" s="72">
        <v>6</v>
      </c>
      <c r="DG15" s="74">
        <v>64</v>
      </c>
      <c r="DH15" s="75">
        <v>83</v>
      </c>
      <c r="DI15" s="60">
        <v>0</v>
      </c>
      <c r="DJ15" s="61">
        <v>0</v>
      </c>
      <c r="DK15" s="62">
        <v>0</v>
      </c>
      <c r="DL15" s="231"/>
      <c r="DM15" s="61">
        <v>0</v>
      </c>
      <c r="DN15" s="61">
        <v>0</v>
      </c>
      <c r="DO15" s="61">
        <v>0</v>
      </c>
      <c r="DP15" s="61">
        <v>0</v>
      </c>
      <c r="DQ15" s="61">
        <v>0</v>
      </c>
      <c r="DR15" s="62">
        <v>0</v>
      </c>
      <c r="DS15" s="63">
        <v>0</v>
      </c>
      <c r="DT15" s="60">
        <v>1</v>
      </c>
      <c r="DU15" s="61">
        <v>0</v>
      </c>
      <c r="DV15" s="62">
        <v>1</v>
      </c>
      <c r="DW15" s="231"/>
      <c r="DX15" s="61">
        <v>2</v>
      </c>
      <c r="DY15" s="61">
        <v>0</v>
      </c>
      <c r="DZ15" s="61">
        <v>1</v>
      </c>
      <c r="EA15" s="61">
        <v>1</v>
      </c>
      <c r="EB15" s="61">
        <v>0</v>
      </c>
      <c r="EC15" s="62">
        <v>4</v>
      </c>
      <c r="ED15" s="63">
        <v>5</v>
      </c>
      <c r="EE15" s="60">
        <v>1</v>
      </c>
      <c r="EF15" s="61">
        <v>0</v>
      </c>
      <c r="EG15" s="62">
        <v>1</v>
      </c>
      <c r="EH15" s="231"/>
      <c r="EI15" s="61">
        <v>2</v>
      </c>
      <c r="EJ15" s="61">
        <v>1</v>
      </c>
      <c r="EK15" s="61">
        <v>0</v>
      </c>
      <c r="EL15" s="61">
        <v>0</v>
      </c>
      <c r="EM15" s="61">
        <v>2</v>
      </c>
      <c r="EN15" s="62">
        <v>5</v>
      </c>
      <c r="EO15" s="63">
        <v>6</v>
      </c>
      <c r="EP15" s="60">
        <v>1</v>
      </c>
      <c r="EQ15" s="61">
        <v>2</v>
      </c>
      <c r="ER15" s="62">
        <v>3</v>
      </c>
      <c r="ES15" s="231"/>
      <c r="ET15" s="61">
        <v>1</v>
      </c>
      <c r="EU15" s="61">
        <v>1</v>
      </c>
      <c r="EV15" s="61">
        <v>0</v>
      </c>
      <c r="EW15" s="61">
        <v>0</v>
      </c>
      <c r="EX15" s="61">
        <v>1</v>
      </c>
      <c r="EY15" s="62">
        <v>3</v>
      </c>
      <c r="EZ15" s="63">
        <v>6</v>
      </c>
      <c r="FA15" s="60">
        <v>2</v>
      </c>
      <c r="FB15" s="61">
        <v>6</v>
      </c>
      <c r="FC15" s="62">
        <v>8</v>
      </c>
      <c r="FD15" s="231"/>
      <c r="FE15" s="61">
        <v>6</v>
      </c>
      <c r="FF15" s="61">
        <v>7</v>
      </c>
      <c r="FG15" s="61">
        <v>1</v>
      </c>
      <c r="FH15" s="61">
        <v>6</v>
      </c>
      <c r="FI15" s="61">
        <v>0</v>
      </c>
      <c r="FJ15" s="62">
        <v>20</v>
      </c>
      <c r="FK15" s="63">
        <v>28</v>
      </c>
      <c r="FL15" s="60">
        <v>4</v>
      </c>
      <c r="FM15" s="61">
        <v>2</v>
      </c>
      <c r="FN15" s="62">
        <v>6</v>
      </c>
      <c r="FO15" s="231"/>
      <c r="FP15" s="61">
        <v>4</v>
      </c>
      <c r="FQ15" s="61">
        <v>5</v>
      </c>
      <c r="FR15" s="61">
        <v>5</v>
      </c>
      <c r="FS15" s="61">
        <v>15</v>
      </c>
      <c r="FT15" s="61">
        <v>3</v>
      </c>
      <c r="FU15" s="62">
        <v>32</v>
      </c>
      <c r="FV15" s="63">
        <v>38</v>
      </c>
      <c r="FW15" s="60">
        <v>0</v>
      </c>
      <c r="FX15" s="61">
        <v>0</v>
      </c>
      <c r="FY15" s="62">
        <v>0</v>
      </c>
      <c r="FZ15" s="231"/>
      <c r="GA15" s="61">
        <v>0</v>
      </c>
      <c r="GB15" s="61">
        <v>0</v>
      </c>
      <c r="GC15" s="61">
        <v>0</v>
      </c>
      <c r="GD15" s="61">
        <v>0</v>
      </c>
      <c r="GE15" s="61">
        <v>0</v>
      </c>
      <c r="GF15" s="62">
        <v>0</v>
      </c>
      <c r="GG15" s="63">
        <v>0</v>
      </c>
      <c r="GH15" s="60">
        <v>9</v>
      </c>
      <c r="GI15" s="61">
        <v>10</v>
      </c>
      <c r="GJ15" s="62">
        <v>19</v>
      </c>
      <c r="GK15" s="231"/>
      <c r="GL15" s="61">
        <v>15</v>
      </c>
      <c r="GM15" s="61">
        <v>14</v>
      </c>
      <c r="GN15" s="61">
        <v>7</v>
      </c>
      <c r="GO15" s="61">
        <v>22</v>
      </c>
      <c r="GP15" s="61">
        <v>6</v>
      </c>
      <c r="GQ15" s="62">
        <v>64</v>
      </c>
      <c r="GR15" s="63">
        <v>83</v>
      </c>
      <c r="GS15" s="113">
        <v>94</v>
      </c>
      <c r="GT15" s="72">
        <v>75</v>
      </c>
      <c r="GU15" s="73">
        <v>169</v>
      </c>
      <c r="GV15" s="228"/>
      <c r="GW15" s="72">
        <v>149</v>
      </c>
      <c r="GX15" s="72">
        <v>98</v>
      </c>
      <c r="GY15" s="72">
        <v>67</v>
      </c>
      <c r="GZ15" s="72">
        <v>83</v>
      </c>
      <c r="HA15" s="72">
        <v>29</v>
      </c>
      <c r="HB15" s="74">
        <v>426</v>
      </c>
      <c r="HC15" s="75">
        <v>595</v>
      </c>
      <c r="HD15" s="60">
        <v>2</v>
      </c>
      <c r="HE15" s="61">
        <v>0</v>
      </c>
      <c r="HF15" s="62">
        <v>2</v>
      </c>
      <c r="HG15" s="231"/>
      <c r="HH15" s="61">
        <v>5</v>
      </c>
      <c r="HI15" s="61">
        <v>2</v>
      </c>
      <c r="HJ15" s="61">
        <v>0</v>
      </c>
      <c r="HK15" s="61">
        <v>1</v>
      </c>
      <c r="HL15" s="61">
        <v>0</v>
      </c>
      <c r="HM15" s="62">
        <v>8</v>
      </c>
      <c r="HN15" s="63">
        <v>10</v>
      </c>
      <c r="HO15" s="60">
        <v>6</v>
      </c>
      <c r="HP15" s="61">
        <v>5</v>
      </c>
      <c r="HQ15" s="62">
        <v>11</v>
      </c>
      <c r="HR15" s="231"/>
      <c r="HS15" s="61">
        <v>9</v>
      </c>
      <c r="HT15" s="61">
        <v>4</v>
      </c>
      <c r="HU15" s="61">
        <v>11</v>
      </c>
      <c r="HV15" s="61">
        <v>8</v>
      </c>
      <c r="HW15" s="61">
        <v>2</v>
      </c>
      <c r="HX15" s="62">
        <v>34</v>
      </c>
      <c r="HY15" s="63">
        <v>45</v>
      </c>
      <c r="HZ15" s="60">
        <v>5</v>
      </c>
      <c r="IA15" s="61">
        <v>3</v>
      </c>
      <c r="IB15" s="62">
        <v>8</v>
      </c>
      <c r="IC15" s="231"/>
      <c r="ID15" s="61">
        <v>11</v>
      </c>
      <c r="IE15" s="61">
        <v>8</v>
      </c>
      <c r="IF15" s="61">
        <v>4</v>
      </c>
      <c r="IG15" s="61">
        <v>5</v>
      </c>
      <c r="IH15" s="61">
        <v>3</v>
      </c>
      <c r="II15" s="62">
        <v>31</v>
      </c>
      <c r="IJ15" s="63">
        <v>39</v>
      </c>
      <c r="IK15" s="60">
        <v>13</v>
      </c>
      <c r="IL15" s="61">
        <v>14</v>
      </c>
      <c r="IM15" s="62">
        <v>27</v>
      </c>
      <c r="IN15" s="231"/>
      <c r="IO15" s="61">
        <v>23</v>
      </c>
      <c r="IP15" s="61">
        <v>12</v>
      </c>
      <c r="IQ15" s="61">
        <v>6</v>
      </c>
      <c r="IR15" s="61">
        <v>6</v>
      </c>
      <c r="IS15" s="61">
        <v>5</v>
      </c>
      <c r="IT15" s="62">
        <v>52</v>
      </c>
      <c r="IU15" s="63">
        <v>79</v>
      </c>
      <c r="IV15" s="60">
        <v>32</v>
      </c>
      <c r="IW15" s="61">
        <v>29</v>
      </c>
      <c r="IX15" s="62">
        <v>61</v>
      </c>
      <c r="IY15" s="231"/>
      <c r="IZ15" s="61">
        <v>50</v>
      </c>
      <c r="JA15" s="61">
        <v>32</v>
      </c>
      <c r="JB15" s="61">
        <v>17</v>
      </c>
      <c r="JC15" s="61">
        <v>28</v>
      </c>
      <c r="JD15" s="61">
        <v>11</v>
      </c>
      <c r="JE15" s="62">
        <v>138</v>
      </c>
      <c r="JF15" s="63">
        <v>199</v>
      </c>
      <c r="JG15" s="60">
        <v>36</v>
      </c>
      <c r="JH15" s="61">
        <v>24</v>
      </c>
      <c r="JI15" s="62">
        <v>60</v>
      </c>
      <c r="JJ15" s="231"/>
      <c r="JK15" s="61">
        <v>51</v>
      </c>
      <c r="JL15" s="61">
        <v>40</v>
      </c>
      <c r="JM15" s="61">
        <v>29</v>
      </c>
      <c r="JN15" s="61">
        <v>35</v>
      </c>
      <c r="JO15" s="61">
        <v>8</v>
      </c>
      <c r="JP15" s="62">
        <v>163</v>
      </c>
      <c r="JQ15" s="63">
        <v>223</v>
      </c>
      <c r="JR15" s="60">
        <v>0</v>
      </c>
      <c r="JS15" s="61">
        <v>0</v>
      </c>
      <c r="JT15" s="62">
        <v>0</v>
      </c>
      <c r="JU15" s="231"/>
      <c r="JV15" s="61">
        <v>0</v>
      </c>
      <c r="JW15" s="61">
        <v>0</v>
      </c>
      <c r="JX15" s="61">
        <v>0</v>
      </c>
      <c r="JY15" s="61">
        <v>0</v>
      </c>
      <c r="JZ15" s="61">
        <v>0</v>
      </c>
      <c r="KA15" s="62">
        <v>0</v>
      </c>
      <c r="KB15" s="63">
        <v>0</v>
      </c>
      <c r="KC15" s="60">
        <v>94</v>
      </c>
      <c r="KD15" s="61">
        <v>75</v>
      </c>
      <c r="KE15" s="62">
        <v>169</v>
      </c>
      <c r="KF15" s="231"/>
      <c r="KG15" s="61">
        <v>149</v>
      </c>
      <c r="KH15" s="61">
        <v>98</v>
      </c>
      <c r="KI15" s="61">
        <v>67</v>
      </c>
      <c r="KJ15" s="61">
        <v>83</v>
      </c>
      <c r="KK15" s="61">
        <v>29</v>
      </c>
      <c r="KL15" s="62">
        <v>426</v>
      </c>
      <c r="KM15" s="63">
        <v>595</v>
      </c>
    </row>
    <row r="16" spans="2:299" ht="21" customHeight="1" x14ac:dyDescent="0.2">
      <c r="B16" s="472" t="s">
        <v>12</v>
      </c>
      <c r="C16" s="293">
        <v>139</v>
      </c>
      <c r="D16" s="72">
        <v>140</v>
      </c>
      <c r="E16" s="73">
        <v>279</v>
      </c>
      <c r="F16" s="228"/>
      <c r="G16" s="72">
        <v>163</v>
      </c>
      <c r="H16" s="72">
        <v>129</v>
      </c>
      <c r="I16" s="72">
        <v>87</v>
      </c>
      <c r="J16" s="72">
        <v>91</v>
      </c>
      <c r="K16" s="72">
        <v>34</v>
      </c>
      <c r="L16" s="74">
        <v>504</v>
      </c>
      <c r="M16" s="75">
        <v>783</v>
      </c>
      <c r="N16" s="76">
        <v>4</v>
      </c>
      <c r="O16" s="61">
        <v>0</v>
      </c>
      <c r="P16" s="62">
        <v>4</v>
      </c>
      <c r="Q16" s="231"/>
      <c r="R16" s="61">
        <v>1</v>
      </c>
      <c r="S16" s="61">
        <v>2</v>
      </c>
      <c r="T16" s="61">
        <v>0</v>
      </c>
      <c r="U16" s="61">
        <v>3</v>
      </c>
      <c r="V16" s="61">
        <v>0</v>
      </c>
      <c r="W16" s="62">
        <v>6</v>
      </c>
      <c r="X16" s="63">
        <v>10</v>
      </c>
      <c r="Y16" s="60">
        <v>2</v>
      </c>
      <c r="Z16" s="61">
        <v>9</v>
      </c>
      <c r="AA16" s="62">
        <v>11</v>
      </c>
      <c r="AB16" s="231"/>
      <c r="AC16" s="61">
        <v>6</v>
      </c>
      <c r="AD16" s="61">
        <v>4</v>
      </c>
      <c r="AE16" s="61">
        <v>4</v>
      </c>
      <c r="AF16" s="61">
        <v>3</v>
      </c>
      <c r="AG16" s="61">
        <v>3</v>
      </c>
      <c r="AH16" s="62">
        <v>20</v>
      </c>
      <c r="AI16" s="63">
        <v>31</v>
      </c>
      <c r="AJ16" s="76">
        <v>5</v>
      </c>
      <c r="AK16" s="61">
        <v>18</v>
      </c>
      <c r="AL16" s="62">
        <v>23</v>
      </c>
      <c r="AM16" s="231"/>
      <c r="AN16" s="61">
        <v>10</v>
      </c>
      <c r="AO16" s="61">
        <v>6</v>
      </c>
      <c r="AP16" s="61">
        <v>8</v>
      </c>
      <c r="AQ16" s="61">
        <v>11</v>
      </c>
      <c r="AR16" s="61">
        <v>3</v>
      </c>
      <c r="AS16" s="62">
        <v>38</v>
      </c>
      <c r="AT16" s="63">
        <v>61</v>
      </c>
      <c r="AU16" s="60">
        <v>41</v>
      </c>
      <c r="AV16" s="61">
        <v>21</v>
      </c>
      <c r="AW16" s="62">
        <v>62</v>
      </c>
      <c r="AX16" s="231"/>
      <c r="AY16" s="61">
        <v>32</v>
      </c>
      <c r="AZ16" s="61">
        <v>23</v>
      </c>
      <c r="BA16" s="61">
        <v>13</v>
      </c>
      <c r="BB16" s="61">
        <v>14</v>
      </c>
      <c r="BC16" s="61">
        <v>5</v>
      </c>
      <c r="BD16" s="62">
        <v>87</v>
      </c>
      <c r="BE16" s="63">
        <v>149</v>
      </c>
      <c r="BF16" s="76">
        <v>44</v>
      </c>
      <c r="BG16" s="61">
        <v>40</v>
      </c>
      <c r="BH16" s="62">
        <v>84</v>
      </c>
      <c r="BI16" s="231"/>
      <c r="BJ16" s="61">
        <v>62</v>
      </c>
      <c r="BK16" s="61">
        <v>37</v>
      </c>
      <c r="BL16" s="61">
        <v>29</v>
      </c>
      <c r="BM16" s="61">
        <v>23</v>
      </c>
      <c r="BN16" s="61">
        <v>16</v>
      </c>
      <c r="BO16" s="62">
        <v>167</v>
      </c>
      <c r="BP16" s="63">
        <v>251</v>
      </c>
      <c r="BQ16" s="60">
        <v>43</v>
      </c>
      <c r="BR16" s="61">
        <v>52</v>
      </c>
      <c r="BS16" s="62">
        <v>95</v>
      </c>
      <c r="BT16" s="231"/>
      <c r="BU16" s="61">
        <v>52</v>
      </c>
      <c r="BV16" s="61">
        <v>57</v>
      </c>
      <c r="BW16" s="61">
        <v>33</v>
      </c>
      <c r="BX16" s="61">
        <v>37</v>
      </c>
      <c r="BY16" s="61">
        <v>7</v>
      </c>
      <c r="BZ16" s="62">
        <v>186</v>
      </c>
      <c r="CA16" s="63">
        <v>281</v>
      </c>
      <c r="CB16" s="60">
        <v>0</v>
      </c>
      <c r="CC16" s="61">
        <v>0</v>
      </c>
      <c r="CD16" s="62">
        <v>0</v>
      </c>
      <c r="CE16" s="231"/>
      <c r="CF16" s="61">
        <v>0</v>
      </c>
      <c r="CG16" s="61">
        <v>0</v>
      </c>
      <c r="CH16" s="61">
        <v>0</v>
      </c>
      <c r="CI16" s="61">
        <v>0</v>
      </c>
      <c r="CJ16" s="61">
        <v>0</v>
      </c>
      <c r="CK16" s="62">
        <v>0</v>
      </c>
      <c r="CL16" s="63">
        <v>0</v>
      </c>
      <c r="CM16" s="60">
        <v>139</v>
      </c>
      <c r="CN16" s="61">
        <v>140</v>
      </c>
      <c r="CO16" s="62">
        <v>279</v>
      </c>
      <c r="CP16" s="231"/>
      <c r="CQ16" s="61">
        <v>163</v>
      </c>
      <c r="CR16" s="61">
        <v>129</v>
      </c>
      <c r="CS16" s="61">
        <v>87</v>
      </c>
      <c r="CT16" s="61">
        <v>91</v>
      </c>
      <c r="CU16" s="61">
        <v>34</v>
      </c>
      <c r="CV16" s="62">
        <v>504</v>
      </c>
      <c r="CW16" s="63">
        <v>783</v>
      </c>
      <c r="CX16" s="113">
        <v>14</v>
      </c>
      <c r="CY16" s="72">
        <v>21</v>
      </c>
      <c r="CZ16" s="73">
        <v>35</v>
      </c>
      <c r="DA16" s="228"/>
      <c r="DB16" s="72">
        <v>17</v>
      </c>
      <c r="DC16" s="72">
        <v>19</v>
      </c>
      <c r="DD16" s="72">
        <v>10</v>
      </c>
      <c r="DE16" s="72">
        <v>11</v>
      </c>
      <c r="DF16" s="72">
        <v>7</v>
      </c>
      <c r="DG16" s="74">
        <v>64</v>
      </c>
      <c r="DH16" s="75">
        <v>99</v>
      </c>
      <c r="DI16" s="76">
        <v>1</v>
      </c>
      <c r="DJ16" s="61">
        <v>1</v>
      </c>
      <c r="DK16" s="62">
        <v>2</v>
      </c>
      <c r="DL16" s="231"/>
      <c r="DM16" s="61">
        <v>0</v>
      </c>
      <c r="DN16" s="61">
        <v>0</v>
      </c>
      <c r="DO16" s="61">
        <v>0</v>
      </c>
      <c r="DP16" s="61">
        <v>0</v>
      </c>
      <c r="DQ16" s="61">
        <v>0</v>
      </c>
      <c r="DR16" s="62">
        <v>0</v>
      </c>
      <c r="DS16" s="63">
        <v>2</v>
      </c>
      <c r="DT16" s="60">
        <v>2</v>
      </c>
      <c r="DU16" s="61">
        <v>0</v>
      </c>
      <c r="DV16" s="62">
        <v>2</v>
      </c>
      <c r="DW16" s="231"/>
      <c r="DX16" s="61">
        <v>0</v>
      </c>
      <c r="DY16" s="61">
        <v>0</v>
      </c>
      <c r="DZ16" s="61">
        <v>0</v>
      </c>
      <c r="EA16" s="61">
        <v>0</v>
      </c>
      <c r="EB16" s="61">
        <v>0</v>
      </c>
      <c r="EC16" s="62">
        <v>0</v>
      </c>
      <c r="ED16" s="63">
        <v>2</v>
      </c>
      <c r="EE16" s="76">
        <v>1</v>
      </c>
      <c r="EF16" s="61">
        <v>2</v>
      </c>
      <c r="EG16" s="62">
        <v>3</v>
      </c>
      <c r="EH16" s="231"/>
      <c r="EI16" s="61">
        <v>0</v>
      </c>
      <c r="EJ16" s="61">
        <v>1</v>
      </c>
      <c r="EK16" s="61">
        <v>1</v>
      </c>
      <c r="EL16" s="61">
        <v>0</v>
      </c>
      <c r="EM16" s="61">
        <v>0</v>
      </c>
      <c r="EN16" s="62">
        <v>2</v>
      </c>
      <c r="EO16" s="63">
        <v>5</v>
      </c>
      <c r="EP16" s="60">
        <v>6</v>
      </c>
      <c r="EQ16" s="61">
        <v>4</v>
      </c>
      <c r="ER16" s="62">
        <v>10</v>
      </c>
      <c r="ES16" s="231"/>
      <c r="ET16" s="61">
        <v>4</v>
      </c>
      <c r="EU16" s="61">
        <v>3</v>
      </c>
      <c r="EV16" s="61">
        <v>2</v>
      </c>
      <c r="EW16" s="61">
        <v>0</v>
      </c>
      <c r="EX16" s="61">
        <v>1</v>
      </c>
      <c r="EY16" s="62">
        <v>10</v>
      </c>
      <c r="EZ16" s="63">
        <v>20</v>
      </c>
      <c r="FA16" s="76">
        <v>0</v>
      </c>
      <c r="FB16" s="61">
        <v>10</v>
      </c>
      <c r="FC16" s="62">
        <v>10</v>
      </c>
      <c r="FD16" s="231"/>
      <c r="FE16" s="61">
        <v>2</v>
      </c>
      <c r="FF16" s="61">
        <v>5</v>
      </c>
      <c r="FG16" s="61">
        <v>3</v>
      </c>
      <c r="FH16" s="61">
        <v>2</v>
      </c>
      <c r="FI16" s="61">
        <v>2</v>
      </c>
      <c r="FJ16" s="62">
        <v>14</v>
      </c>
      <c r="FK16" s="63">
        <v>24</v>
      </c>
      <c r="FL16" s="60">
        <v>4</v>
      </c>
      <c r="FM16" s="61">
        <v>4</v>
      </c>
      <c r="FN16" s="62">
        <v>8</v>
      </c>
      <c r="FO16" s="231"/>
      <c r="FP16" s="61">
        <v>11</v>
      </c>
      <c r="FQ16" s="61">
        <v>10</v>
      </c>
      <c r="FR16" s="61">
        <v>4</v>
      </c>
      <c r="FS16" s="61">
        <v>9</v>
      </c>
      <c r="FT16" s="61">
        <v>4</v>
      </c>
      <c r="FU16" s="62">
        <v>38</v>
      </c>
      <c r="FV16" s="63">
        <v>46</v>
      </c>
      <c r="FW16" s="60">
        <v>0</v>
      </c>
      <c r="FX16" s="61">
        <v>0</v>
      </c>
      <c r="FY16" s="62">
        <v>0</v>
      </c>
      <c r="FZ16" s="231"/>
      <c r="GA16" s="61">
        <v>0</v>
      </c>
      <c r="GB16" s="61">
        <v>0</v>
      </c>
      <c r="GC16" s="61">
        <v>0</v>
      </c>
      <c r="GD16" s="61">
        <v>0</v>
      </c>
      <c r="GE16" s="61">
        <v>0</v>
      </c>
      <c r="GF16" s="62">
        <v>0</v>
      </c>
      <c r="GG16" s="63">
        <v>0</v>
      </c>
      <c r="GH16" s="60">
        <v>14</v>
      </c>
      <c r="GI16" s="61">
        <v>21</v>
      </c>
      <c r="GJ16" s="62">
        <v>35</v>
      </c>
      <c r="GK16" s="231"/>
      <c r="GL16" s="61">
        <v>17</v>
      </c>
      <c r="GM16" s="61">
        <v>19</v>
      </c>
      <c r="GN16" s="61">
        <v>10</v>
      </c>
      <c r="GO16" s="61">
        <v>11</v>
      </c>
      <c r="GP16" s="61">
        <v>7</v>
      </c>
      <c r="GQ16" s="62">
        <v>64</v>
      </c>
      <c r="GR16" s="63">
        <v>99</v>
      </c>
      <c r="GS16" s="113">
        <v>153</v>
      </c>
      <c r="GT16" s="72">
        <v>161</v>
      </c>
      <c r="GU16" s="73">
        <v>314</v>
      </c>
      <c r="GV16" s="228"/>
      <c r="GW16" s="72">
        <v>180</v>
      </c>
      <c r="GX16" s="72">
        <v>148</v>
      </c>
      <c r="GY16" s="72">
        <v>97</v>
      </c>
      <c r="GZ16" s="72">
        <v>102</v>
      </c>
      <c r="HA16" s="72">
        <v>41</v>
      </c>
      <c r="HB16" s="74">
        <v>568</v>
      </c>
      <c r="HC16" s="75">
        <v>882</v>
      </c>
      <c r="HD16" s="76">
        <v>5</v>
      </c>
      <c r="HE16" s="61">
        <v>1</v>
      </c>
      <c r="HF16" s="62">
        <v>6</v>
      </c>
      <c r="HG16" s="231"/>
      <c r="HH16" s="61">
        <v>1</v>
      </c>
      <c r="HI16" s="61">
        <v>2</v>
      </c>
      <c r="HJ16" s="61">
        <v>0</v>
      </c>
      <c r="HK16" s="61">
        <v>3</v>
      </c>
      <c r="HL16" s="61">
        <v>0</v>
      </c>
      <c r="HM16" s="62">
        <v>6</v>
      </c>
      <c r="HN16" s="63">
        <v>12</v>
      </c>
      <c r="HO16" s="60">
        <v>4</v>
      </c>
      <c r="HP16" s="61">
        <v>9</v>
      </c>
      <c r="HQ16" s="62">
        <v>13</v>
      </c>
      <c r="HR16" s="231"/>
      <c r="HS16" s="61">
        <v>6</v>
      </c>
      <c r="HT16" s="61">
        <v>4</v>
      </c>
      <c r="HU16" s="61">
        <v>4</v>
      </c>
      <c r="HV16" s="61">
        <v>3</v>
      </c>
      <c r="HW16" s="61">
        <v>3</v>
      </c>
      <c r="HX16" s="62">
        <v>20</v>
      </c>
      <c r="HY16" s="63">
        <v>33</v>
      </c>
      <c r="HZ16" s="76">
        <v>6</v>
      </c>
      <c r="IA16" s="61">
        <v>20</v>
      </c>
      <c r="IB16" s="62">
        <v>26</v>
      </c>
      <c r="IC16" s="231"/>
      <c r="ID16" s="61">
        <v>10</v>
      </c>
      <c r="IE16" s="61">
        <v>7</v>
      </c>
      <c r="IF16" s="61">
        <v>9</v>
      </c>
      <c r="IG16" s="61">
        <v>11</v>
      </c>
      <c r="IH16" s="61">
        <v>3</v>
      </c>
      <c r="II16" s="62">
        <v>40</v>
      </c>
      <c r="IJ16" s="63">
        <v>66</v>
      </c>
      <c r="IK16" s="60">
        <v>47</v>
      </c>
      <c r="IL16" s="61">
        <v>25</v>
      </c>
      <c r="IM16" s="62">
        <v>72</v>
      </c>
      <c r="IN16" s="231"/>
      <c r="IO16" s="61">
        <v>36</v>
      </c>
      <c r="IP16" s="61">
        <v>26</v>
      </c>
      <c r="IQ16" s="61">
        <v>15</v>
      </c>
      <c r="IR16" s="61">
        <v>14</v>
      </c>
      <c r="IS16" s="61">
        <v>6</v>
      </c>
      <c r="IT16" s="62">
        <v>97</v>
      </c>
      <c r="IU16" s="63">
        <v>169</v>
      </c>
      <c r="IV16" s="76">
        <v>44</v>
      </c>
      <c r="IW16" s="61">
        <v>50</v>
      </c>
      <c r="IX16" s="62">
        <v>94</v>
      </c>
      <c r="IY16" s="231"/>
      <c r="IZ16" s="61">
        <v>64</v>
      </c>
      <c r="JA16" s="61">
        <v>42</v>
      </c>
      <c r="JB16" s="61">
        <v>32</v>
      </c>
      <c r="JC16" s="61">
        <v>25</v>
      </c>
      <c r="JD16" s="61">
        <v>18</v>
      </c>
      <c r="JE16" s="62">
        <v>181</v>
      </c>
      <c r="JF16" s="63">
        <v>275</v>
      </c>
      <c r="JG16" s="60">
        <v>47</v>
      </c>
      <c r="JH16" s="61">
        <v>56</v>
      </c>
      <c r="JI16" s="62">
        <v>103</v>
      </c>
      <c r="JJ16" s="231"/>
      <c r="JK16" s="61">
        <v>63</v>
      </c>
      <c r="JL16" s="61">
        <v>67</v>
      </c>
      <c r="JM16" s="61">
        <v>37</v>
      </c>
      <c r="JN16" s="61">
        <v>46</v>
      </c>
      <c r="JO16" s="61">
        <v>11</v>
      </c>
      <c r="JP16" s="62">
        <v>224</v>
      </c>
      <c r="JQ16" s="63">
        <v>327</v>
      </c>
      <c r="JR16" s="60">
        <v>0</v>
      </c>
      <c r="JS16" s="61">
        <v>0</v>
      </c>
      <c r="JT16" s="62">
        <v>0</v>
      </c>
      <c r="JU16" s="231"/>
      <c r="JV16" s="61">
        <v>0</v>
      </c>
      <c r="JW16" s="61">
        <v>0</v>
      </c>
      <c r="JX16" s="61">
        <v>0</v>
      </c>
      <c r="JY16" s="61">
        <v>0</v>
      </c>
      <c r="JZ16" s="61">
        <v>0</v>
      </c>
      <c r="KA16" s="62">
        <v>0</v>
      </c>
      <c r="KB16" s="63">
        <v>0</v>
      </c>
      <c r="KC16" s="60">
        <v>153</v>
      </c>
      <c r="KD16" s="61">
        <v>161</v>
      </c>
      <c r="KE16" s="62">
        <v>314</v>
      </c>
      <c r="KF16" s="231"/>
      <c r="KG16" s="61">
        <v>180</v>
      </c>
      <c r="KH16" s="61">
        <v>148</v>
      </c>
      <c r="KI16" s="61">
        <v>97</v>
      </c>
      <c r="KJ16" s="61">
        <v>102</v>
      </c>
      <c r="KK16" s="61">
        <v>41</v>
      </c>
      <c r="KL16" s="62">
        <v>568</v>
      </c>
      <c r="KM16" s="63">
        <v>882</v>
      </c>
    </row>
    <row r="17" spans="2:299" ht="21" customHeight="1" x14ac:dyDescent="0.2">
      <c r="B17" s="472" t="s">
        <v>13</v>
      </c>
      <c r="C17" s="293">
        <v>44</v>
      </c>
      <c r="D17" s="72">
        <v>41</v>
      </c>
      <c r="E17" s="73">
        <v>85</v>
      </c>
      <c r="F17" s="228"/>
      <c r="G17" s="72">
        <v>72</v>
      </c>
      <c r="H17" s="72">
        <v>67</v>
      </c>
      <c r="I17" s="72">
        <v>51</v>
      </c>
      <c r="J17" s="72">
        <v>43</v>
      </c>
      <c r="K17" s="72">
        <v>23</v>
      </c>
      <c r="L17" s="74">
        <v>256</v>
      </c>
      <c r="M17" s="75">
        <v>341</v>
      </c>
      <c r="N17" s="60">
        <v>0</v>
      </c>
      <c r="O17" s="61">
        <v>0</v>
      </c>
      <c r="P17" s="62">
        <v>0</v>
      </c>
      <c r="Q17" s="231"/>
      <c r="R17" s="61">
        <v>1</v>
      </c>
      <c r="S17" s="61">
        <v>1</v>
      </c>
      <c r="T17" s="61">
        <v>0</v>
      </c>
      <c r="U17" s="61">
        <v>0</v>
      </c>
      <c r="V17" s="61">
        <v>0</v>
      </c>
      <c r="W17" s="62">
        <v>2</v>
      </c>
      <c r="X17" s="63">
        <v>2</v>
      </c>
      <c r="Y17" s="60">
        <v>0</v>
      </c>
      <c r="Z17" s="61">
        <v>0</v>
      </c>
      <c r="AA17" s="62">
        <v>0</v>
      </c>
      <c r="AB17" s="231"/>
      <c r="AC17" s="61">
        <v>3</v>
      </c>
      <c r="AD17" s="61">
        <v>0</v>
      </c>
      <c r="AE17" s="61">
        <v>2</v>
      </c>
      <c r="AF17" s="61">
        <v>1</v>
      </c>
      <c r="AG17" s="61">
        <v>4</v>
      </c>
      <c r="AH17" s="62">
        <v>10</v>
      </c>
      <c r="AI17" s="63">
        <v>10</v>
      </c>
      <c r="AJ17" s="60">
        <v>3</v>
      </c>
      <c r="AK17" s="61">
        <v>1</v>
      </c>
      <c r="AL17" s="62">
        <v>4</v>
      </c>
      <c r="AM17" s="231"/>
      <c r="AN17" s="61">
        <v>3</v>
      </c>
      <c r="AO17" s="61">
        <v>4</v>
      </c>
      <c r="AP17" s="61">
        <v>4</v>
      </c>
      <c r="AQ17" s="61">
        <v>0</v>
      </c>
      <c r="AR17" s="61">
        <v>2</v>
      </c>
      <c r="AS17" s="62">
        <v>13</v>
      </c>
      <c r="AT17" s="63">
        <v>17</v>
      </c>
      <c r="AU17" s="60">
        <v>7</v>
      </c>
      <c r="AV17" s="61">
        <v>8</v>
      </c>
      <c r="AW17" s="62">
        <v>15</v>
      </c>
      <c r="AX17" s="231"/>
      <c r="AY17" s="61">
        <v>17</v>
      </c>
      <c r="AZ17" s="61">
        <v>13</v>
      </c>
      <c r="BA17" s="61">
        <v>5</v>
      </c>
      <c r="BB17" s="61">
        <v>10</v>
      </c>
      <c r="BC17" s="61">
        <v>4</v>
      </c>
      <c r="BD17" s="62">
        <v>49</v>
      </c>
      <c r="BE17" s="63">
        <v>64</v>
      </c>
      <c r="BF17" s="60">
        <v>20</v>
      </c>
      <c r="BG17" s="61">
        <v>21</v>
      </c>
      <c r="BH17" s="62">
        <v>41</v>
      </c>
      <c r="BI17" s="231"/>
      <c r="BJ17" s="61">
        <v>23</v>
      </c>
      <c r="BK17" s="61">
        <v>20</v>
      </c>
      <c r="BL17" s="61">
        <v>20</v>
      </c>
      <c r="BM17" s="61">
        <v>16</v>
      </c>
      <c r="BN17" s="61">
        <v>4</v>
      </c>
      <c r="BO17" s="62">
        <v>83</v>
      </c>
      <c r="BP17" s="63">
        <v>124</v>
      </c>
      <c r="BQ17" s="60">
        <v>14</v>
      </c>
      <c r="BR17" s="61">
        <v>11</v>
      </c>
      <c r="BS17" s="62">
        <v>25</v>
      </c>
      <c r="BT17" s="231"/>
      <c r="BU17" s="61">
        <v>25</v>
      </c>
      <c r="BV17" s="61">
        <v>29</v>
      </c>
      <c r="BW17" s="61">
        <v>20</v>
      </c>
      <c r="BX17" s="61">
        <v>16</v>
      </c>
      <c r="BY17" s="61">
        <v>9</v>
      </c>
      <c r="BZ17" s="62">
        <v>99</v>
      </c>
      <c r="CA17" s="63">
        <v>124</v>
      </c>
      <c r="CB17" s="60">
        <v>0</v>
      </c>
      <c r="CC17" s="61">
        <v>0</v>
      </c>
      <c r="CD17" s="62">
        <v>0</v>
      </c>
      <c r="CE17" s="231"/>
      <c r="CF17" s="61">
        <v>0</v>
      </c>
      <c r="CG17" s="61">
        <v>0</v>
      </c>
      <c r="CH17" s="61">
        <v>0</v>
      </c>
      <c r="CI17" s="61">
        <v>0</v>
      </c>
      <c r="CJ17" s="61">
        <v>0</v>
      </c>
      <c r="CK17" s="62">
        <v>0</v>
      </c>
      <c r="CL17" s="63">
        <v>0</v>
      </c>
      <c r="CM17" s="60">
        <v>44</v>
      </c>
      <c r="CN17" s="61">
        <v>41</v>
      </c>
      <c r="CO17" s="62">
        <v>85</v>
      </c>
      <c r="CP17" s="231"/>
      <c r="CQ17" s="61">
        <v>72</v>
      </c>
      <c r="CR17" s="61">
        <v>67</v>
      </c>
      <c r="CS17" s="61">
        <v>51</v>
      </c>
      <c r="CT17" s="61">
        <v>43</v>
      </c>
      <c r="CU17" s="61">
        <v>23</v>
      </c>
      <c r="CV17" s="62">
        <v>256</v>
      </c>
      <c r="CW17" s="63">
        <v>341</v>
      </c>
      <c r="CX17" s="113">
        <v>11</v>
      </c>
      <c r="CY17" s="72">
        <v>6</v>
      </c>
      <c r="CZ17" s="73">
        <v>17</v>
      </c>
      <c r="DA17" s="228"/>
      <c r="DB17" s="72">
        <v>10</v>
      </c>
      <c r="DC17" s="72">
        <v>8</v>
      </c>
      <c r="DD17" s="72">
        <v>2</v>
      </c>
      <c r="DE17" s="72">
        <v>6</v>
      </c>
      <c r="DF17" s="72">
        <v>1</v>
      </c>
      <c r="DG17" s="74">
        <v>27</v>
      </c>
      <c r="DH17" s="75">
        <v>44</v>
      </c>
      <c r="DI17" s="60">
        <v>0</v>
      </c>
      <c r="DJ17" s="61">
        <v>0</v>
      </c>
      <c r="DK17" s="62">
        <v>0</v>
      </c>
      <c r="DL17" s="231"/>
      <c r="DM17" s="61">
        <v>0</v>
      </c>
      <c r="DN17" s="61">
        <v>0</v>
      </c>
      <c r="DO17" s="61">
        <v>0</v>
      </c>
      <c r="DP17" s="61">
        <v>0</v>
      </c>
      <c r="DQ17" s="61">
        <v>0</v>
      </c>
      <c r="DR17" s="62">
        <v>0</v>
      </c>
      <c r="DS17" s="63">
        <v>0</v>
      </c>
      <c r="DT17" s="60">
        <v>1</v>
      </c>
      <c r="DU17" s="61">
        <v>0</v>
      </c>
      <c r="DV17" s="62">
        <v>1</v>
      </c>
      <c r="DW17" s="231"/>
      <c r="DX17" s="61">
        <v>0</v>
      </c>
      <c r="DY17" s="61">
        <v>0</v>
      </c>
      <c r="DZ17" s="61">
        <v>0</v>
      </c>
      <c r="EA17" s="61">
        <v>0</v>
      </c>
      <c r="EB17" s="61">
        <v>0</v>
      </c>
      <c r="EC17" s="62">
        <v>0</v>
      </c>
      <c r="ED17" s="63">
        <v>1</v>
      </c>
      <c r="EE17" s="60">
        <v>2</v>
      </c>
      <c r="EF17" s="61">
        <v>0</v>
      </c>
      <c r="EG17" s="62">
        <v>2</v>
      </c>
      <c r="EH17" s="231"/>
      <c r="EI17" s="61">
        <v>2</v>
      </c>
      <c r="EJ17" s="61">
        <v>1</v>
      </c>
      <c r="EK17" s="61">
        <v>0</v>
      </c>
      <c r="EL17" s="61">
        <v>0</v>
      </c>
      <c r="EM17" s="61">
        <v>0</v>
      </c>
      <c r="EN17" s="62">
        <v>3</v>
      </c>
      <c r="EO17" s="63">
        <v>5</v>
      </c>
      <c r="EP17" s="60">
        <v>4</v>
      </c>
      <c r="EQ17" s="61">
        <v>2</v>
      </c>
      <c r="ER17" s="62">
        <v>6</v>
      </c>
      <c r="ES17" s="231"/>
      <c r="ET17" s="61">
        <v>2</v>
      </c>
      <c r="EU17" s="61">
        <v>0</v>
      </c>
      <c r="EV17" s="61">
        <v>0</v>
      </c>
      <c r="EW17" s="61">
        <v>0</v>
      </c>
      <c r="EX17" s="61">
        <v>0</v>
      </c>
      <c r="EY17" s="62">
        <v>2</v>
      </c>
      <c r="EZ17" s="63">
        <v>8</v>
      </c>
      <c r="FA17" s="60">
        <v>2</v>
      </c>
      <c r="FB17" s="61">
        <v>2</v>
      </c>
      <c r="FC17" s="62">
        <v>4</v>
      </c>
      <c r="FD17" s="231"/>
      <c r="FE17" s="61">
        <v>3</v>
      </c>
      <c r="FF17" s="61">
        <v>2</v>
      </c>
      <c r="FG17" s="61">
        <v>2</v>
      </c>
      <c r="FH17" s="61">
        <v>1</v>
      </c>
      <c r="FI17" s="61">
        <v>0</v>
      </c>
      <c r="FJ17" s="62">
        <v>8</v>
      </c>
      <c r="FK17" s="63">
        <v>12</v>
      </c>
      <c r="FL17" s="60">
        <v>2</v>
      </c>
      <c r="FM17" s="61">
        <v>2</v>
      </c>
      <c r="FN17" s="62">
        <v>4</v>
      </c>
      <c r="FO17" s="231"/>
      <c r="FP17" s="61">
        <v>3</v>
      </c>
      <c r="FQ17" s="61">
        <v>5</v>
      </c>
      <c r="FR17" s="61">
        <v>0</v>
      </c>
      <c r="FS17" s="61">
        <v>5</v>
      </c>
      <c r="FT17" s="61">
        <v>1</v>
      </c>
      <c r="FU17" s="62">
        <v>14</v>
      </c>
      <c r="FV17" s="63">
        <v>18</v>
      </c>
      <c r="FW17" s="60">
        <v>0</v>
      </c>
      <c r="FX17" s="61">
        <v>0</v>
      </c>
      <c r="FY17" s="62">
        <v>0</v>
      </c>
      <c r="FZ17" s="231"/>
      <c r="GA17" s="61">
        <v>0</v>
      </c>
      <c r="GB17" s="61">
        <v>0</v>
      </c>
      <c r="GC17" s="61">
        <v>0</v>
      </c>
      <c r="GD17" s="61">
        <v>0</v>
      </c>
      <c r="GE17" s="61">
        <v>0</v>
      </c>
      <c r="GF17" s="62">
        <v>0</v>
      </c>
      <c r="GG17" s="63">
        <v>0</v>
      </c>
      <c r="GH17" s="60">
        <v>11</v>
      </c>
      <c r="GI17" s="61">
        <v>6</v>
      </c>
      <c r="GJ17" s="62">
        <v>17</v>
      </c>
      <c r="GK17" s="231"/>
      <c r="GL17" s="61">
        <v>10</v>
      </c>
      <c r="GM17" s="61">
        <v>8</v>
      </c>
      <c r="GN17" s="61">
        <v>2</v>
      </c>
      <c r="GO17" s="61">
        <v>6</v>
      </c>
      <c r="GP17" s="61">
        <v>1</v>
      </c>
      <c r="GQ17" s="62">
        <v>27</v>
      </c>
      <c r="GR17" s="63">
        <v>44</v>
      </c>
      <c r="GS17" s="113">
        <v>55</v>
      </c>
      <c r="GT17" s="72">
        <v>47</v>
      </c>
      <c r="GU17" s="73">
        <v>102</v>
      </c>
      <c r="GV17" s="228"/>
      <c r="GW17" s="72">
        <v>82</v>
      </c>
      <c r="GX17" s="72">
        <v>75</v>
      </c>
      <c r="GY17" s="72">
        <v>53</v>
      </c>
      <c r="GZ17" s="72">
        <v>49</v>
      </c>
      <c r="HA17" s="72">
        <v>24</v>
      </c>
      <c r="HB17" s="74">
        <v>283</v>
      </c>
      <c r="HC17" s="75">
        <v>385</v>
      </c>
      <c r="HD17" s="60">
        <v>0</v>
      </c>
      <c r="HE17" s="61">
        <v>0</v>
      </c>
      <c r="HF17" s="62">
        <v>0</v>
      </c>
      <c r="HG17" s="231"/>
      <c r="HH17" s="61">
        <v>1</v>
      </c>
      <c r="HI17" s="61">
        <v>1</v>
      </c>
      <c r="HJ17" s="61">
        <v>0</v>
      </c>
      <c r="HK17" s="61">
        <v>0</v>
      </c>
      <c r="HL17" s="61">
        <v>0</v>
      </c>
      <c r="HM17" s="62">
        <v>2</v>
      </c>
      <c r="HN17" s="63">
        <v>2</v>
      </c>
      <c r="HO17" s="60">
        <v>1</v>
      </c>
      <c r="HP17" s="61">
        <v>0</v>
      </c>
      <c r="HQ17" s="62">
        <v>1</v>
      </c>
      <c r="HR17" s="231"/>
      <c r="HS17" s="61">
        <v>3</v>
      </c>
      <c r="HT17" s="61">
        <v>0</v>
      </c>
      <c r="HU17" s="61">
        <v>2</v>
      </c>
      <c r="HV17" s="61">
        <v>1</v>
      </c>
      <c r="HW17" s="61">
        <v>4</v>
      </c>
      <c r="HX17" s="62">
        <v>10</v>
      </c>
      <c r="HY17" s="63">
        <v>11</v>
      </c>
      <c r="HZ17" s="60">
        <v>5</v>
      </c>
      <c r="IA17" s="61">
        <v>1</v>
      </c>
      <c r="IB17" s="62">
        <v>6</v>
      </c>
      <c r="IC17" s="231"/>
      <c r="ID17" s="61">
        <v>5</v>
      </c>
      <c r="IE17" s="61">
        <v>5</v>
      </c>
      <c r="IF17" s="61">
        <v>4</v>
      </c>
      <c r="IG17" s="61">
        <v>0</v>
      </c>
      <c r="IH17" s="61">
        <v>2</v>
      </c>
      <c r="II17" s="62">
        <v>16</v>
      </c>
      <c r="IJ17" s="63">
        <v>22</v>
      </c>
      <c r="IK17" s="60">
        <v>11</v>
      </c>
      <c r="IL17" s="61">
        <v>10</v>
      </c>
      <c r="IM17" s="62">
        <v>21</v>
      </c>
      <c r="IN17" s="231"/>
      <c r="IO17" s="61">
        <v>19</v>
      </c>
      <c r="IP17" s="61">
        <v>13</v>
      </c>
      <c r="IQ17" s="61">
        <v>5</v>
      </c>
      <c r="IR17" s="61">
        <v>10</v>
      </c>
      <c r="IS17" s="61">
        <v>4</v>
      </c>
      <c r="IT17" s="62">
        <v>51</v>
      </c>
      <c r="IU17" s="63">
        <v>72</v>
      </c>
      <c r="IV17" s="60">
        <v>22</v>
      </c>
      <c r="IW17" s="61">
        <v>23</v>
      </c>
      <c r="IX17" s="62">
        <v>45</v>
      </c>
      <c r="IY17" s="231"/>
      <c r="IZ17" s="61">
        <v>26</v>
      </c>
      <c r="JA17" s="61">
        <v>22</v>
      </c>
      <c r="JB17" s="61">
        <v>22</v>
      </c>
      <c r="JC17" s="61">
        <v>17</v>
      </c>
      <c r="JD17" s="61">
        <v>4</v>
      </c>
      <c r="JE17" s="62">
        <v>91</v>
      </c>
      <c r="JF17" s="63">
        <v>136</v>
      </c>
      <c r="JG17" s="60">
        <v>16</v>
      </c>
      <c r="JH17" s="61">
        <v>13</v>
      </c>
      <c r="JI17" s="62">
        <v>29</v>
      </c>
      <c r="JJ17" s="231"/>
      <c r="JK17" s="61">
        <v>28</v>
      </c>
      <c r="JL17" s="61">
        <v>34</v>
      </c>
      <c r="JM17" s="61">
        <v>20</v>
      </c>
      <c r="JN17" s="61">
        <v>21</v>
      </c>
      <c r="JO17" s="61">
        <v>10</v>
      </c>
      <c r="JP17" s="62">
        <v>113</v>
      </c>
      <c r="JQ17" s="63">
        <v>142</v>
      </c>
      <c r="JR17" s="60">
        <v>0</v>
      </c>
      <c r="JS17" s="61">
        <v>0</v>
      </c>
      <c r="JT17" s="62">
        <v>0</v>
      </c>
      <c r="JU17" s="231"/>
      <c r="JV17" s="61">
        <v>0</v>
      </c>
      <c r="JW17" s="61">
        <v>0</v>
      </c>
      <c r="JX17" s="61">
        <v>0</v>
      </c>
      <c r="JY17" s="61">
        <v>0</v>
      </c>
      <c r="JZ17" s="61">
        <v>0</v>
      </c>
      <c r="KA17" s="62">
        <v>0</v>
      </c>
      <c r="KB17" s="63">
        <v>0</v>
      </c>
      <c r="KC17" s="60">
        <v>55</v>
      </c>
      <c r="KD17" s="61">
        <v>47</v>
      </c>
      <c r="KE17" s="62">
        <v>102</v>
      </c>
      <c r="KF17" s="231"/>
      <c r="KG17" s="61">
        <v>82</v>
      </c>
      <c r="KH17" s="61">
        <v>75</v>
      </c>
      <c r="KI17" s="61">
        <v>53</v>
      </c>
      <c r="KJ17" s="61">
        <v>49</v>
      </c>
      <c r="KK17" s="61">
        <v>24</v>
      </c>
      <c r="KL17" s="62">
        <v>283</v>
      </c>
      <c r="KM17" s="63">
        <v>385</v>
      </c>
    </row>
    <row r="18" spans="2:299" ht="21" customHeight="1" x14ac:dyDescent="0.2">
      <c r="B18" s="472" t="s">
        <v>15</v>
      </c>
      <c r="C18" s="293">
        <v>24</v>
      </c>
      <c r="D18" s="72">
        <v>22</v>
      </c>
      <c r="E18" s="73">
        <v>46</v>
      </c>
      <c r="F18" s="228"/>
      <c r="G18" s="72">
        <v>44</v>
      </c>
      <c r="H18" s="72">
        <v>28</v>
      </c>
      <c r="I18" s="72">
        <v>24</v>
      </c>
      <c r="J18" s="72">
        <v>23</v>
      </c>
      <c r="K18" s="72">
        <v>7</v>
      </c>
      <c r="L18" s="74">
        <v>126</v>
      </c>
      <c r="M18" s="75">
        <v>172</v>
      </c>
      <c r="N18" s="60">
        <v>0</v>
      </c>
      <c r="O18" s="61">
        <v>1</v>
      </c>
      <c r="P18" s="62">
        <v>1</v>
      </c>
      <c r="Q18" s="231"/>
      <c r="R18" s="61">
        <v>1</v>
      </c>
      <c r="S18" s="61">
        <v>2</v>
      </c>
      <c r="T18" s="61">
        <v>0</v>
      </c>
      <c r="U18" s="61">
        <v>2</v>
      </c>
      <c r="V18" s="61">
        <v>0</v>
      </c>
      <c r="W18" s="62">
        <v>5</v>
      </c>
      <c r="X18" s="63">
        <v>6</v>
      </c>
      <c r="Y18" s="60">
        <v>1</v>
      </c>
      <c r="Z18" s="61">
        <v>2</v>
      </c>
      <c r="AA18" s="62">
        <v>3</v>
      </c>
      <c r="AB18" s="231"/>
      <c r="AC18" s="61">
        <v>4</v>
      </c>
      <c r="AD18" s="61">
        <v>0</v>
      </c>
      <c r="AE18" s="61">
        <v>2</v>
      </c>
      <c r="AF18" s="61">
        <v>2</v>
      </c>
      <c r="AG18" s="61">
        <v>1</v>
      </c>
      <c r="AH18" s="62">
        <v>9</v>
      </c>
      <c r="AI18" s="63">
        <v>12</v>
      </c>
      <c r="AJ18" s="60">
        <v>3</v>
      </c>
      <c r="AK18" s="61">
        <v>1</v>
      </c>
      <c r="AL18" s="62">
        <v>4</v>
      </c>
      <c r="AM18" s="231"/>
      <c r="AN18" s="61">
        <v>5</v>
      </c>
      <c r="AO18" s="61">
        <v>2</v>
      </c>
      <c r="AP18" s="61">
        <v>3</v>
      </c>
      <c r="AQ18" s="61">
        <v>1</v>
      </c>
      <c r="AR18" s="61">
        <v>1</v>
      </c>
      <c r="AS18" s="62">
        <v>12</v>
      </c>
      <c r="AT18" s="63">
        <v>16</v>
      </c>
      <c r="AU18" s="60">
        <v>8</v>
      </c>
      <c r="AV18" s="61">
        <v>4</v>
      </c>
      <c r="AW18" s="62">
        <v>12</v>
      </c>
      <c r="AX18" s="231"/>
      <c r="AY18" s="61">
        <v>10</v>
      </c>
      <c r="AZ18" s="61">
        <v>7</v>
      </c>
      <c r="BA18" s="61">
        <v>4</v>
      </c>
      <c r="BB18" s="61">
        <v>5</v>
      </c>
      <c r="BC18" s="61">
        <v>2</v>
      </c>
      <c r="BD18" s="62">
        <v>28</v>
      </c>
      <c r="BE18" s="63">
        <v>40</v>
      </c>
      <c r="BF18" s="60">
        <v>5</v>
      </c>
      <c r="BG18" s="61">
        <v>8</v>
      </c>
      <c r="BH18" s="62">
        <v>13</v>
      </c>
      <c r="BI18" s="231"/>
      <c r="BJ18" s="61">
        <v>10</v>
      </c>
      <c r="BK18" s="61">
        <v>4</v>
      </c>
      <c r="BL18" s="61">
        <v>5</v>
      </c>
      <c r="BM18" s="61">
        <v>4</v>
      </c>
      <c r="BN18" s="61">
        <v>1</v>
      </c>
      <c r="BO18" s="62">
        <v>24</v>
      </c>
      <c r="BP18" s="63">
        <v>37</v>
      </c>
      <c r="BQ18" s="60">
        <v>7</v>
      </c>
      <c r="BR18" s="61">
        <v>6</v>
      </c>
      <c r="BS18" s="62">
        <v>13</v>
      </c>
      <c r="BT18" s="231"/>
      <c r="BU18" s="61">
        <v>14</v>
      </c>
      <c r="BV18" s="61">
        <v>13</v>
      </c>
      <c r="BW18" s="61">
        <v>10</v>
      </c>
      <c r="BX18" s="61">
        <v>9</v>
      </c>
      <c r="BY18" s="61">
        <v>2</v>
      </c>
      <c r="BZ18" s="62">
        <v>48</v>
      </c>
      <c r="CA18" s="63">
        <v>61</v>
      </c>
      <c r="CB18" s="60">
        <v>0</v>
      </c>
      <c r="CC18" s="61">
        <v>0</v>
      </c>
      <c r="CD18" s="62">
        <v>0</v>
      </c>
      <c r="CE18" s="231"/>
      <c r="CF18" s="61">
        <v>0</v>
      </c>
      <c r="CG18" s="61">
        <v>0</v>
      </c>
      <c r="CH18" s="61">
        <v>0</v>
      </c>
      <c r="CI18" s="61">
        <v>0</v>
      </c>
      <c r="CJ18" s="61">
        <v>0</v>
      </c>
      <c r="CK18" s="62">
        <v>0</v>
      </c>
      <c r="CL18" s="63">
        <v>0</v>
      </c>
      <c r="CM18" s="60">
        <v>24</v>
      </c>
      <c r="CN18" s="61">
        <v>22</v>
      </c>
      <c r="CO18" s="62">
        <v>46</v>
      </c>
      <c r="CP18" s="231"/>
      <c r="CQ18" s="61">
        <v>44</v>
      </c>
      <c r="CR18" s="61">
        <v>28</v>
      </c>
      <c r="CS18" s="61">
        <v>24</v>
      </c>
      <c r="CT18" s="61">
        <v>23</v>
      </c>
      <c r="CU18" s="61">
        <v>7</v>
      </c>
      <c r="CV18" s="62">
        <v>126</v>
      </c>
      <c r="CW18" s="63">
        <v>172</v>
      </c>
      <c r="CX18" s="113">
        <v>5</v>
      </c>
      <c r="CY18" s="72">
        <v>4</v>
      </c>
      <c r="CZ18" s="73">
        <v>9</v>
      </c>
      <c r="DA18" s="228"/>
      <c r="DB18" s="72">
        <v>6</v>
      </c>
      <c r="DC18" s="72">
        <v>4</v>
      </c>
      <c r="DD18" s="72">
        <v>2</v>
      </c>
      <c r="DE18" s="72">
        <v>5</v>
      </c>
      <c r="DF18" s="72">
        <v>2</v>
      </c>
      <c r="DG18" s="74">
        <v>19</v>
      </c>
      <c r="DH18" s="75">
        <v>28</v>
      </c>
      <c r="DI18" s="60">
        <v>1</v>
      </c>
      <c r="DJ18" s="61">
        <v>0</v>
      </c>
      <c r="DK18" s="62">
        <v>1</v>
      </c>
      <c r="DL18" s="231"/>
      <c r="DM18" s="61">
        <v>1</v>
      </c>
      <c r="DN18" s="61">
        <v>0</v>
      </c>
      <c r="DO18" s="61">
        <v>0</v>
      </c>
      <c r="DP18" s="61">
        <v>0</v>
      </c>
      <c r="DQ18" s="61">
        <v>0</v>
      </c>
      <c r="DR18" s="62">
        <v>1</v>
      </c>
      <c r="DS18" s="63">
        <v>2</v>
      </c>
      <c r="DT18" s="60">
        <v>0</v>
      </c>
      <c r="DU18" s="61">
        <v>0</v>
      </c>
      <c r="DV18" s="62">
        <v>0</v>
      </c>
      <c r="DW18" s="231"/>
      <c r="DX18" s="61">
        <v>0</v>
      </c>
      <c r="DY18" s="61">
        <v>0</v>
      </c>
      <c r="DZ18" s="61">
        <v>0</v>
      </c>
      <c r="EA18" s="61">
        <v>0</v>
      </c>
      <c r="EB18" s="61">
        <v>0</v>
      </c>
      <c r="EC18" s="62">
        <v>0</v>
      </c>
      <c r="ED18" s="63">
        <v>0</v>
      </c>
      <c r="EE18" s="60">
        <v>1</v>
      </c>
      <c r="EF18" s="61">
        <v>1</v>
      </c>
      <c r="EG18" s="62">
        <v>2</v>
      </c>
      <c r="EH18" s="231"/>
      <c r="EI18" s="61">
        <v>1</v>
      </c>
      <c r="EJ18" s="61">
        <v>0</v>
      </c>
      <c r="EK18" s="61">
        <v>0</v>
      </c>
      <c r="EL18" s="61">
        <v>1</v>
      </c>
      <c r="EM18" s="61">
        <v>0</v>
      </c>
      <c r="EN18" s="62">
        <v>2</v>
      </c>
      <c r="EO18" s="63">
        <v>4</v>
      </c>
      <c r="EP18" s="60">
        <v>0</v>
      </c>
      <c r="EQ18" s="61">
        <v>1</v>
      </c>
      <c r="ER18" s="62">
        <v>1</v>
      </c>
      <c r="ES18" s="231"/>
      <c r="ET18" s="61">
        <v>1</v>
      </c>
      <c r="EU18" s="61">
        <v>0</v>
      </c>
      <c r="EV18" s="61">
        <v>1</v>
      </c>
      <c r="EW18" s="61">
        <v>0</v>
      </c>
      <c r="EX18" s="61">
        <v>0</v>
      </c>
      <c r="EY18" s="62">
        <v>2</v>
      </c>
      <c r="EZ18" s="63">
        <v>3</v>
      </c>
      <c r="FA18" s="60">
        <v>2</v>
      </c>
      <c r="FB18" s="61">
        <v>0</v>
      </c>
      <c r="FC18" s="62">
        <v>2</v>
      </c>
      <c r="FD18" s="231"/>
      <c r="FE18" s="61">
        <v>1</v>
      </c>
      <c r="FF18" s="61">
        <v>0</v>
      </c>
      <c r="FG18" s="61">
        <v>0</v>
      </c>
      <c r="FH18" s="61">
        <v>1</v>
      </c>
      <c r="FI18" s="61">
        <v>1</v>
      </c>
      <c r="FJ18" s="62">
        <v>3</v>
      </c>
      <c r="FK18" s="63">
        <v>5</v>
      </c>
      <c r="FL18" s="60">
        <v>1</v>
      </c>
      <c r="FM18" s="61">
        <v>2</v>
      </c>
      <c r="FN18" s="62">
        <v>3</v>
      </c>
      <c r="FO18" s="231"/>
      <c r="FP18" s="61">
        <v>2</v>
      </c>
      <c r="FQ18" s="61">
        <v>4</v>
      </c>
      <c r="FR18" s="61">
        <v>1</v>
      </c>
      <c r="FS18" s="61">
        <v>3</v>
      </c>
      <c r="FT18" s="61">
        <v>1</v>
      </c>
      <c r="FU18" s="62">
        <v>11</v>
      </c>
      <c r="FV18" s="63">
        <v>14</v>
      </c>
      <c r="FW18" s="60">
        <v>0</v>
      </c>
      <c r="FX18" s="61">
        <v>0</v>
      </c>
      <c r="FY18" s="62">
        <v>0</v>
      </c>
      <c r="FZ18" s="231"/>
      <c r="GA18" s="61">
        <v>0</v>
      </c>
      <c r="GB18" s="61">
        <v>0</v>
      </c>
      <c r="GC18" s="61">
        <v>0</v>
      </c>
      <c r="GD18" s="61">
        <v>0</v>
      </c>
      <c r="GE18" s="61">
        <v>0</v>
      </c>
      <c r="GF18" s="62">
        <v>0</v>
      </c>
      <c r="GG18" s="63">
        <v>0</v>
      </c>
      <c r="GH18" s="60">
        <v>5</v>
      </c>
      <c r="GI18" s="61">
        <v>4</v>
      </c>
      <c r="GJ18" s="62">
        <v>9</v>
      </c>
      <c r="GK18" s="231"/>
      <c r="GL18" s="61">
        <v>6</v>
      </c>
      <c r="GM18" s="61">
        <v>4</v>
      </c>
      <c r="GN18" s="61">
        <v>2</v>
      </c>
      <c r="GO18" s="61">
        <v>5</v>
      </c>
      <c r="GP18" s="61">
        <v>2</v>
      </c>
      <c r="GQ18" s="62">
        <v>19</v>
      </c>
      <c r="GR18" s="63">
        <v>28</v>
      </c>
      <c r="GS18" s="113">
        <v>29</v>
      </c>
      <c r="GT18" s="72">
        <v>26</v>
      </c>
      <c r="GU18" s="73">
        <v>55</v>
      </c>
      <c r="GV18" s="228"/>
      <c r="GW18" s="72">
        <v>50</v>
      </c>
      <c r="GX18" s="72">
        <v>32</v>
      </c>
      <c r="GY18" s="72">
        <v>26</v>
      </c>
      <c r="GZ18" s="72">
        <v>28</v>
      </c>
      <c r="HA18" s="72">
        <v>9</v>
      </c>
      <c r="HB18" s="74">
        <v>145</v>
      </c>
      <c r="HC18" s="75">
        <v>200</v>
      </c>
      <c r="HD18" s="60">
        <v>1</v>
      </c>
      <c r="HE18" s="61">
        <v>1</v>
      </c>
      <c r="HF18" s="62">
        <v>2</v>
      </c>
      <c r="HG18" s="231"/>
      <c r="HH18" s="61">
        <v>2</v>
      </c>
      <c r="HI18" s="61">
        <v>2</v>
      </c>
      <c r="HJ18" s="61">
        <v>0</v>
      </c>
      <c r="HK18" s="61">
        <v>2</v>
      </c>
      <c r="HL18" s="61">
        <v>0</v>
      </c>
      <c r="HM18" s="62">
        <v>6</v>
      </c>
      <c r="HN18" s="63">
        <v>8</v>
      </c>
      <c r="HO18" s="60">
        <v>1</v>
      </c>
      <c r="HP18" s="61">
        <v>2</v>
      </c>
      <c r="HQ18" s="62">
        <v>3</v>
      </c>
      <c r="HR18" s="231"/>
      <c r="HS18" s="61">
        <v>4</v>
      </c>
      <c r="HT18" s="61">
        <v>0</v>
      </c>
      <c r="HU18" s="61">
        <v>2</v>
      </c>
      <c r="HV18" s="61">
        <v>2</v>
      </c>
      <c r="HW18" s="61">
        <v>1</v>
      </c>
      <c r="HX18" s="62">
        <v>9</v>
      </c>
      <c r="HY18" s="63">
        <v>12</v>
      </c>
      <c r="HZ18" s="60">
        <v>4</v>
      </c>
      <c r="IA18" s="61">
        <v>2</v>
      </c>
      <c r="IB18" s="62">
        <v>6</v>
      </c>
      <c r="IC18" s="231"/>
      <c r="ID18" s="61">
        <v>6</v>
      </c>
      <c r="IE18" s="61">
        <v>2</v>
      </c>
      <c r="IF18" s="61">
        <v>3</v>
      </c>
      <c r="IG18" s="61">
        <v>2</v>
      </c>
      <c r="IH18" s="61">
        <v>1</v>
      </c>
      <c r="II18" s="62">
        <v>14</v>
      </c>
      <c r="IJ18" s="63">
        <v>20</v>
      </c>
      <c r="IK18" s="60">
        <v>8</v>
      </c>
      <c r="IL18" s="61">
        <v>5</v>
      </c>
      <c r="IM18" s="62">
        <v>13</v>
      </c>
      <c r="IN18" s="231"/>
      <c r="IO18" s="61">
        <v>11</v>
      </c>
      <c r="IP18" s="61">
        <v>7</v>
      </c>
      <c r="IQ18" s="61">
        <v>5</v>
      </c>
      <c r="IR18" s="61">
        <v>5</v>
      </c>
      <c r="IS18" s="61">
        <v>2</v>
      </c>
      <c r="IT18" s="62">
        <v>30</v>
      </c>
      <c r="IU18" s="63">
        <v>43</v>
      </c>
      <c r="IV18" s="60">
        <v>7</v>
      </c>
      <c r="IW18" s="61">
        <v>8</v>
      </c>
      <c r="IX18" s="62">
        <v>15</v>
      </c>
      <c r="IY18" s="231"/>
      <c r="IZ18" s="61">
        <v>11</v>
      </c>
      <c r="JA18" s="61">
        <v>4</v>
      </c>
      <c r="JB18" s="61">
        <v>5</v>
      </c>
      <c r="JC18" s="61">
        <v>5</v>
      </c>
      <c r="JD18" s="61">
        <v>2</v>
      </c>
      <c r="JE18" s="62">
        <v>27</v>
      </c>
      <c r="JF18" s="63">
        <v>42</v>
      </c>
      <c r="JG18" s="60">
        <v>8</v>
      </c>
      <c r="JH18" s="61">
        <v>8</v>
      </c>
      <c r="JI18" s="62">
        <v>16</v>
      </c>
      <c r="JJ18" s="231"/>
      <c r="JK18" s="61">
        <v>16</v>
      </c>
      <c r="JL18" s="61">
        <v>17</v>
      </c>
      <c r="JM18" s="61">
        <v>11</v>
      </c>
      <c r="JN18" s="61">
        <v>12</v>
      </c>
      <c r="JO18" s="61">
        <v>3</v>
      </c>
      <c r="JP18" s="62">
        <v>59</v>
      </c>
      <c r="JQ18" s="63">
        <v>75</v>
      </c>
      <c r="JR18" s="60">
        <v>0</v>
      </c>
      <c r="JS18" s="61">
        <v>0</v>
      </c>
      <c r="JT18" s="62">
        <v>0</v>
      </c>
      <c r="JU18" s="231"/>
      <c r="JV18" s="61">
        <v>0</v>
      </c>
      <c r="JW18" s="61">
        <v>0</v>
      </c>
      <c r="JX18" s="61">
        <v>0</v>
      </c>
      <c r="JY18" s="61">
        <v>0</v>
      </c>
      <c r="JZ18" s="61">
        <v>0</v>
      </c>
      <c r="KA18" s="62">
        <v>0</v>
      </c>
      <c r="KB18" s="63">
        <v>0</v>
      </c>
      <c r="KC18" s="60">
        <v>29</v>
      </c>
      <c r="KD18" s="61">
        <v>26</v>
      </c>
      <c r="KE18" s="62">
        <v>55</v>
      </c>
      <c r="KF18" s="231"/>
      <c r="KG18" s="61">
        <v>50</v>
      </c>
      <c r="KH18" s="61">
        <v>32</v>
      </c>
      <c r="KI18" s="61">
        <v>26</v>
      </c>
      <c r="KJ18" s="61">
        <v>28</v>
      </c>
      <c r="KK18" s="61">
        <v>9</v>
      </c>
      <c r="KL18" s="62">
        <v>145</v>
      </c>
      <c r="KM18" s="63">
        <v>200</v>
      </c>
    </row>
    <row r="19" spans="2:299" ht="21" customHeight="1" x14ac:dyDescent="0.2">
      <c r="B19" s="472" t="s">
        <v>16</v>
      </c>
      <c r="C19" s="293">
        <v>36</v>
      </c>
      <c r="D19" s="72">
        <v>48</v>
      </c>
      <c r="E19" s="73">
        <v>84</v>
      </c>
      <c r="F19" s="228"/>
      <c r="G19" s="72">
        <v>66</v>
      </c>
      <c r="H19" s="72">
        <v>97</v>
      </c>
      <c r="I19" s="72">
        <v>51</v>
      </c>
      <c r="J19" s="72">
        <v>43</v>
      </c>
      <c r="K19" s="72">
        <v>24</v>
      </c>
      <c r="L19" s="74">
        <v>281</v>
      </c>
      <c r="M19" s="75">
        <v>365</v>
      </c>
      <c r="N19" s="60">
        <v>2</v>
      </c>
      <c r="O19" s="61">
        <v>0</v>
      </c>
      <c r="P19" s="62">
        <v>2</v>
      </c>
      <c r="Q19" s="231"/>
      <c r="R19" s="61">
        <v>1</v>
      </c>
      <c r="S19" s="61">
        <v>1</v>
      </c>
      <c r="T19" s="61">
        <v>1</v>
      </c>
      <c r="U19" s="61">
        <v>1</v>
      </c>
      <c r="V19" s="61">
        <v>1</v>
      </c>
      <c r="W19" s="62">
        <v>5</v>
      </c>
      <c r="X19" s="63">
        <v>7</v>
      </c>
      <c r="Y19" s="60">
        <v>3</v>
      </c>
      <c r="Z19" s="61">
        <v>4</v>
      </c>
      <c r="AA19" s="62">
        <v>7</v>
      </c>
      <c r="AB19" s="231"/>
      <c r="AC19" s="61">
        <v>2</v>
      </c>
      <c r="AD19" s="61">
        <v>6</v>
      </c>
      <c r="AE19" s="61">
        <v>2</v>
      </c>
      <c r="AF19" s="61">
        <v>0</v>
      </c>
      <c r="AG19" s="61">
        <v>3</v>
      </c>
      <c r="AH19" s="62">
        <v>13</v>
      </c>
      <c r="AI19" s="63">
        <v>20</v>
      </c>
      <c r="AJ19" s="60">
        <v>4</v>
      </c>
      <c r="AK19" s="61">
        <v>6</v>
      </c>
      <c r="AL19" s="62">
        <v>10</v>
      </c>
      <c r="AM19" s="231"/>
      <c r="AN19" s="61">
        <v>5</v>
      </c>
      <c r="AO19" s="61">
        <v>6</v>
      </c>
      <c r="AP19" s="61">
        <v>11</v>
      </c>
      <c r="AQ19" s="61">
        <v>3</v>
      </c>
      <c r="AR19" s="61">
        <v>3</v>
      </c>
      <c r="AS19" s="62">
        <v>28</v>
      </c>
      <c r="AT19" s="63">
        <v>38</v>
      </c>
      <c r="AU19" s="60">
        <v>10</v>
      </c>
      <c r="AV19" s="61">
        <v>9</v>
      </c>
      <c r="AW19" s="62">
        <v>19</v>
      </c>
      <c r="AX19" s="231"/>
      <c r="AY19" s="61">
        <v>14</v>
      </c>
      <c r="AZ19" s="61">
        <v>26</v>
      </c>
      <c r="BA19" s="61">
        <v>10</v>
      </c>
      <c r="BB19" s="61">
        <v>8</v>
      </c>
      <c r="BC19" s="61">
        <v>7</v>
      </c>
      <c r="BD19" s="62">
        <v>65</v>
      </c>
      <c r="BE19" s="63">
        <v>84</v>
      </c>
      <c r="BF19" s="60">
        <v>9</v>
      </c>
      <c r="BG19" s="61">
        <v>15</v>
      </c>
      <c r="BH19" s="62">
        <v>24</v>
      </c>
      <c r="BI19" s="231"/>
      <c r="BJ19" s="61">
        <v>22</v>
      </c>
      <c r="BK19" s="61">
        <v>21</v>
      </c>
      <c r="BL19" s="61">
        <v>9</v>
      </c>
      <c r="BM19" s="61">
        <v>7</v>
      </c>
      <c r="BN19" s="61">
        <v>2</v>
      </c>
      <c r="BO19" s="62">
        <v>61</v>
      </c>
      <c r="BP19" s="63">
        <v>85</v>
      </c>
      <c r="BQ19" s="60">
        <v>8</v>
      </c>
      <c r="BR19" s="61">
        <v>14</v>
      </c>
      <c r="BS19" s="62">
        <v>22</v>
      </c>
      <c r="BT19" s="231"/>
      <c r="BU19" s="61">
        <v>22</v>
      </c>
      <c r="BV19" s="61">
        <v>37</v>
      </c>
      <c r="BW19" s="61">
        <v>18</v>
      </c>
      <c r="BX19" s="61">
        <v>24</v>
      </c>
      <c r="BY19" s="61">
        <v>8</v>
      </c>
      <c r="BZ19" s="62">
        <v>109</v>
      </c>
      <c r="CA19" s="63">
        <v>131</v>
      </c>
      <c r="CB19" s="60">
        <v>0</v>
      </c>
      <c r="CC19" s="61">
        <v>0</v>
      </c>
      <c r="CD19" s="62">
        <v>0</v>
      </c>
      <c r="CE19" s="231"/>
      <c r="CF19" s="61">
        <v>0</v>
      </c>
      <c r="CG19" s="61">
        <v>0</v>
      </c>
      <c r="CH19" s="61">
        <v>0</v>
      </c>
      <c r="CI19" s="61">
        <v>0</v>
      </c>
      <c r="CJ19" s="61">
        <v>0</v>
      </c>
      <c r="CK19" s="62">
        <v>0</v>
      </c>
      <c r="CL19" s="63">
        <v>0</v>
      </c>
      <c r="CM19" s="60">
        <v>36</v>
      </c>
      <c r="CN19" s="61">
        <v>48</v>
      </c>
      <c r="CO19" s="62">
        <v>84</v>
      </c>
      <c r="CP19" s="231"/>
      <c r="CQ19" s="61">
        <v>66</v>
      </c>
      <c r="CR19" s="61">
        <v>97</v>
      </c>
      <c r="CS19" s="61">
        <v>51</v>
      </c>
      <c r="CT19" s="61">
        <v>43</v>
      </c>
      <c r="CU19" s="61">
        <v>24</v>
      </c>
      <c r="CV19" s="62">
        <v>281</v>
      </c>
      <c r="CW19" s="63">
        <v>365</v>
      </c>
      <c r="CX19" s="113">
        <v>8</v>
      </c>
      <c r="CY19" s="72">
        <v>12</v>
      </c>
      <c r="CZ19" s="73">
        <v>20</v>
      </c>
      <c r="DA19" s="228"/>
      <c r="DB19" s="72">
        <v>5</v>
      </c>
      <c r="DC19" s="72">
        <v>8</v>
      </c>
      <c r="DD19" s="72">
        <v>9</v>
      </c>
      <c r="DE19" s="72">
        <v>11</v>
      </c>
      <c r="DF19" s="72">
        <v>8</v>
      </c>
      <c r="DG19" s="74">
        <v>41</v>
      </c>
      <c r="DH19" s="75">
        <v>61</v>
      </c>
      <c r="DI19" s="60">
        <v>0</v>
      </c>
      <c r="DJ19" s="61">
        <v>1</v>
      </c>
      <c r="DK19" s="62">
        <v>1</v>
      </c>
      <c r="DL19" s="231"/>
      <c r="DM19" s="61">
        <v>0</v>
      </c>
      <c r="DN19" s="61">
        <v>0</v>
      </c>
      <c r="DO19" s="61">
        <v>0</v>
      </c>
      <c r="DP19" s="61">
        <v>0</v>
      </c>
      <c r="DQ19" s="61">
        <v>0</v>
      </c>
      <c r="DR19" s="62">
        <v>0</v>
      </c>
      <c r="DS19" s="63">
        <v>1</v>
      </c>
      <c r="DT19" s="60">
        <v>0</v>
      </c>
      <c r="DU19" s="61">
        <v>2</v>
      </c>
      <c r="DV19" s="62">
        <v>2</v>
      </c>
      <c r="DW19" s="231"/>
      <c r="DX19" s="61">
        <v>0</v>
      </c>
      <c r="DY19" s="61">
        <v>0</v>
      </c>
      <c r="DZ19" s="61">
        <v>0</v>
      </c>
      <c r="EA19" s="61">
        <v>0</v>
      </c>
      <c r="EB19" s="61">
        <v>0</v>
      </c>
      <c r="EC19" s="62">
        <v>0</v>
      </c>
      <c r="ED19" s="63">
        <v>2</v>
      </c>
      <c r="EE19" s="60">
        <v>1</v>
      </c>
      <c r="EF19" s="61">
        <v>1</v>
      </c>
      <c r="EG19" s="62">
        <v>2</v>
      </c>
      <c r="EH19" s="231"/>
      <c r="EI19" s="61">
        <v>0</v>
      </c>
      <c r="EJ19" s="61">
        <v>1</v>
      </c>
      <c r="EK19" s="61">
        <v>2</v>
      </c>
      <c r="EL19" s="61">
        <v>1</v>
      </c>
      <c r="EM19" s="61">
        <v>1</v>
      </c>
      <c r="EN19" s="62">
        <v>5</v>
      </c>
      <c r="EO19" s="63">
        <v>7</v>
      </c>
      <c r="EP19" s="60">
        <v>2</v>
      </c>
      <c r="EQ19" s="61">
        <v>3</v>
      </c>
      <c r="ER19" s="62">
        <v>5</v>
      </c>
      <c r="ES19" s="231"/>
      <c r="ET19" s="61">
        <v>2</v>
      </c>
      <c r="EU19" s="61">
        <v>5</v>
      </c>
      <c r="EV19" s="61">
        <v>1</v>
      </c>
      <c r="EW19" s="61">
        <v>2</v>
      </c>
      <c r="EX19" s="61">
        <v>1</v>
      </c>
      <c r="EY19" s="62">
        <v>11</v>
      </c>
      <c r="EZ19" s="63">
        <v>16</v>
      </c>
      <c r="FA19" s="60">
        <v>4</v>
      </c>
      <c r="FB19" s="61">
        <v>3</v>
      </c>
      <c r="FC19" s="62">
        <v>7</v>
      </c>
      <c r="FD19" s="231"/>
      <c r="FE19" s="61">
        <v>0</v>
      </c>
      <c r="FF19" s="61">
        <v>1</v>
      </c>
      <c r="FG19" s="61">
        <v>2</v>
      </c>
      <c r="FH19" s="61">
        <v>3</v>
      </c>
      <c r="FI19" s="61">
        <v>2</v>
      </c>
      <c r="FJ19" s="62">
        <v>8</v>
      </c>
      <c r="FK19" s="63">
        <v>15</v>
      </c>
      <c r="FL19" s="60">
        <v>1</v>
      </c>
      <c r="FM19" s="61">
        <v>2</v>
      </c>
      <c r="FN19" s="62">
        <v>3</v>
      </c>
      <c r="FO19" s="231"/>
      <c r="FP19" s="61">
        <v>3</v>
      </c>
      <c r="FQ19" s="61">
        <v>1</v>
      </c>
      <c r="FR19" s="61">
        <v>4</v>
      </c>
      <c r="FS19" s="61">
        <v>5</v>
      </c>
      <c r="FT19" s="61">
        <v>4</v>
      </c>
      <c r="FU19" s="62">
        <v>17</v>
      </c>
      <c r="FV19" s="63">
        <v>20</v>
      </c>
      <c r="FW19" s="60">
        <v>0</v>
      </c>
      <c r="FX19" s="61">
        <v>0</v>
      </c>
      <c r="FY19" s="62">
        <v>0</v>
      </c>
      <c r="FZ19" s="231"/>
      <c r="GA19" s="61">
        <v>0</v>
      </c>
      <c r="GB19" s="61">
        <v>0</v>
      </c>
      <c r="GC19" s="61">
        <v>0</v>
      </c>
      <c r="GD19" s="61">
        <v>0</v>
      </c>
      <c r="GE19" s="61">
        <v>0</v>
      </c>
      <c r="GF19" s="62">
        <v>0</v>
      </c>
      <c r="GG19" s="63">
        <v>0</v>
      </c>
      <c r="GH19" s="60">
        <v>8</v>
      </c>
      <c r="GI19" s="61">
        <v>12</v>
      </c>
      <c r="GJ19" s="62">
        <v>20</v>
      </c>
      <c r="GK19" s="231"/>
      <c r="GL19" s="61">
        <v>5</v>
      </c>
      <c r="GM19" s="61">
        <v>8</v>
      </c>
      <c r="GN19" s="61">
        <v>9</v>
      </c>
      <c r="GO19" s="61">
        <v>11</v>
      </c>
      <c r="GP19" s="61">
        <v>8</v>
      </c>
      <c r="GQ19" s="62">
        <v>41</v>
      </c>
      <c r="GR19" s="63">
        <v>61</v>
      </c>
      <c r="GS19" s="113">
        <v>44</v>
      </c>
      <c r="GT19" s="72">
        <v>60</v>
      </c>
      <c r="GU19" s="73">
        <v>104</v>
      </c>
      <c r="GV19" s="228"/>
      <c r="GW19" s="72">
        <v>71</v>
      </c>
      <c r="GX19" s="72">
        <v>105</v>
      </c>
      <c r="GY19" s="72">
        <v>60</v>
      </c>
      <c r="GZ19" s="72">
        <v>54</v>
      </c>
      <c r="HA19" s="72">
        <v>32</v>
      </c>
      <c r="HB19" s="74">
        <v>322</v>
      </c>
      <c r="HC19" s="75">
        <v>426</v>
      </c>
      <c r="HD19" s="60">
        <v>2</v>
      </c>
      <c r="HE19" s="61">
        <v>1</v>
      </c>
      <c r="HF19" s="62">
        <v>3</v>
      </c>
      <c r="HG19" s="231"/>
      <c r="HH19" s="61">
        <v>1</v>
      </c>
      <c r="HI19" s="61">
        <v>1</v>
      </c>
      <c r="HJ19" s="61">
        <v>1</v>
      </c>
      <c r="HK19" s="61">
        <v>1</v>
      </c>
      <c r="HL19" s="61">
        <v>1</v>
      </c>
      <c r="HM19" s="62">
        <v>5</v>
      </c>
      <c r="HN19" s="63">
        <v>8</v>
      </c>
      <c r="HO19" s="60">
        <v>3</v>
      </c>
      <c r="HP19" s="61">
        <v>6</v>
      </c>
      <c r="HQ19" s="62">
        <v>9</v>
      </c>
      <c r="HR19" s="231"/>
      <c r="HS19" s="61">
        <v>2</v>
      </c>
      <c r="HT19" s="61">
        <v>6</v>
      </c>
      <c r="HU19" s="61">
        <v>2</v>
      </c>
      <c r="HV19" s="61">
        <v>0</v>
      </c>
      <c r="HW19" s="61">
        <v>3</v>
      </c>
      <c r="HX19" s="62">
        <v>13</v>
      </c>
      <c r="HY19" s="63">
        <v>22</v>
      </c>
      <c r="HZ19" s="60">
        <v>5</v>
      </c>
      <c r="IA19" s="61">
        <v>7</v>
      </c>
      <c r="IB19" s="62">
        <v>12</v>
      </c>
      <c r="IC19" s="231"/>
      <c r="ID19" s="61">
        <v>5</v>
      </c>
      <c r="IE19" s="61">
        <v>7</v>
      </c>
      <c r="IF19" s="61">
        <v>13</v>
      </c>
      <c r="IG19" s="61">
        <v>4</v>
      </c>
      <c r="IH19" s="61">
        <v>4</v>
      </c>
      <c r="II19" s="62">
        <v>33</v>
      </c>
      <c r="IJ19" s="63">
        <v>45</v>
      </c>
      <c r="IK19" s="60">
        <v>12</v>
      </c>
      <c r="IL19" s="61">
        <v>12</v>
      </c>
      <c r="IM19" s="62">
        <v>24</v>
      </c>
      <c r="IN19" s="231"/>
      <c r="IO19" s="61">
        <v>16</v>
      </c>
      <c r="IP19" s="61">
        <v>31</v>
      </c>
      <c r="IQ19" s="61">
        <v>11</v>
      </c>
      <c r="IR19" s="61">
        <v>10</v>
      </c>
      <c r="IS19" s="61">
        <v>8</v>
      </c>
      <c r="IT19" s="62">
        <v>76</v>
      </c>
      <c r="IU19" s="63">
        <v>100</v>
      </c>
      <c r="IV19" s="60">
        <v>13</v>
      </c>
      <c r="IW19" s="61">
        <v>18</v>
      </c>
      <c r="IX19" s="62">
        <v>31</v>
      </c>
      <c r="IY19" s="231"/>
      <c r="IZ19" s="61">
        <v>22</v>
      </c>
      <c r="JA19" s="61">
        <v>22</v>
      </c>
      <c r="JB19" s="61">
        <v>11</v>
      </c>
      <c r="JC19" s="61">
        <v>10</v>
      </c>
      <c r="JD19" s="61">
        <v>4</v>
      </c>
      <c r="JE19" s="62">
        <v>69</v>
      </c>
      <c r="JF19" s="63">
        <v>100</v>
      </c>
      <c r="JG19" s="60">
        <v>9</v>
      </c>
      <c r="JH19" s="61">
        <v>16</v>
      </c>
      <c r="JI19" s="62">
        <v>25</v>
      </c>
      <c r="JJ19" s="231"/>
      <c r="JK19" s="61">
        <v>25</v>
      </c>
      <c r="JL19" s="61">
        <v>38</v>
      </c>
      <c r="JM19" s="61">
        <v>22</v>
      </c>
      <c r="JN19" s="61">
        <v>29</v>
      </c>
      <c r="JO19" s="61">
        <v>12</v>
      </c>
      <c r="JP19" s="62">
        <v>126</v>
      </c>
      <c r="JQ19" s="63">
        <v>151</v>
      </c>
      <c r="JR19" s="60">
        <v>0</v>
      </c>
      <c r="JS19" s="61">
        <v>0</v>
      </c>
      <c r="JT19" s="62">
        <v>0</v>
      </c>
      <c r="JU19" s="231"/>
      <c r="JV19" s="61">
        <v>0</v>
      </c>
      <c r="JW19" s="61">
        <v>0</v>
      </c>
      <c r="JX19" s="61">
        <v>0</v>
      </c>
      <c r="JY19" s="61">
        <v>0</v>
      </c>
      <c r="JZ19" s="61">
        <v>0</v>
      </c>
      <c r="KA19" s="62">
        <v>0</v>
      </c>
      <c r="KB19" s="63">
        <v>0</v>
      </c>
      <c r="KC19" s="60">
        <v>44</v>
      </c>
      <c r="KD19" s="61">
        <v>60</v>
      </c>
      <c r="KE19" s="62">
        <v>104</v>
      </c>
      <c r="KF19" s="231"/>
      <c r="KG19" s="61">
        <v>71</v>
      </c>
      <c r="KH19" s="61">
        <v>105</v>
      </c>
      <c r="KI19" s="61">
        <v>60</v>
      </c>
      <c r="KJ19" s="61">
        <v>54</v>
      </c>
      <c r="KK19" s="61">
        <v>32</v>
      </c>
      <c r="KL19" s="62">
        <v>322</v>
      </c>
      <c r="KM19" s="63">
        <v>426</v>
      </c>
    </row>
    <row r="20" spans="2:299" ht="21" customHeight="1" x14ac:dyDescent="0.2">
      <c r="B20" s="472" t="s">
        <v>17</v>
      </c>
      <c r="C20" s="293">
        <v>62</v>
      </c>
      <c r="D20" s="72">
        <v>49</v>
      </c>
      <c r="E20" s="73">
        <v>111</v>
      </c>
      <c r="F20" s="228"/>
      <c r="G20" s="72">
        <v>110</v>
      </c>
      <c r="H20" s="72">
        <v>107</v>
      </c>
      <c r="I20" s="72">
        <v>67</v>
      </c>
      <c r="J20" s="72">
        <v>38</v>
      </c>
      <c r="K20" s="72">
        <v>31</v>
      </c>
      <c r="L20" s="74">
        <v>353</v>
      </c>
      <c r="M20" s="75">
        <v>464</v>
      </c>
      <c r="N20" s="60">
        <v>0</v>
      </c>
      <c r="O20" s="61">
        <v>3</v>
      </c>
      <c r="P20" s="62">
        <v>3</v>
      </c>
      <c r="Q20" s="231"/>
      <c r="R20" s="61">
        <v>3</v>
      </c>
      <c r="S20" s="61">
        <v>1</v>
      </c>
      <c r="T20" s="61">
        <v>2</v>
      </c>
      <c r="U20" s="61">
        <v>1</v>
      </c>
      <c r="V20" s="61">
        <v>1</v>
      </c>
      <c r="W20" s="62">
        <v>8</v>
      </c>
      <c r="X20" s="63">
        <v>11</v>
      </c>
      <c r="Y20" s="60">
        <v>2</v>
      </c>
      <c r="Z20" s="61">
        <v>1</v>
      </c>
      <c r="AA20" s="62">
        <v>3</v>
      </c>
      <c r="AB20" s="231"/>
      <c r="AC20" s="61">
        <v>4</v>
      </c>
      <c r="AD20" s="61">
        <v>3</v>
      </c>
      <c r="AE20" s="61">
        <v>4</v>
      </c>
      <c r="AF20" s="61">
        <v>2</v>
      </c>
      <c r="AG20" s="61">
        <v>1</v>
      </c>
      <c r="AH20" s="62">
        <v>14</v>
      </c>
      <c r="AI20" s="63">
        <v>17</v>
      </c>
      <c r="AJ20" s="60">
        <v>9</v>
      </c>
      <c r="AK20" s="61">
        <v>5</v>
      </c>
      <c r="AL20" s="62">
        <v>14</v>
      </c>
      <c r="AM20" s="231"/>
      <c r="AN20" s="61">
        <v>10</v>
      </c>
      <c r="AO20" s="61">
        <v>16</v>
      </c>
      <c r="AP20" s="61">
        <v>3</v>
      </c>
      <c r="AQ20" s="61">
        <v>2</v>
      </c>
      <c r="AR20" s="61">
        <v>2</v>
      </c>
      <c r="AS20" s="62">
        <v>33</v>
      </c>
      <c r="AT20" s="63">
        <v>47</v>
      </c>
      <c r="AU20" s="60">
        <v>17</v>
      </c>
      <c r="AV20" s="61">
        <v>13</v>
      </c>
      <c r="AW20" s="62">
        <v>30</v>
      </c>
      <c r="AX20" s="231"/>
      <c r="AY20" s="61">
        <v>27</v>
      </c>
      <c r="AZ20" s="61">
        <v>27</v>
      </c>
      <c r="BA20" s="61">
        <v>14</v>
      </c>
      <c r="BB20" s="61">
        <v>7</v>
      </c>
      <c r="BC20" s="61">
        <v>5</v>
      </c>
      <c r="BD20" s="62">
        <v>80</v>
      </c>
      <c r="BE20" s="63">
        <v>110</v>
      </c>
      <c r="BF20" s="60">
        <v>15</v>
      </c>
      <c r="BG20" s="61">
        <v>12</v>
      </c>
      <c r="BH20" s="62">
        <v>27</v>
      </c>
      <c r="BI20" s="231"/>
      <c r="BJ20" s="61">
        <v>35</v>
      </c>
      <c r="BK20" s="61">
        <v>33</v>
      </c>
      <c r="BL20" s="61">
        <v>23</v>
      </c>
      <c r="BM20" s="61">
        <v>13</v>
      </c>
      <c r="BN20" s="61">
        <v>8</v>
      </c>
      <c r="BO20" s="62">
        <v>112</v>
      </c>
      <c r="BP20" s="63">
        <v>139</v>
      </c>
      <c r="BQ20" s="60">
        <v>19</v>
      </c>
      <c r="BR20" s="61">
        <v>15</v>
      </c>
      <c r="BS20" s="62">
        <v>34</v>
      </c>
      <c r="BT20" s="231"/>
      <c r="BU20" s="61">
        <v>31</v>
      </c>
      <c r="BV20" s="61">
        <v>27</v>
      </c>
      <c r="BW20" s="61">
        <v>21</v>
      </c>
      <c r="BX20" s="61">
        <v>13</v>
      </c>
      <c r="BY20" s="61">
        <v>14</v>
      </c>
      <c r="BZ20" s="62">
        <v>106</v>
      </c>
      <c r="CA20" s="63">
        <v>140</v>
      </c>
      <c r="CB20" s="60">
        <v>0</v>
      </c>
      <c r="CC20" s="61">
        <v>0</v>
      </c>
      <c r="CD20" s="62">
        <v>0</v>
      </c>
      <c r="CE20" s="231"/>
      <c r="CF20" s="61">
        <v>0</v>
      </c>
      <c r="CG20" s="61">
        <v>0</v>
      </c>
      <c r="CH20" s="61">
        <v>0</v>
      </c>
      <c r="CI20" s="61">
        <v>0</v>
      </c>
      <c r="CJ20" s="61">
        <v>0</v>
      </c>
      <c r="CK20" s="62">
        <v>0</v>
      </c>
      <c r="CL20" s="63">
        <v>0</v>
      </c>
      <c r="CM20" s="60">
        <v>62</v>
      </c>
      <c r="CN20" s="61">
        <v>49</v>
      </c>
      <c r="CO20" s="62">
        <v>111</v>
      </c>
      <c r="CP20" s="231"/>
      <c r="CQ20" s="61">
        <v>110</v>
      </c>
      <c r="CR20" s="61">
        <v>107</v>
      </c>
      <c r="CS20" s="61">
        <v>67</v>
      </c>
      <c r="CT20" s="61">
        <v>38</v>
      </c>
      <c r="CU20" s="61">
        <v>31</v>
      </c>
      <c r="CV20" s="62">
        <v>353</v>
      </c>
      <c r="CW20" s="63">
        <v>464</v>
      </c>
      <c r="CX20" s="113">
        <v>11</v>
      </c>
      <c r="CY20" s="72">
        <v>9</v>
      </c>
      <c r="CZ20" s="73">
        <v>20</v>
      </c>
      <c r="DA20" s="228"/>
      <c r="DB20" s="72">
        <v>5</v>
      </c>
      <c r="DC20" s="72">
        <v>18</v>
      </c>
      <c r="DD20" s="72">
        <v>9</v>
      </c>
      <c r="DE20" s="72">
        <v>12</v>
      </c>
      <c r="DF20" s="72">
        <v>5</v>
      </c>
      <c r="DG20" s="74">
        <v>49</v>
      </c>
      <c r="DH20" s="75">
        <v>69</v>
      </c>
      <c r="DI20" s="60">
        <v>0</v>
      </c>
      <c r="DJ20" s="61">
        <v>0</v>
      </c>
      <c r="DK20" s="62">
        <v>0</v>
      </c>
      <c r="DL20" s="231"/>
      <c r="DM20" s="61">
        <v>0</v>
      </c>
      <c r="DN20" s="61">
        <v>2</v>
      </c>
      <c r="DO20" s="61">
        <v>0</v>
      </c>
      <c r="DP20" s="61">
        <v>0</v>
      </c>
      <c r="DQ20" s="61">
        <v>1</v>
      </c>
      <c r="DR20" s="62">
        <v>3</v>
      </c>
      <c r="DS20" s="63">
        <v>3</v>
      </c>
      <c r="DT20" s="60">
        <v>0</v>
      </c>
      <c r="DU20" s="61">
        <v>2</v>
      </c>
      <c r="DV20" s="62">
        <v>2</v>
      </c>
      <c r="DW20" s="231"/>
      <c r="DX20" s="61">
        <v>0</v>
      </c>
      <c r="DY20" s="61">
        <v>1</v>
      </c>
      <c r="DZ20" s="61">
        <v>1</v>
      </c>
      <c r="EA20" s="61">
        <v>0</v>
      </c>
      <c r="EB20" s="61">
        <v>0</v>
      </c>
      <c r="EC20" s="62">
        <v>2</v>
      </c>
      <c r="ED20" s="63">
        <v>4</v>
      </c>
      <c r="EE20" s="60">
        <v>4</v>
      </c>
      <c r="EF20" s="61">
        <v>2</v>
      </c>
      <c r="EG20" s="62">
        <v>6</v>
      </c>
      <c r="EH20" s="231"/>
      <c r="EI20" s="61">
        <v>1</v>
      </c>
      <c r="EJ20" s="61">
        <v>0</v>
      </c>
      <c r="EK20" s="61">
        <v>1</v>
      </c>
      <c r="EL20" s="61">
        <v>0</v>
      </c>
      <c r="EM20" s="61">
        <v>0</v>
      </c>
      <c r="EN20" s="62">
        <v>2</v>
      </c>
      <c r="EO20" s="63">
        <v>8</v>
      </c>
      <c r="EP20" s="60">
        <v>3</v>
      </c>
      <c r="EQ20" s="61">
        <v>1</v>
      </c>
      <c r="ER20" s="62">
        <v>4</v>
      </c>
      <c r="ES20" s="231"/>
      <c r="ET20" s="61">
        <v>2</v>
      </c>
      <c r="EU20" s="61">
        <v>2</v>
      </c>
      <c r="EV20" s="61">
        <v>2</v>
      </c>
      <c r="EW20" s="61">
        <v>1</v>
      </c>
      <c r="EX20" s="61">
        <v>1</v>
      </c>
      <c r="EY20" s="62">
        <v>8</v>
      </c>
      <c r="EZ20" s="63">
        <v>12</v>
      </c>
      <c r="FA20" s="60">
        <v>3</v>
      </c>
      <c r="FB20" s="61">
        <v>2</v>
      </c>
      <c r="FC20" s="62">
        <v>5</v>
      </c>
      <c r="FD20" s="231"/>
      <c r="FE20" s="61">
        <v>1</v>
      </c>
      <c r="FF20" s="61">
        <v>5</v>
      </c>
      <c r="FG20" s="61">
        <v>0</v>
      </c>
      <c r="FH20" s="61">
        <v>3</v>
      </c>
      <c r="FI20" s="61">
        <v>0</v>
      </c>
      <c r="FJ20" s="62">
        <v>9</v>
      </c>
      <c r="FK20" s="63">
        <v>14</v>
      </c>
      <c r="FL20" s="60">
        <v>1</v>
      </c>
      <c r="FM20" s="61">
        <v>2</v>
      </c>
      <c r="FN20" s="62">
        <v>3</v>
      </c>
      <c r="FO20" s="231"/>
      <c r="FP20" s="61">
        <v>1</v>
      </c>
      <c r="FQ20" s="61">
        <v>8</v>
      </c>
      <c r="FR20" s="61">
        <v>5</v>
      </c>
      <c r="FS20" s="61">
        <v>8</v>
      </c>
      <c r="FT20" s="61">
        <v>3</v>
      </c>
      <c r="FU20" s="62">
        <v>25</v>
      </c>
      <c r="FV20" s="63">
        <v>28</v>
      </c>
      <c r="FW20" s="60">
        <v>0</v>
      </c>
      <c r="FX20" s="61">
        <v>0</v>
      </c>
      <c r="FY20" s="62">
        <v>0</v>
      </c>
      <c r="FZ20" s="231"/>
      <c r="GA20" s="61">
        <v>0</v>
      </c>
      <c r="GB20" s="61">
        <v>0</v>
      </c>
      <c r="GC20" s="61">
        <v>0</v>
      </c>
      <c r="GD20" s="61">
        <v>0</v>
      </c>
      <c r="GE20" s="61">
        <v>0</v>
      </c>
      <c r="GF20" s="62">
        <v>0</v>
      </c>
      <c r="GG20" s="63">
        <v>0</v>
      </c>
      <c r="GH20" s="60">
        <v>11</v>
      </c>
      <c r="GI20" s="61">
        <v>9</v>
      </c>
      <c r="GJ20" s="62">
        <v>20</v>
      </c>
      <c r="GK20" s="231"/>
      <c r="GL20" s="61">
        <v>5</v>
      </c>
      <c r="GM20" s="61">
        <v>18</v>
      </c>
      <c r="GN20" s="61">
        <v>9</v>
      </c>
      <c r="GO20" s="61">
        <v>12</v>
      </c>
      <c r="GP20" s="61">
        <v>5</v>
      </c>
      <c r="GQ20" s="62">
        <v>49</v>
      </c>
      <c r="GR20" s="63">
        <v>69</v>
      </c>
      <c r="GS20" s="113">
        <v>73</v>
      </c>
      <c r="GT20" s="72">
        <v>58</v>
      </c>
      <c r="GU20" s="73">
        <v>131</v>
      </c>
      <c r="GV20" s="228"/>
      <c r="GW20" s="72">
        <v>115</v>
      </c>
      <c r="GX20" s="72">
        <v>125</v>
      </c>
      <c r="GY20" s="72">
        <v>76</v>
      </c>
      <c r="GZ20" s="72">
        <v>50</v>
      </c>
      <c r="HA20" s="72">
        <v>36</v>
      </c>
      <c r="HB20" s="74">
        <v>402</v>
      </c>
      <c r="HC20" s="75">
        <v>533</v>
      </c>
      <c r="HD20" s="60">
        <v>0</v>
      </c>
      <c r="HE20" s="61">
        <v>3</v>
      </c>
      <c r="HF20" s="62">
        <v>3</v>
      </c>
      <c r="HG20" s="231"/>
      <c r="HH20" s="61">
        <v>3</v>
      </c>
      <c r="HI20" s="61">
        <v>3</v>
      </c>
      <c r="HJ20" s="61">
        <v>2</v>
      </c>
      <c r="HK20" s="61">
        <v>1</v>
      </c>
      <c r="HL20" s="61">
        <v>2</v>
      </c>
      <c r="HM20" s="62">
        <v>11</v>
      </c>
      <c r="HN20" s="63">
        <v>14</v>
      </c>
      <c r="HO20" s="60">
        <v>2</v>
      </c>
      <c r="HP20" s="61">
        <v>3</v>
      </c>
      <c r="HQ20" s="62">
        <v>5</v>
      </c>
      <c r="HR20" s="231"/>
      <c r="HS20" s="61">
        <v>4</v>
      </c>
      <c r="HT20" s="61">
        <v>4</v>
      </c>
      <c r="HU20" s="61">
        <v>5</v>
      </c>
      <c r="HV20" s="61">
        <v>2</v>
      </c>
      <c r="HW20" s="61">
        <v>1</v>
      </c>
      <c r="HX20" s="62">
        <v>16</v>
      </c>
      <c r="HY20" s="63">
        <v>21</v>
      </c>
      <c r="HZ20" s="60">
        <v>13</v>
      </c>
      <c r="IA20" s="61">
        <v>7</v>
      </c>
      <c r="IB20" s="62">
        <v>20</v>
      </c>
      <c r="IC20" s="231"/>
      <c r="ID20" s="61">
        <v>11</v>
      </c>
      <c r="IE20" s="61">
        <v>16</v>
      </c>
      <c r="IF20" s="61">
        <v>4</v>
      </c>
      <c r="IG20" s="61">
        <v>2</v>
      </c>
      <c r="IH20" s="61">
        <v>2</v>
      </c>
      <c r="II20" s="62">
        <v>35</v>
      </c>
      <c r="IJ20" s="63">
        <v>55</v>
      </c>
      <c r="IK20" s="60">
        <v>20</v>
      </c>
      <c r="IL20" s="61">
        <v>14</v>
      </c>
      <c r="IM20" s="62">
        <v>34</v>
      </c>
      <c r="IN20" s="231"/>
      <c r="IO20" s="61">
        <v>29</v>
      </c>
      <c r="IP20" s="61">
        <v>29</v>
      </c>
      <c r="IQ20" s="61">
        <v>16</v>
      </c>
      <c r="IR20" s="61">
        <v>8</v>
      </c>
      <c r="IS20" s="61">
        <v>6</v>
      </c>
      <c r="IT20" s="62">
        <v>88</v>
      </c>
      <c r="IU20" s="63">
        <v>122</v>
      </c>
      <c r="IV20" s="60">
        <v>18</v>
      </c>
      <c r="IW20" s="61">
        <v>14</v>
      </c>
      <c r="IX20" s="62">
        <v>32</v>
      </c>
      <c r="IY20" s="231"/>
      <c r="IZ20" s="61">
        <v>36</v>
      </c>
      <c r="JA20" s="61">
        <v>38</v>
      </c>
      <c r="JB20" s="61">
        <v>23</v>
      </c>
      <c r="JC20" s="61">
        <v>16</v>
      </c>
      <c r="JD20" s="61">
        <v>8</v>
      </c>
      <c r="JE20" s="62">
        <v>121</v>
      </c>
      <c r="JF20" s="63">
        <v>153</v>
      </c>
      <c r="JG20" s="60">
        <v>20</v>
      </c>
      <c r="JH20" s="61">
        <v>17</v>
      </c>
      <c r="JI20" s="62">
        <v>37</v>
      </c>
      <c r="JJ20" s="231"/>
      <c r="JK20" s="61">
        <v>32</v>
      </c>
      <c r="JL20" s="61">
        <v>35</v>
      </c>
      <c r="JM20" s="61">
        <v>26</v>
      </c>
      <c r="JN20" s="61">
        <v>21</v>
      </c>
      <c r="JO20" s="61">
        <v>17</v>
      </c>
      <c r="JP20" s="62">
        <v>131</v>
      </c>
      <c r="JQ20" s="63">
        <v>168</v>
      </c>
      <c r="JR20" s="60">
        <v>0</v>
      </c>
      <c r="JS20" s="61">
        <v>0</v>
      </c>
      <c r="JT20" s="62">
        <v>0</v>
      </c>
      <c r="JU20" s="231"/>
      <c r="JV20" s="61">
        <v>0</v>
      </c>
      <c r="JW20" s="61">
        <v>0</v>
      </c>
      <c r="JX20" s="61">
        <v>0</v>
      </c>
      <c r="JY20" s="61">
        <v>0</v>
      </c>
      <c r="JZ20" s="61">
        <v>0</v>
      </c>
      <c r="KA20" s="62">
        <v>0</v>
      </c>
      <c r="KB20" s="63">
        <v>0</v>
      </c>
      <c r="KC20" s="60">
        <v>73</v>
      </c>
      <c r="KD20" s="61">
        <v>58</v>
      </c>
      <c r="KE20" s="62">
        <v>131</v>
      </c>
      <c r="KF20" s="231"/>
      <c r="KG20" s="61">
        <v>115</v>
      </c>
      <c r="KH20" s="61">
        <v>125</v>
      </c>
      <c r="KI20" s="61">
        <v>76</v>
      </c>
      <c r="KJ20" s="61">
        <v>50</v>
      </c>
      <c r="KK20" s="61">
        <v>36</v>
      </c>
      <c r="KL20" s="62">
        <v>402</v>
      </c>
      <c r="KM20" s="63">
        <v>533</v>
      </c>
    </row>
    <row r="21" spans="2:299" ht="21" customHeight="1" x14ac:dyDescent="0.2">
      <c r="B21" s="472" t="s">
        <v>18</v>
      </c>
      <c r="C21" s="293">
        <v>65</v>
      </c>
      <c r="D21" s="72">
        <v>76</v>
      </c>
      <c r="E21" s="73">
        <v>141</v>
      </c>
      <c r="F21" s="228"/>
      <c r="G21" s="72">
        <v>160</v>
      </c>
      <c r="H21" s="72">
        <v>115</v>
      </c>
      <c r="I21" s="72">
        <v>75</v>
      </c>
      <c r="J21" s="72">
        <v>70</v>
      </c>
      <c r="K21" s="72">
        <v>29</v>
      </c>
      <c r="L21" s="74">
        <v>449</v>
      </c>
      <c r="M21" s="75">
        <v>590</v>
      </c>
      <c r="N21" s="60">
        <v>1</v>
      </c>
      <c r="O21" s="61">
        <v>1</v>
      </c>
      <c r="P21" s="62">
        <v>2</v>
      </c>
      <c r="Q21" s="231"/>
      <c r="R21" s="61">
        <v>4</v>
      </c>
      <c r="S21" s="61">
        <v>2</v>
      </c>
      <c r="T21" s="61">
        <v>1</v>
      </c>
      <c r="U21" s="61">
        <v>3</v>
      </c>
      <c r="V21" s="61">
        <v>1</v>
      </c>
      <c r="W21" s="62">
        <v>11</v>
      </c>
      <c r="X21" s="63">
        <v>13</v>
      </c>
      <c r="Y21" s="60">
        <v>2</v>
      </c>
      <c r="Z21" s="61">
        <v>3</v>
      </c>
      <c r="AA21" s="62">
        <v>5</v>
      </c>
      <c r="AB21" s="231"/>
      <c r="AC21" s="61">
        <v>6</v>
      </c>
      <c r="AD21" s="61">
        <v>5</v>
      </c>
      <c r="AE21" s="61">
        <v>3</v>
      </c>
      <c r="AF21" s="61">
        <v>6</v>
      </c>
      <c r="AG21" s="61">
        <v>2</v>
      </c>
      <c r="AH21" s="62">
        <v>22</v>
      </c>
      <c r="AI21" s="63">
        <v>27</v>
      </c>
      <c r="AJ21" s="60">
        <v>8</v>
      </c>
      <c r="AK21" s="61">
        <v>9</v>
      </c>
      <c r="AL21" s="62">
        <v>17</v>
      </c>
      <c r="AM21" s="231"/>
      <c r="AN21" s="61">
        <v>12</v>
      </c>
      <c r="AO21" s="61">
        <v>8</v>
      </c>
      <c r="AP21" s="61">
        <v>4</v>
      </c>
      <c r="AQ21" s="61">
        <v>3</v>
      </c>
      <c r="AR21" s="61">
        <v>1</v>
      </c>
      <c r="AS21" s="62">
        <v>28</v>
      </c>
      <c r="AT21" s="63">
        <v>45</v>
      </c>
      <c r="AU21" s="60">
        <v>14</v>
      </c>
      <c r="AV21" s="61">
        <v>13</v>
      </c>
      <c r="AW21" s="62">
        <v>27</v>
      </c>
      <c r="AX21" s="231"/>
      <c r="AY21" s="61">
        <v>27</v>
      </c>
      <c r="AZ21" s="61">
        <v>23</v>
      </c>
      <c r="BA21" s="61">
        <v>11</v>
      </c>
      <c r="BB21" s="61">
        <v>12</v>
      </c>
      <c r="BC21" s="61">
        <v>8</v>
      </c>
      <c r="BD21" s="62">
        <v>81</v>
      </c>
      <c r="BE21" s="63">
        <v>108</v>
      </c>
      <c r="BF21" s="60">
        <v>22</v>
      </c>
      <c r="BG21" s="61">
        <v>30</v>
      </c>
      <c r="BH21" s="62">
        <v>52</v>
      </c>
      <c r="BI21" s="231"/>
      <c r="BJ21" s="61">
        <v>58</v>
      </c>
      <c r="BK21" s="61">
        <v>38</v>
      </c>
      <c r="BL21" s="61">
        <v>25</v>
      </c>
      <c r="BM21" s="61">
        <v>23</v>
      </c>
      <c r="BN21" s="61">
        <v>7</v>
      </c>
      <c r="BO21" s="62">
        <v>151</v>
      </c>
      <c r="BP21" s="63">
        <v>203</v>
      </c>
      <c r="BQ21" s="60">
        <v>18</v>
      </c>
      <c r="BR21" s="61">
        <v>20</v>
      </c>
      <c r="BS21" s="62">
        <v>38</v>
      </c>
      <c r="BT21" s="231"/>
      <c r="BU21" s="61">
        <v>53</v>
      </c>
      <c r="BV21" s="61">
        <v>39</v>
      </c>
      <c r="BW21" s="61">
        <v>31</v>
      </c>
      <c r="BX21" s="61">
        <v>23</v>
      </c>
      <c r="BY21" s="61">
        <v>10</v>
      </c>
      <c r="BZ21" s="62">
        <v>156</v>
      </c>
      <c r="CA21" s="63">
        <v>194</v>
      </c>
      <c r="CB21" s="60">
        <v>0</v>
      </c>
      <c r="CC21" s="61">
        <v>0</v>
      </c>
      <c r="CD21" s="62">
        <v>0</v>
      </c>
      <c r="CE21" s="231"/>
      <c r="CF21" s="61">
        <v>0</v>
      </c>
      <c r="CG21" s="61">
        <v>0</v>
      </c>
      <c r="CH21" s="61">
        <v>0</v>
      </c>
      <c r="CI21" s="61">
        <v>0</v>
      </c>
      <c r="CJ21" s="61">
        <v>0</v>
      </c>
      <c r="CK21" s="62">
        <v>0</v>
      </c>
      <c r="CL21" s="63">
        <v>0</v>
      </c>
      <c r="CM21" s="60">
        <v>65</v>
      </c>
      <c r="CN21" s="61">
        <v>76</v>
      </c>
      <c r="CO21" s="62">
        <v>141</v>
      </c>
      <c r="CP21" s="231"/>
      <c r="CQ21" s="61">
        <v>160</v>
      </c>
      <c r="CR21" s="61">
        <v>115</v>
      </c>
      <c r="CS21" s="61">
        <v>75</v>
      </c>
      <c r="CT21" s="61">
        <v>70</v>
      </c>
      <c r="CU21" s="61">
        <v>29</v>
      </c>
      <c r="CV21" s="62">
        <v>449</v>
      </c>
      <c r="CW21" s="63">
        <v>590</v>
      </c>
      <c r="CX21" s="113">
        <v>9</v>
      </c>
      <c r="CY21" s="72">
        <v>18</v>
      </c>
      <c r="CZ21" s="73">
        <v>27</v>
      </c>
      <c r="DA21" s="228"/>
      <c r="DB21" s="72">
        <v>19</v>
      </c>
      <c r="DC21" s="72">
        <v>12</v>
      </c>
      <c r="DD21" s="72">
        <v>7</v>
      </c>
      <c r="DE21" s="72">
        <v>8</v>
      </c>
      <c r="DF21" s="72">
        <v>3</v>
      </c>
      <c r="DG21" s="74">
        <v>49</v>
      </c>
      <c r="DH21" s="75">
        <v>76</v>
      </c>
      <c r="DI21" s="60">
        <v>0</v>
      </c>
      <c r="DJ21" s="61">
        <v>0</v>
      </c>
      <c r="DK21" s="62">
        <v>0</v>
      </c>
      <c r="DL21" s="231"/>
      <c r="DM21" s="61">
        <v>1</v>
      </c>
      <c r="DN21" s="61">
        <v>0</v>
      </c>
      <c r="DO21" s="61">
        <v>0</v>
      </c>
      <c r="DP21" s="61">
        <v>0</v>
      </c>
      <c r="DQ21" s="61">
        <v>0</v>
      </c>
      <c r="DR21" s="62">
        <v>1</v>
      </c>
      <c r="DS21" s="63">
        <v>1</v>
      </c>
      <c r="DT21" s="60">
        <v>0</v>
      </c>
      <c r="DU21" s="61">
        <v>5</v>
      </c>
      <c r="DV21" s="62">
        <v>5</v>
      </c>
      <c r="DW21" s="231"/>
      <c r="DX21" s="61">
        <v>1</v>
      </c>
      <c r="DY21" s="61">
        <v>1</v>
      </c>
      <c r="DZ21" s="61">
        <v>1</v>
      </c>
      <c r="EA21" s="61">
        <v>0</v>
      </c>
      <c r="EB21" s="61">
        <v>0</v>
      </c>
      <c r="EC21" s="62">
        <v>3</v>
      </c>
      <c r="ED21" s="63">
        <v>8</v>
      </c>
      <c r="EE21" s="60">
        <v>1</v>
      </c>
      <c r="EF21" s="61">
        <v>3</v>
      </c>
      <c r="EG21" s="62">
        <v>4</v>
      </c>
      <c r="EH21" s="231"/>
      <c r="EI21" s="61">
        <v>2</v>
      </c>
      <c r="EJ21" s="61">
        <v>0</v>
      </c>
      <c r="EK21" s="61">
        <v>0</v>
      </c>
      <c r="EL21" s="61">
        <v>1</v>
      </c>
      <c r="EM21" s="61">
        <v>0</v>
      </c>
      <c r="EN21" s="62">
        <v>3</v>
      </c>
      <c r="EO21" s="63">
        <v>7</v>
      </c>
      <c r="EP21" s="60">
        <v>4</v>
      </c>
      <c r="EQ21" s="61">
        <v>7</v>
      </c>
      <c r="ER21" s="62">
        <v>11</v>
      </c>
      <c r="ES21" s="231"/>
      <c r="ET21" s="61">
        <v>4</v>
      </c>
      <c r="EU21" s="61">
        <v>1</v>
      </c>
      <c r="EV21" s="61">
        <v>2</v>
      </c>
      <c r="EW21" s="61">
        <v>0</v>
      </c>
      <c r="EX21" s="61">
        <v>0</v>
      </c>
      <c r="EY21" s="62">
        <v>7</v>
      </c>
      <c r="EZ21" s="63">
        <v>18</v>
      </c>
      <c r="FA21" s="60">
        <v>1</v>
      </c>
      <c r="FB21" s="61">
        <v>2</v>
      </c>
      <c r="FC21" s="62">
        <v>3</v>
      </c>
      <c r="FD21" s="231"/>
      <c r="FE21" s="61">
        <v>7</v>
      </c>
      <c r="FF21" s="61">
        <v>8</v>
      </c>
      <c r="FG21" s="61">
        <v>2</v>
      </c>
      <c r="FH21" s="61">
        <v>3</v>
      </c>
      <c r="FI21" s="61">
        <v>1</v>
      </c>
      <c r="FJ21" s="62">
        <v>21</v>
      </c>
      <c r="FK21" s="63">
        <v>24</v>
      </c>
      <c r="FL21" s="60">
        <v>3</v>
      </c>
      <c r="FM21" s="61">
        <v>1</v>
      </c>
      <c r="FN21" s="62">
        <v>4</v>
      </c>
      <c r="FO21" s="231"/>
      <c r="FP21" s="61">
        <v>4</v>
      </c>
      <c r="FQ21" s="61">
        <v>2</v>
      </c>
      <c r="FR21" s="61">
        <v>2</v>
      </c>
      <c r="FS21" s="61">
        <v>4</v>
      </c>
      <c r="FT21" s="61">
        <v>2</v>
      </c>
      <c r="FU21" s="62">
        <v>14</v>
      </c>
      <c r="FV21" s="63">
        <v>18</v>
      </c>
      <c r="FW21" s="60">
        <v>0</v>
      </c>
      <c r="FX21" s="61">
        <v>0</v>
      </c>
      <c r="FY21" s="62">
        <v>0</v>
      </c>
      <c r="FZ21" s="231"/>
      <c r="GA21" s="61">
        <v>0</v>
      </c>
      <c r="GB21" s="61">
        <v>0</v>
      </c>
      <c r="GC21" s="61">
        <v>0</v>
      </c>
      <c r="GD21" s="61">
        <v>0</v>
      </c>
      <c r="GE21" s="61">
        <v>0</v>
      </c>
      <c r="GF21" s="62">
        <v>0</v>
      </c>
      <c r="GG21" s="63">
        <v>0</v>
      </c>
      <c r="GH21" s="60">
        <v>9</v>
      </c>
      <c r="GI21" s="61">
        <v>18</v>
      </c>
      <c r="GJ21" s="62">
        <v>27</v>
      </c>
      <c r="GK21" s="231"/>
      <c r="GL21" s="61">
        <v>19</v>
      </c>
      <c r="GM21" s="61">
        <v>12</v>
      </c>
      <c r="GN21" s="61">
        <v>7</v>
      </c>
      <c r="GO21" s="61">
        <v>8</v>
      </c>
      <c r="GP21" s="61">
        <v>3</v>
      </c>
      <c r="GQ21" s="62">
        <v>49</v>
      </c>
      <c r="GR21" s="63">
        <v>76</v>
      </c>
      <c r="GS21" s="113">
        <v>74</v>
      </c>
      <c r="GT21" s="72">
        <v>94</v>
      </c>
      <c r="GU21" s="73">
        <v>168</v>
      </c>
      <c r="GV21" s="228"/>
      <c r="GW21" s="72">
        <v>179</v>
      </c>
      <c r="GX21" s="72">
        <v>127</v>
      </c>
      <c r="GY21" s="72">
        <v>82</v>
      </c>
      <c r="GZ21" s="72">
        <v>78</v>
      </c>
      <c r="HA21" s="72">
        <v>32</v>
      </c>
      <c r="HB21" s="74">
        <v>498</v>
      </c>
      <c r="HC21" s="75">
        <v>666</v>
      </c>
      <c r="HD21" s="60">
        <v>1</v>
      </c>
      <c r="HE21" s="61">
        <v>1</v>
      </c>
      <c r="HF21" s="62">
        <v>2</v>
      </c>
      <c r="HG21" s="231"/>
      <c r="HH21" s="61">
        <v>5</v>
      </c>
      <c r="HI21" s="61">
        <v>2</v>
      </c>
      <c r="HJ21" s="61">
        <v>1</v>
      </c>
      <c r="HK21" s="61">
        <v>3</v>
      </c>
      <c r="HL21" s="61">
        <v>1</v>
      </c>
      <c r="HM21" s="62">
        <v>12</v>
      </c>
      <c r="HN21" s="63">
        <v>14</v>
      </c>
      <c r="HO21" s="60">
        <v>2</v>
      </c>
      <c r="HP21" s="61">
        <v>8</v>
      </c>
      <c r="HQ21" s="62">
        <v>10</v>
      </c>
      <c r="HR21" s="231"/>
      <c r="HS21" s="61">
        <v>7</v>
      </c>
      <c r="HT21" s="61">
        <v>6</v>
      </c>
      <c r="HU21" s="61">
        <v>4</v>
      </c>
      <c r="HV21" s="61">
        <v>6</v>
      </c>
      <c r="HW21" s="61">
        <v>2</v>
      </c>
      <c r="HX21" s="62">
        <v>25</v>
      </c>
      <c r="HY21" s="63">
        <v>35</v>
      </c>
      <c r="HZ21" s="60">
        <v>9</v>
      </c>
      <c r="IA21" s="61">
        <v>12</v>
      </c>
      <c r="IB21" s="62">
        <v>21</v>
      </c>
      <c r="IC21" s="231"/>
      <c r="ID21" s="61">
        <v>14</v>
      </c>
      <c r="IE21" s="61">
        <v>8</v>
      </c>
      <c r="IF21" s="61">
        <v>4</v>
      </c>
      <c r="IG21" s="61">
        <v>4</v>
      </c>
      <c r="IH21" s="61">
        <v>1</v>
      </c>
      <c r="II21" s="62">
        <v>31</v>
      </c>
      <c r="IJ21" s="63">
        <v>52</v>
      </c>
      <c r="IK21" s="60">
        <v>18</v>
      </c>
      <c r="IL21" s="61">
        <v>20</v>
      </c>
      <c r="IM21" s="62">
        <v>38</v>
      </c>
      <c r="IN21" s="231"/>
      <c r="IO21" s="61">
        <v>31</v>
      </c>
      <c r="IP21" s="61">
        <v>24</v>
      </c>
      <c r="IQ21" s="61">
        <v>13</v>
      </c>
      <c r="IR21" s="61">
        <v>12</v>
      </c>
      <c r="IS21" s="61">
        <v>8</v>
      </c>
      <c r="IT21" s="62">
        <v>88</v>
      </c>
      <c r="IU21" s="63">
        <v>126</v>
      </c>
      <c r="IV21" s="60">
        <v>23</v>
      </c>
      <c r="IW21" s="61">
        <v>32</v>
      </c>
      <c r="IX21" s="62">
        <v>55</v>
      </c>
      <c r="IY21" s="231"/>
      <c r="IZ21" s="61">
        <v>65</v>
      </c>
      <c r="JA21" s="61">
        <v>46</v>
      </c>
      <c r="JB21" s="61">
        <v>27</v>
      </c>
      <c r="JC21" s="61">
        <v>26</v>
      </c>
      <c r="JD21" s="61">
        <v>8</v>
      </c>
      <c r="JE21" s="62">
        <v>172</v>
      </c>
      <c r="JF21" s="63">
        <v>227</v>
      </c>
      <c r="JG21" s="60">
        <v>21</v>
      </c>
      <c r="JH21" s="61">
        <v>21</v>
      </c>
      <c r="JI21" s="62">
        <v>42</v>
      </c>
      <c r="JJ21" s="231"/>
      <c r="JK21" s="61">
        <v>57</v>
      </c>
      <c r="JL21" s="61">
        <v>41</v>
      </c>
      <c r="JM21" s="61">
        <v>33</v>
      </c>
      <c r="JN21" s="61">
        <v>27</v>
      </c>
      <c r="JO21" s="61">
        <v>12</v>
      </c>
      <c r="JP21" s="62">
        <v>170</v>
      </c>
      <c r="JQ21" s="63">
        <v>212</v>
      </c>
      <c r="JR21" s="60">
        <v>0</v>
      </c>
      <c r="JS21" s="61">
        <v>0</v>
      </c>
      <c r="JT21" s="62">
        <v>0</v>
      </c>
      <c r="JU21" s="231"/>
      <c r="JV21" s="61">
        <v>0</v>
      </c>
      <c r="JW21" s="61">
        <v>0</v>
      </c>
      <c r="JX21" s="61">
        <v>0</v>
      </c>
      <c r="JY21" s="61">
        <v>0</v>
      </c>
      <c r="JZ21" s="61">
        <v>0</v>
      </c>
      <c r="KA21" s="62">
        <v>0</v>
      </c>
      <c r="KB21" s="63">
        <v>0</v>
      </c>
      <c r="KC21" s="60">
        <v>74</v>
      </c>
      <c r="KD21" s="61">
        <v>94</v>
      </c>
      <c r="KE21" s="62">
        <v>168</v>
      </c>
      <c r="KF21" s="231"/>
      <c r="KG21" s="61">
        <v>179</v>
      </c>
      <c r="KH21" s="61">
        <v>127</v>
      </c>
      <c r="KI21" s="61">
        <v>82</v>
      </c>
      <c r="KJ21" s="61">
        <v>78</v>
      </c>
      <c r="KK21" s="61">
        <v>32</v>
      </c>
      <c r="KL21" s="62">
        <v>498</v>
      </c>
      <c r="KM21" s="63">
        <v>666</v>
      </c>
    </row>
    <row r="22" spans="2:299" ht="21" customHeight="1" x14ac:dyDescent="0.2">
      <c r="B22" s="472" t="s">
        <v>19</v>
      </c>
      <c r="C22" s="293">
        <v>37</v>
      </c>
      <c r="D22" s="72">
        <v>32</v>
      </c>
      <c r="E22" s="73">
        <v>69</v>
      </c>
      <c r="F22" s="228"/>
      <c r="G22" s="72">
        <v>78</v>
      </c>
      <c r="H22" s="72">
        <v>44</v>
      </c>
      <c r="I22" s="72">
        <v>27</v>
      </c>
      <c r="J22" s="72">
        <v>17</v>
      </c>
      <c r="K22" s="72">
        <v>19</v>
      </c>
      <c r="L22" s="74">
        <v>185</v>
      </c>
      <c r="M22" s="75">
        <v>254</v>
      </c>
      <c r="N22" s="76">
        <v>0</v>
      </c>
      <c r="O22" s="61">
        <v>2</v>
      </c>
      <c r="P22" s="62">
        <v>2</v>
      </c>
      <c r="Q22" s="231"/>
      <c r="R22" s="61">
        <v>1</v>
      </c>
      <c r="S22" s="61">
        <v>1</v>
      </c>
      <c r="T22" s="61">
        <v>1</v>
      </c>
      <c r="U22" s="61">
        <v>0</v>
      </c>
      <c r="V22" s="61">
        <v>0</v>
      </c>
      <c r="W22" s="62">
        <v>3</v>
      </c>
      <c r="X22" s="63">
        <v>5</v>
      </c>
      <c r="Y22" s="60">
        <v>0</v>
      </c>
      <c r="Z22" s="61">
        <v>1</v>
      </c>
      <c r="AA22" s="62">
        <v>1</v>
      </c>
      <c r="AB22" s="231"/>
      <c r="AC22" s="61">
        <v>3</v>
      </c>
      <c r="AD22" s="61">
        <v>4</v>
      </c>
      <c r="AE22" s="61">
        <v>0</v>
      </c>
      <c r="AF22" s="61">
        <v>1</v>
      </c>
      <c r="AG22" s="61">
        <v>0</v>
      </c>
      <c r="AH22" s="62">
        <v>8</v>
      </c>
      <c r="AI22" s="63">
        <v>9</v>
      </c>
      <c r="AJ22" s="76">
        <v>3</v>
      </c>
      <c r="AK22" s="61">
        <v>3</v>
      </c>
      <c r="AL22" s="62">
        <v>6</v>
      </c>
      <c r="AM22" s="231"/>
      <c r="AN22" s="61">
        <v>5</v>
      </c>
      <c r="AO22" s="61">
        <v>1</v>
      </c>
      <c r="AP22" s="61">
        <v>2</v>
      </c>
      <c r="AQ22" s="61">
        <v>0</v>
      </c>
      <c r="AR22" s="61">
        <v>2</v>
      </c>
      <c r="AS22" s="62">
        <v>10</v>
      </c>
      <c r="AT22" s="63">
        <v>16</v>
      </c>
      <c r="AU22" s="60">
        <v>8</v>
      </c>
      <c r="AV22" s="61">
        <v>6</v>
      </c>
      <c r="AW22" s="62">
        <v>14</v>
      </c>
      <c r="AX22" s="231"/>
      <c r="AY22" s="61">
        <v>12</v>
      </c>
      <c r="AZ22" s="61">
        <v>5</v>
      </c>
      <c r="BA22" s="61">
        <v>6</v>
      </c>
      <c r="BB22" s="61">
        <v>5</v>
      </c>
      <c r="BC22" s="61">
        <v>6</v>
      </c>
      <c r="BD22" s="62">
        <v>34</v>
      </c>
      <c r="BE22" s="63">
        <v>48</v>
      </c>
      <c r="BF22" s="76">
        <v>12</v>
      </c>
      <c r="BG22" s="61">
        <v>13</v>
      </c>
      <c r="BH22" s="62">
        <v>25</v>
      </c>
      <c r="BI22" s="231"/>
      <c r="BJ22" s="61">
        <v>36</v>
      </c>
      <c r="BK22" s="61">
        <v>12</v>
      </c>
      <c r="BL22" s="61">
        <v>6</v>
      </c>
      <c r="BM22" s="61">
        <v>8</v>
      </c>
      <c r="BN22" s="61">
        <v>8</v>
      </c>
      <c r="BO22" s="62">
        <v>70</v>
      </c>
      <c r="BP22" s="63">
        <v>95</v>
      </c>
      <c r="BQ22" s="60">
        <v>14</v>
      </c>
      <c r="BR22" s="61">
        <v>7</v>
      </c>
      <c r="BS22" s="62">
        <v>21</v>
      </c>
      <c r="BT22" s="231"/>
      <c r="BU22" s="61">
        <v>21</v>
      </c>
      <c r="BV22" s="61">
        <v>21</v>
      </c>
      <c r="BW22" s="61">
        <v>12</v>
      </c>
      <c r="BX22" s="61">
        <v>3</v>
      </c>
      <c r="BY22" s="61">
        <v>3</v>
      </c>
      <c r="BZ22" s="62">
        <v>60</v>
      </c>
      <c r="CA22" s="63">
        <v>81</v>
      </c>
      <c r="CB22" s="60">
        <v>0</v>
      </c>
      <c r="CC22" s="61">
        <v>0</v>
      </c>
      <c r="CD22" s="62">
        <v>0</v>
      </c>
      <c r="CE22" s="231"/>
      <c r="CF22" s="61">
        <v>0</v>
      </c>
      <c r="CG22" s="61">
        <v>0</v>
      </c>
      <c r="CH22" s="61">
        <v>0</v>
      </c>
      <c r="CI22" s="61">
        <v>0</v>
      </c>
      <c r="CJ22" s="61">
        <v>0</v>
      </c>
      <c r="CK22" s="62">
        <v>0</v>
      </c>
      <c r="CL22" s="63">
        <v>0</v>
      </c>
      <c r="CM22" s="60">
        <v>37</v>
      </c>
      <c r="CN22" s="61">
        <v>32</v>
      </c>
      <c r="CO22" s="62">
        <v>69</v>
      </c>
      <c r="CP22" s="231"/>
      <c r="CQ22" s="61">
        <v>78</v>
      </c>
      <c r="CR22" s="61">
        <v>44</v>
      </c>
      <c r="CS22" s="61">
        <v>27</v>
      </c>
      <c r="CT22" s="61">
        <v>17</v>
      </c>
      <c r="CU22" s="61">
        <v>19</v>
      </c>
      <c r="CV22" s="62">
        <v>185</v>
      </c>
      <c r="CW22" s="63">
        <v>254</v>
      </c>
      <c r="CX22" s="113">
        <v>2</v>
      </c>
      <c r="CY22" s="72">
        <v>6</v>
      </c>
      <c r="CZ22" s="73">
        <v>8</v>
      </c>
      <c r="DA22" s="228"/>
      <c r="DB22" s="72">
        <v>9</v>
      </c>
      <c r="DC22" s="72">
        <v>5</v>
      </c>
      <c r="DD22" s="72">
        <v>6</v>
      </c>
      <c r="DE22" s="72">
        <v>3</v>
      </c>
      <c r="DF22" s="72">
        <v>8</v>
      </c>
      <c r="DG22" s="74">
        <v>31</v>
      </c>
      <c r="DH22" s="75">
        <v>39</v>
      </c>
      <c r="DI22" s="76">
        <v>1</v>
      </c>
      <c r="DJ22" s="61">
        <v>0</v>
      </c>
      <c r="DK22" s="62">
        <v>1</v>
      </c>
      <c r="DL22" s="231"/>
      <c r="DM22" s="61">
        <v>0</v>
      </c>
      <c r="DN22" s="61">
        <v>0</v>
      </c>
      <c r="DO22" s="61">
        <v>0</v>
      </c>
      <c r="DP22" s="61">
        <v>0</v>
      </c>
      <c r="DQ22" s="61">
        <v>1</v>
      </c>
      <c r="DR22" s="62">
        <v>1</v>
      </c>
      <c r="DS22" s="63">
        <v>2</v>
      </c>
      <c r="DT22" s="60">
        <v>0</v>
      </c>
      <c r="DU22" s="61">
        <v>0</v>
      </c>
      <c r="DV22" s="62">
        <v>0</v>
      </c>
      <c r="DW22" s="231"/>
      <c r="DX22" s="61">
        <v>0</v>
      </c>
      <c r="DY22" s="61">
        <v>0</v>
      </c>
      <c r="DZ22" s="61">
        <v>0</v>
      </c>
      <c r="EA22" s="61">
        <v>0</v>
      </c>
      <c r="EB22" s="61">
        <v>0</v>
      </c>
      <c r="EC22" s="62">
        <v>0</v>
      </c>
      <c r="ED22" s="63">
        <v>0</v>
      </c>
      <c r="EE22" s="76">
        <v>0</v>
      </c>
      <c r="EF22" s="61">
        <v>2</v>
      </c>
      <c r="EG22" s="62">
        <v>2</v>
      </c>
      <c r="EH22" s="231"/>
      <c r="EI22" s="61">
        <v>1</v>
      </c>
      <c r="EJ22" s="61">
        <v>0</v>
      </c>
      <c r="EK22" s="61">
        <v>0</v>
      </c>
      <c r="EL22" s="61">
        <v>0</v>
      </c>
      <c r="EM22" s="61">
        <v>0</v>
      </c>
      <c r="EN22" s="62">
        <v>1</v>
      </c>
      <c r="EO22" s="63">
        <v>3</v>
      </c>
      <c r="EP22" s="60">
        <v>1</v>
      </c>
      <c r="EQ22" s="61">
        <v>2</v>
      </c>
      <c r="ER22" s="62">
        <v>3</v>
      </c>
      <c r="ES22" s="231"/>
      <c r="ET22" s="61">
        <v>1</v>
      </c>
      <c r="EU22" s="61">
        <v>1</v>
      </c>
      <c r="EV22" s="61">
        <v>1</v>
      </c>
      <c r="EW22" s="61">
        <v>1</v>
      </c>
      <c r="EX22" s="61">
        <v>0</v>
      </c>
      <c r="EY22" s="62">
        <v>4</v>
      </c>
      <c r="EZ22" s="63">
        <v>7</v>
      </c>
      <c r="FA22" s="76">
        <v>0</v>
      </c>
      <c r="FB22" s="61">
        <v>1</v>
      </c>
      <c r="FC22" s="62">
        <v>1</v>
      </c>
      <c r="FD22" s="231"/>
      <c r="FE22" s="61">
        <v>4</v>
      </c>
      <c r="FF22" s="61">
        <v>2</v>
      </c>
      <c r="FG22" s="61">
        <v>1</v>
      </c>
      <c r="FH22" s="61">
        <v>1</v>
      </c>
      <c r="FI22" s="61">
        <v>2</v>
      </c>
      <c r="FJ22" s="62">
        <v>10</v>
      </c>
      <c r="FK22" s="63">
        <v>11</v>
      </c>
      <c r="FL22" s="60">
        <v>0</v>
      </c>
      <c r="FM22" s="61">
        <v>1</v>
      </c>
      <c r="FN22" s="62">
        <v>1</v>
      </c>
      <c r="FO22" s="231"/>
      <c r="FP22" s="61">
        <v>3</v>
      </c>
      <c r="FQ22" s="61">
        <v>2</v>
      </c>
      <c r="FR22" s="61">
        <v>4</v>
      </c>
      <c r="FS22" s="61">
        <v>1</v>
      </c>
      <c r="FT22" s="61">
        <v>5</v>
      </c>
      <c r="FU22" s="62">
        <v>15</v>
      </c>
      <c r="FV22" s="63">
        <v>16</v>
      </c>
      <c r="FW22" s="60">
        <v>0</v>
      </c>
      <c r="FX22" s="61">
        <v>0</v>
      </c>
      <c r="FY22" s="62">
        <v>0</v>
      </c>
      <c r="FZ22" s="231"/>
      <c r="GA22" s="61">
        <v>0</v>
      </c>
      <c r="GB22" s="61">
        <v>0</v>
      </c>
      <c r="GC22" s="61">
        <v>0</v>
      </c>
      <c r="GD22" s="61">
        <v>0</v>
      </c>
      <c r="GE22" s="61">
        <v>0</v>
      </c>
      <c r="GF22" s="62">
        <v>0</v>
      </c>
      <c r="GG22" s="63">
        <v>0</v>
      </c>
      <c r="GH22" s="60">
        <v>2</v>
      </c>
      <c r="GI22" s="61">
        <v>6</v>
      </c>
      <c r="GJ22" s="62">
        <v>8</v>
      </c>
      <c r="GK22" s="231"/>
      <c r="GL22" s="61">
        <v>9</v>
      </c>
      <c r="GM22" s="61">
        <v>5</v>
      </c>
      <c r="GN22" s="61">
        <v>6</v>
      </c>
      <c r="GO22" s="61">
        <v>3</v>
      </c>
      <c r="GP22" s="61">
        <v>8</v>
      </c>
      <c r="GQ22" s="62">
        <v>31</v>
      </c>
      <c r="GR22" s="63">
        <v>39</v>
      </c>
      <c r="GS22" s="113">
        <v>39</v>
      </c>
      <c r="GT22" s="72">
        <v>38</v>
      </c>
      <c r="GU22" s="73">
        <v>77</v>
      </c>
      <c r="GV22" s="228"/>
      <c r="GW22" s="72">
        <v>87</v>
      </c>
      <c r="GX22" s="72">
        <v>49</v>
      </c>
      <c r="GY22" s="72">
        <v>33</v>
      </c>
      <c r="GZ22" s="72">
        <v>20</v>
      </c>
      <c r="HA22" s="72">
        <v>27</v>
      </c>
      <c r="HB22" s="74">
        <v>216</v>
      </c>
      <c r="HC22" s="75">
        <v>293</v>
      </c>
      <c r="HD22" s="76">
        <v>1</v>
      </c>
      <c r="HE22" s="61">
        <v>2</v>
      </c>
      <c r="HF22" s="62">
        <v>3</v>
      </c>
      <c r="HG22" s="231"/>
      <c r="HH22" s="61">
        <v>1</v>
      </c>
      <c r="HI22" s="61">
        <v>1</v>
      </c>
      <c r="HJ22" s="61">
        <v>1</v>
      </c>
      <c r="HK22" s="61">
        <v>0</v>
      </c>
      <c r="HL22" s="61">
        <v>1</v>
      </c>
      <c r="HM22" s="62">
        <v>4</v>
      </c>
      <c r="HN22" s="63">
        <v>7</v>
      </c>
      <c r="HO22" s="60">
        <v>0</v>
      </c>
      <c r="HP22" s="61">
        <v>1</v>
      </c>
      <c r="HQ22" s="62">
        <v>1</v>
      </c>
      <c r="HR22" s="231"/>
      <c r="HS22" s="61">
        <v>3</v>
      </c>
      <c r="HT22" s="61">
        <v>4</v>
      </c>
      <c r="HU22" s="61">
        <v>0</v>
      </c>
      <c r="HV22" s="61">
        <v>1</v>
      </c>
      <c r="HW22" s="61">
        <v>0</v>
      </c>
      <c r="HX22" s="62">
        <v>8</v>
      </c>
      <c r="HY22" s="63">
        <v>9</v>
      </c>
      <c r="HZ22" s="76">
        <v>3</v>
      </c>
      <c r="IA22" s="61">
        <v>5</v>
      </c>
      <c r="IB22" s="62">
        <v>8</v>
      </c>
      <c r="IC22" s="231"/>
      <c r="ID22" s="61">
        <v>6</v>
      </c>
      <c r="IE22" s="61">
        <v>1</v>
      </c>
      <c r="IF22" s="61">
        <v>2</v>
      </c>
      <c r="IG22" s="61">
        <v>0</v>
      </c>
      <c r="IH22" s="61">
        <v>2</v>
      </c>
      <c r="II22" s="62">
        <v>11</v>
      </c>
      <c r="IJ22" s="63">
        <v>19</v>
      </c>
      <c r="IK22" s="60">
        <v>9</v>
      </c>
      <c r="IL22" s="61">
        <v>8</v>
      </c>
      <c r="IM22" s="62">
        <v>17</v>
      </c>
      <c r="IN22" s="231"/>
      <c r="IO22" s="61">
        <v>13</v>
      </c>
      <c r="IP22" s="61">
        <v>6</v>
      </c>
      <c r="IQ22" s="61">
        <v>7</v>
      </c>
      <c r="IR22" s="61">
        <v>6</v>
      </c>
      <c r="IS22" s="61">
        <v>6</v>
      </c>
      <c r="IT22" s="62">
        <v>38</v>
      </c>
      <c r="IU22" s="63">
        <v>55</v>
      </c>
      <c r="IV22" s="76">
        <v>12</v>
      </c>
      <c r="IW22" s="61">
        <v>14</v>
      </c>
      <c r="IX22" s="62">
        <v>26</v>
      </c>
      <c r="IY22" s="231"/>
      <c r="IZ22" s="61">
        <v>40</v>
      </c>
      <c r="JA22" s="61">
        <v>14</v>
      </c>
      <c r="JB22" s="61">
        <v>7</v>
      </c>
      <c r="JC22" s="61">
        <v>9</v>
      </c>
      <c r="JD22" s="61">
        <v>10</v>
      </c>
      <c r="JE22" s="62">
        <v>80</v>
      </c>
      <c r="JF22" s="63">
        <v>106</v>
      </c>
      <c r="JG22" s="60">
        <v>14</v>
      </c>
      <c r="JH22" s="61">
        <v>8</v>
      </c>
      <c r="JI22" s="62">
        <v>22</v>
      </c>
      <c r="JJ22" s="231"/>
      <c r="JK22" s="61">
        <v>24</v>
      </c>
      <c r="JL22" s="61">
        <v>23</v>
      </c>
      <c r="JM22" s="61">
        <v>16</v>
      </c>
      <c r="JN22" s="61">
        <v>4</v>
      </c>
      <c r="JO22" s="61">
        <v>8</v>
      </c>
      <c r="JP22" s="62">
        <v>75</v>
      </c>
      <c r="JQ22" s="63">
        <v>97</v>
      </c>
      <c r="JR22" s="60">
        <v>0</v>
      </c>
      <c r="JS22" s="61">
        <v>0</v>
      </c>
      <c r="JT22" s="62">
        <v>0</v>
      </c>
      <c r="JU22" s="231"/>
      <c r="JV22" s="61">
        <v>0</v>
      </c>
      <c r="JW22" s="61">
        <v>0</v>
      </c>
      <c r="JX22" s="61">
        <v>0</v>
      </c>
      <c r="JY22" s="61">
        <v>0</v>
      </c>
      <c r="JZ22" s="61">
        <v>0</v>
      </c>
      <c r="KA22" s="62">
        <v>0</v>
      </c>
      <c r="KB22" s="63">
        <v>0</v>
      </c>
      <c r="KC22" s="60">
        <v>39</v>
      </c>
      <c r="KD22" s="61">
        <v>38</v>
      </c>
      <c r="KE22" s="62">
        <v>77</v>
      </c>
      <c r="KF22" s="231"/>
      <c r="KG22" s="61">
        <v>87</v>
      </c>
      <c r="KH22" s="61">
        <v>49</v>
      </c>
      <c r="KI22" s="61">
        <v>33</v>
      </c>
      <c r="KJ22" s="61">
        <v>20</v>
      </c>
      <c r="KK22" s="61">
        <v>27</v>
      </c>
      <c r="KL22" s="62">
        <v>216</v>
      </c>
      <c r="KM22" s="63">
        <v>293</v>
      </c>
    </row>
    <row r="23" spans="2:299" ht="21" customHeight="1" x14ac:dyDescent="0.2">
      <c r="B23" s="472" t="s">
        <v>20</v>
      </c>
      <c r="C23" s="293">
        <v>55</v>
      </c>
      <c r="D23" s="72">
        <v>67</v>
      </c>
      <c r="E23" s="73">
        <v>122</v>
      </c>
      <c r="F23" s="228"/>
      <c r="G23" s="72">
        <v>114</v>
      </c>
      <c r="H23" s="72">
        <v>66</v>
      </c>
      <c r="I23" s="72">
        <v>49</v>
      </c>
      <c r="J23" s="72">
        <v>35</v>
      </c>
      <c r="K23" s="72">
        <v>24</v>
      </c>
      <c r="L23" s="74">
        <v>288</v>
      </c>
      <c r="M23" s="75">
        <v>410</v>
      </c>
      <c r="N23" s="60">
        <v>0</v>
      </c>
      <c r="O23" s="61">
        <v>1</v>
      </c>
      <c r="P23" s="62">
        <v>1</v>
      </c>
      <c r="Q23" s="231"/>
      <c r="R23" s="61">
        <v>0</v>
      </c>
      <c r="S23" s="61">
        <v>1</v>
      </c>
      <c r="T23" s="61">
        <v>3</v>
      </c>
      <c r="U23" s="61">
        <v>0</v>
      </c>
      <c r="V23" s="61">
        <v>0</v>
      </c>
      <c r="W23" s="62">
        <v>4</v>
      </c>
      <c r="X23" s="63">
        <v>5</v>
      </c>
      <c r="Y23" s="60">
        <v>0</v>
      </c>
      <c r="Z23" s="61">
        <v>0</v>
      </c>
      <c r="AA23" s="62">
        <v>0</v>
      </c>
      <c r="AB23" s="231"/>
      <c r="AC23" s="61">
        <v>6</v>
      </c>
      <c r="AD23" s="61">
        <v>3</v>
      </c>
      <c r="AE23" s="61">
        <v>2</v>
      </c>
      <c r="AF23" s="61">
        <v>1</v>
      </c>
      <c r="AG23" s="61">
        <v>0</v>
      </c>
      <c r="AH23" s="62">
        <v>12</v>
      </c>
      <c r="AI23" s="63">
        <v>12</v>
      </c>
      <c r="AJ23" s="60">
        <v>9</v>
      </c>
      <c r="AK23" s="61">
        <v>7</v>
      </c>
      <c r="AL23" s="62">
        <v>16</v>
      </c>
      <c r="AM23" s="231"/>
      <c r="AN23" s="61">
        <v>6</v>
      </c>
      <c r="AO23" s="61">
        <v>5</v>
      </c>
      <c r="AP23" s="61">
        <v>6</v>
      </c>
      <c r="AQ23" s="61">
        <v>6</v>
      </c>
      <c r="AR23" s="61">
        <v>5</v>
      </c>
      <c r="AS23" s="62">
        <v>28</v>
      </c>
      <c r="AT23" s="63">
        <v>44</v>
      </c>
      <c r="AU23" s="60">
        <v>12</v>
      </c>
      <c r="AV23" s="61">
        <v>13</v>
      </c>
      <c r="AW23" s="62">
        <v>25</v>
      </c>
      <c r="AX23" s="231"/>
      <c r="AY23" s="61">
        <v>29</v>
      </c>
      <c r="AZ23" s="61">
        <v>16</v>
      </c>
      <c r="BA23" s="61">
        <v>12</v>
      </c>
      <c r="BB23" s="61">
        <v>9</v>
      </c>
      <c r="BC23" s="61">
        <v>5</v>
      </c>
      <c r="BD23" s="62">
        <v>71</v>
      </c>
      <c r="BE23" s="63">
        <v>96</v>
      </c>
      <c r="BF23" s="60">
        <v>22</v>
      </c>
      <c r="BG23" s="61">
        <v>29</v>
      </c>
      <c r="BH23" s="62">
        <v>51</v>
      </c>
      <c r="BI23" s="231"/>
      <c r="BJ23" s="61">
        <v>44</v>
      </c>
      <c r="BK23" s="61">
        <v>19</v>
      </c>
      <c r="BL23" s="61">
        <v>15</v>
      </c>
      <c r="BM23" s="61">
        <v>5</v>
      </c>
      <c r="BN23" s="61">
        <v>6</v>
      </c>
      <c r="BO23" s="62">
        <v>89</v>
      </c>
      <c r="BP23" s="63">
        <v>140</v>
      </c>
      <c r="BQ23" s="60">
        <v>12</v>
      </c>
      <c r="BR23" s="61">
        <v>17</v>
      </c>
      <c r="BS23" s="62">
        <v>29</v>
      </c>
      <c r="BT23" s="231"/>
      <c r="BU23" s="61">
        <v>29</v>
      </c>
      <c r="BV23" s="61">
        <v>22</v>
      </c>
      <c r="BW23" s="61">
        <v>11</v>
      </c>
      <c r="BX23" s="61">
        <v>14</v>
      </c>
      <c r="BY23" s="61">
        <v>8</v>
      </c>
      <c r="BZ23" s="62">
        <v>84</v>
      </c>
      <c r="CA23" s="63">
        <v>113</v>
      </c>
      <c r="CB23" s="60">
        <v>0</v>
      </c>
      <c r="CC23" s="61">
        <v>0</v>
      </c>
      <c r="CD23" s="62">
        <v>0</v>
      </c>
      <c r="CE23" s="231"/>
      <c r="CF23" s="61">
        <v>0</v>
      </c>
      <c r="CG23" s="61">
        <v>0</v>
      </c>
      <c r="CH23" s="61">
        <v>0</v>
      </c>
      <c r="CI23" s="61">
        <v>0</v>
      </c>
      <c r="CJ23" s="61">
        <v>0</v>
      </c>
      <c r="CK23" s="62">
        <v>0</v>
      </c>
      <c r="CL23" s="63">
        <v>0</v>
      </c>
      <c r="CM23" s="60">
        <v>55</v>
      </c>
      <c r="CN23" s="61">
        <v>67</v>
      </c>
      <c r="CO23" s="62">
        <v>122</v>
      </c>
      <c r="CP23" s="231"/>
      <c r="CQ23" s="61">
        <v>114</v>
      </c>
      <c r="CR23" s="61">
        <v>66</v>
      </c>
      <c r="CS23" s="61">
        <v>49</v>
      </c>
      <c r="CT23" s="61">
        <v>35</v>
      </c>
      <c r="CU23" s="61">
        <v>24</v>
      </c>
      <c r="CV23" s="62">
        <v>288</v>
      </c>
      <c r="CW23" s="63">
        <v>410</v>
      </c>
      <c r="CX23" s="113">
        <v>8</v>
      </c>
      <c r="CY23" s="72">
        <v>9</v>
      </c>
      <c r="CZ23" s="73">
        <v>17</v>
      </c>
      <c r="DA23" s="228"/>
      <c r="DB23" s="72">
        <v>15</v>
      </c>
      <c r="DC23" s="72">
        <v>4</v>
      </c>
      <c r="DD23" s="72">
        <v>3</v>
      </c>
      <c r="DE23" s="72">
        <v>6</v>
      </c>
      <c r="DF23" s="72">
        <v>2</v>
      </c>
      <c r="DG23" s="74">
        <v>30</v>
      </c>
      <c r="DH23" s="75">
        <v>47</v>
      </c>
      <c r="DI23" s="60">
        <v>0</v>
      </c>
      <c r="DJ23" s="61">
        <v>0</v>
      </c>
      <c r="DK23" s="62">
        <v>0</v>
      </c>
      <c r="DL23" s="231"/>
      <c r="DM23" s="61">
        <v>0</v>
      </c>
      <c r="DN23" s="61">
        <v>0</v>
      </c>
      <c r="DO23" s="61">
        <v>0</v>
      </c>
      <c r="DP23" s="61">
        <v>0</v>
      </c>
      <c r="DQ23" s="61">
        <v>0</v>
      </c>
      <c r="DR23" s="62">
        <v>0</v>
      </c>
      <c r="DS23" s="63">
        <v>0</v>
      </c>
      <c r="DT23" s="60">
        <v>1</v>
      </c>
      <c r="DU23" s="61">
        <v>1</v>
      </c>
      <c r="DV23" s="62">
        <v>2</v>
      </c>
      <c r="DW23" s="231"/>
      <c r="DX23" s="61">
        <v>0</v>
      </c>
      <c r="DY23" s="61">
        <v>1</v>
      </c>
      <c r="DZ23" s="61">
        <v>0</v>
      </c>
      <c r="EA23" s="61">
        <v>0</v>
      </c>
      <c r="EB23" s="61">
        <v>0</v>
      </c>
      <c r="EC23" s="62">
        <v>1</v>
      </c>
      <c r="ED23" s="63">
        <v>3</v>
      </c>
      <c r="EE23" s="60">
        <v>3</v>
      </c>
      <c r="EF23" s="61">
        <v>0</v>
      </c>
      <c r="EG23" s="62">
        <v>3</v>
      </c>
      <c r="EH23" s="231"/>
      <c r="EI23" s="61">
        <v>1</v>
      </c>
      <c r="EJ23" s="61">
        <v>1</v>
      </c>
      <c r="EK23" s="61">
        <v>0</v>
      </c>
      <c r="EL23" s="61">
        <v>0</v>
      </c>
      <c r="EM23" s="61">
        <v>1</v>
      </c>
      <c r="EN23" s="62">
        <v>3</v>
      </c>
      <c r="EO23" s="63">
        <v>6</v>
      </c>
      <c r="EP23" s="60">
        <v>4</v>
      </c>
      <c r="EQ23" s="61">
        <v>2</v>
      </c>
      <c r="ER23" s="62">
        <v>6</v>
      </c>
      <c r="ES23" s="231"/>
      <c r="ET23" s="61">
        <v>4</v>
      </c>
      <c r="EU23" s="61">
        <v>0</v>
      </c>
      <c r="EV23" s="61">
        <v>1</v>
      </c>
      <c r="EW23" s="61">
        <v>1</v>
      </c>
      <c r="EX23" s="61">
        <v>1</v>
      </c>
      <c r="EY23" s="62">
        <v>7</v>
      </c>
      <c r="EZ23" s="63">
        <v>13</v>
      </c>
      <c r="FA23" s="60">
        <v>0</v>
      </c>
      <c r="FB23" s="61">
        <v>4</v>
      </c>
      <c r="FC23" s="62">
        <v>4</v>
      </c>
      <c r="FD23" s="231"/>
      <c r="FE23" s="61">
        <v>4</v>
      </c>
      <c r="FF23" s="61">
        <v>1</v>
      </c>
      <c r="FG23" s="61">
        <v>0</v>
      </c>
      <c r="FH23" s="61">
        <v>2</v>
      </c>
      <c r="FI23" s="61">
        <v>0</v>
      </c>
      <c r="FJ23" s="62">
        <v>7</v>
      </c>
      <c r="FK23" s="63">
        <v>11</v>
      </c>
      <c r="FL23" s="60">
        <v>0</v>
      </c>
      <c r="FM23" s="61">
        <v>2</v>
      </c>
      <c r="FN23" s="62">
        <v>2</v>
      </c>
      <c r="FO23" s="231"/>
      <c r="FP23" s="61">
        <v>6</v>
      </c>
      <c r="FQ23" s="61">
        <v>1</v>
      </c>
      <c r="FR23" s="61">
        <v>2</v>
      </c>
      <c r="FS23" s="61">
        <v>3</v>
      </c>
      <c r="FT23" s="61">
        <v>0</v>
      </c>
      <c r="FU23" s="62">
        <v>12</v>
      </c>
      <c r="FV23" s="63">
        <v>14</v>
      </c>
      <c r="FW23" s="60">
        <v>0</v>
      </c>
      <c r="FX23" s="61">
        <v>0</v>
      </c>
      <c r="FY23" s="62">
        <v>0</v>
      </c>
      <c r="FZ23" s="231"/>
      <c r="GA23" s="61">
        <v>0</v>
      </c>
      <c r="GB23" s="61">
        <v>0</v>
      </c>
      <c r="GC23" s="61">
        <v>0</v>
      </c>
      <c r="GD23" s="61">
        <v>0</v>
      </c>
      <c r="GE23" s="61">
        <v>0</v>
      </c>
      <c r="GF23" s="62">
        <v>0</v>
      </c>
      <c r="GG23" s="63">
        <v>0</v>
      </c>
      <c r="GH23" s="60">
        <v>8</v>
      </c>
      <c r="GI23" s="61">
        <v>9</v>
      </c>
      <c r="GJ23" s="62">
        <v>17</v>
      </c>
      <c r="GK23" s="231"/>
      <c r="GL23" s="61">
        <v>15</v>
      </c>
      <c r="GM23" s="61">
        <v>4</v>
      </c>
      <c r="GN23" s="61">
        <v>3</v>
      </c>
      <c r="GO23" s="61">
        <v>6</v>
      </c>
      <c r="GP23" s="61">
        <v>2</v>
      </c>
      <c r="GQ23" s="62">
        <v>30</v>
      </c>
      <c r="GR23" s="63">
        <v>47</v>
      </c>
      <c r="GS23" s="113">
        <v>63</v>
      </c>
      <c r="GT23" s="72">
        <v>76</v>
      </c>
      <c r="GU23" s="73">
        <v>139</v>
      </c>
      <c r="GV23" s="228"/>
      <c r="GW23" s="72">
        <v>129</v>
      </c>
      <c r="GX23" s="72">
        <v>70</v>
      </c>
      <c r="GY23" s="72">
        <v>52</v>
      </c>
      <c r="GZ23" s="72">
        <v>41</v>
      </c>
      <c r="HA23" s="72">
        <v>26</v>
      </c>
      <c r="HB23" s="74">
        <v>318</v>
      </c>
      <c r="HC23" s="75">
        <v>457</v>
      </c>
      <c r="HD23" s="60">
        <v>0</v>
      </c>
      <c r="HE23" s="61">
        <v>1</v>
      </c>
      <c r="HF23" s="62">
        <v>1</v>
      </c>
      <c r="HG23" s="231"/>
      <c r="HH23" s="61">
        <v>0</v>
      </c>
      <c r="HI23" s="61">
        <v>1</v>
      </c>
      <c r="HJ23" s="61">
        <v>3</v>
      </c>
      <c r="HK23" s="61">
        <v>0</v>
      </c>
      <c r="HL23" s="61">
        <v>0</v>
      </c>
      <c r="HM23" s="62">
        <v>4</v>
      </c>
      <c r="HN23" s="63">
        <v>5</v>
      </c>
      <c r="HO23" s="60">
        <v>1</v>
      </c>
      <c r="HP23" s="61">
        <v>1</v>
      </c>
      <c r="HQ23" s="62">
        <v>2</v>
      </c>
      <c r="HR23" s="231"/>
      <c r="HS23" s="61">
        <v>6</v>
      </c>
      <c r="HT23" s="61">
        <v>4</v>
      </c>
      <c r="HU23" s="61">
        <v>2</v>
      </c>
      <c r="HV23" s="61">
        <v>1</v>
      </c>
      <c r="HW23" s="61">
        <v>0</v>
      </c>
      <c r="HX23" s="62">
        <v>13</v>
      </c>
      <c r="HY23" s="63">
        <v>15</v>
      </c>
      <c r="HZ23" s="60">
        <v>12</v>
      </c>
      <c r="IA23" s="61">
        <v>7</v>
      </c>
      <c r="IB23" s="62">
        <v>19</v>
      </c>
      <c r="IC23" s="231"/>
      <c r="ID23" s="61">
        <v>7</v>
      </c>
      <c r="IE23" s="61">
        <v>6</v>
      </c>
      <c r="IF23" s="61">
        <v>6</v>
      </c>
      <c r="IG23" s="61">
        <v>6</v>
      </c>
      <c r="IH23" s="61">
        <v>6</v>
      </c>
      <c r="II23" s="62">
        <v>31</v>
      </c>
      <c r="IJ23" s="63">
        <v>50</v>
      </c>
      <c r="IK23" s="60">
        <v>16</v>
      </c>
      <c r="IL23" s="61">
        <v>15</v>
      </c>
      <c r="IM23" s="62">
        <v>31</v>
      </c>
      <c r="IN23" s="231"/>
      <c r="IO23" s="61">
        <v>33</v>
      </c>
      <c r="IP23" s="61">
        <v>16</v>
      </c>
      <c r="IQ23" s="61">
        <v>13</v>
      </c>
      <c r="IR23" s="61">
        <v>10</v>
      </c>
      <c r="IS23" s="61">
        <v>6</v>
      </c>
      <c r="IT23" s="62">
        <v>78</v>
      </c>
      <c r="IU23" s="63">
        <v>109</v>
      </c>
      <c r="IV23" s="60">
        <v>22</v>
      </c>
      <c r="IW23" s="61">
        <v>33</v>
      </c>
      <c r="IX23" s="62">
        <v>55</v>
      </c>
      <c r="IY23" s="231"/>
      <c r="IZ23" s="61">
        <v>48</v>
      </c>
      <c r="JA23" s="61">
        <v>20</v>
      </c>
      <c r="JB23" s="61">
        <v>15</v>
      </c>
      <c r="JC23" s="61">
        <v>7</v>
      </c>
      <c r="JD23" s="61">
        <v>6</v>
      </c>
      <c r="JE23" s="62">
        <v>96</v>
      </c>
      <c r="JF23" s="63">
        <v>151</v>
      </c>
      <c r="JG23" s="60">
        <v>12</v>
      </c>
      <c r="JH23" s="61">
        <v>19</v>
      </c>
      <c r="JI23" s="62">
        <v>31</v>
      </c>
      <c r="JJ23" s="231"/>
      <c r="JK23" s="61">
        <v>35</v>
      </c>
      <c r="JL23" s="61">
        <v>23</v>
      </c>
      <c r="JM23" s="61">
        <v>13</v>
      </c>
      <c r="JN23" s="61">
        <v>17</v>
      </c>
      <c r="JO23" s="61">
        <v>8</v>
      </c>
      <c r="JP23" s="62">
        <v>96</v>
      </c>
      <c r="JQ23" s="63">
        <v>127</v>
      </c>
      <c r="JR23" s="60">
        <v>0</v>
      </c>
      <c r="JS23" s="61">
        <v>0</v>
      </c>
      <c r="JT23" s="62">
        <v>0</v>
      </c>
      <c r="JU23" s="231"/>
      <c r="JV23" s="61">
        <v>0</v>
      </c>
      <c r="JW23" s="61">
        <v>0</v>
      </c>
      <c r="JX23" s="61">
        <v>0</v>
      </c>
      <c r="JY23" s="61">
        <v>0</v>
      </c>
      <c r="JZ23" s="61">
        <v>0</v>
      </c>
      <c r="KA23" s="62">
        <v>0</v>
      </c>
      <c r="KB23" s="63">
        <v>0</v>
      </c>
      <c r="KC23" s="60">
        <v>63</v>
      </c>
      <c r="KD23" s="61">
        <v>76</v>
      </c>
      <c r="KE23" s="62">
        <v>139</v>
      </c>
      <c r="KF23" s="231"/>
      <c r="KG23" s="61">
        <v>129</v>
      </c>
      <c r="KH23" s="61">
        <v>70</v>
      </c>
      <c r="KI23" s="61">
        <v>52</v>
      </c>
      <c r="KJ23" s="61">
        <v>41</v>
      </c>
      <c r="KK23" s="61">
        <v>26</v>
      </c>
      <c r="KL23" s="62">
        <v>318</v>
      </c>
      <c r="KM23" s="63">
        <v>457</v>
      </c>
    </row>
    <row r="24" spans="2:299" ht="21" customHeight="1" x14ac:dyDescent="0.2">
      <c r="B24" s="472" t="s">
        <v>21</v>
      </c>
      <c r="C24" s="293">
        <v>54</v>
      </c>
      <c r="D24" s="72">
        <v>39</v>
      </c>
      <c r="E24" s="73">
        <v>93</v>
      </c>
      <c r="F24" s="228"/>
      <c r="G24" s="72">
        <v>64</v>
      </c>
      <c r="H24" s="72">
        <v>59</v>
      </c>
      <c r="I24" s="72">
        <v>34</v>
      </c>
      <c r="J24" s="72">
        <v>27</v>
      </c>
      <c r="K24" s="72">
        <v>27</v>
      </c>
      <c r="L24" s="74">
        <v>211</v>
      </c>
      <c r="M24" s="75">
        <v>304</v>
      </c>
      <c r="N24" s="60">
        <v>0</v>
      </c>
      <c r="O24" s="61">
        <v>0</v>
      </c>
      <c r="P24" s="62">
        <v>0</v>
      </c>
      <c r="Q24" s="231"/>
      <c r="R24" s="61">
        <v>0</v>
      </c>
      <c r="S24" s="61">
        <v>1</v>
      </c>
      <c r="T24" s="61">
        <v>2</v>
      </c>
      <c r="U24" s="61">
        <v>0</v>
      </c>
      <c r="V24" s="61">
        <v>1</v>
      </c>
      <c r="W24" s="62">
        <v>4</v>
      </c>
      <c r="X24" s="63">
        <v>4</v>
      </c>
      <c r="Y24" s="60">
        <v>1</v>
      </c>
      <c r="Z24" s="61">
        <v>1</v>
      </c>
      <c r="AA24" s="62">
        <v>2</v>
      </c>
      <c r="AB24" s="231"/>
      <c r="AC24" s="61">
        <v>4</v>
      </c>
      <c r="AD24" s="61">
        <v>2</v>
      </c>
      <c r="AE24" s="61">
        <v>3</v>
      </c>
      <c r="AF24" s="61">
        <v>3</v>
      </c>
      <c r="AG24" s="61">
        <v>0</v>
      </c>
      <c r="AH24" s="62">
        <v>12</v>
      </c>
      <c r="AI24" s="63">
        <v>14</v>
      </c>
      <c r="AJ24" s="60">
        <v>4</v>
      </c>
      <c r="AK24" s="61">
        <v>5</v>
      </c>
      <c r="AL24" s="62">
        <v>9</v>
      </c>
      <c r="AM24" s="231"/>
      <c r="AN24" s="61">
        <v>11</v>
      </c>
      <c r="AO24" s="61">
        <v>4</v>
      </c>
      <c r="AP24" s="61">
        <v>4</v>
      </c>
      <c r="AQ24" s="61">
        <v>3</v>
      </c>
      <c r="AR24" s="61">
        <v>3</v>
      </c>
      <c r="AS24" s="62">
        <v>25</v>
      </c>
      <c r="AT24" s="63">
        <v>34</v>
      </c>
      <c r="AU24" s="60">
        <v>12</v>
      </c>
      <c r="AV24" s="61">
        <v>4</v>
      </c>
      <c r="AW24" s="62">
        <v>16</v>
      </c>
      <c r="AX24" s="231"/>
      <c r="AY24" s="61">
        <v>16</v>
      </c>
      <c r="AZ24" s="61">
        <v>15</v>
      </c>
      <c r="BA24" s="61">
        <v>8</v>
      </c>
      <c r="BB24" s="61">
        <v>5</v>
      </c>
      <c r="BC24" s="61">
        <v>2</v>
      </c>
      <c r="BD24" s="62">
        <v>46</v>
      </c>
      <c r="BE24" s="63">
        <v>62</v>
      </c>
      <c r="BF24" s="60">
        <v>21</v>
      </c>
      <c r="BG24" s="61">
        <v>14</v>
      </c>
      <c r="BH24" s="62">
        <v>35</v>
      </c>
      <c r="BI24" s="231"/>
      <c r="BJ24" s="61">
        <v>22</v>
      </c>
      <c r="BK24" s="61">
        <v>15</v>
      </c>
      <c r="BL24" s="61">
        <v>9</v>
      </c>
      <c r="BM24" s="61">
        <v>6</v>
      </c>
      <c r="BN24" s="61">
        <v>12</v>
      </c>
      <c r="BO24" s="62">
        <v>64</v>
      </c>
      <c r="BP24" s="63">
        <v>99</v>
      </c>
      <c r="BQ24" s="60">
        <v>16</v>
      </c>
      <c r="BR24" s="61">
        <v>15</v>
      </c>
      <c r="BS24" s="62">
        <v>31</v>
      </c>
      <c r="BT24" s="231"/>
      <c r="BU24" s="61">
        <v>11</v>
      </c>
      <c r="BV24" s="61">
        <v>22</v>
      </c>
      <c r="BW24" s="61">
        <v>8</v>
      </c>
      <c r="BX24" s="61">
        <v>10</v>
      </c>
      <c r="BY24" s="61">
        <v>9</v>
      </c>
      <c r="BZ24" s="62">
        <v>60</v>
      </c>
      <c r="CA24" s="63">
        <v>91</v>
      </c>
      <c r="CB24" s="60">
        <v>0</v>
      </c>
      <c r="CC24" s="61">
        <v>0</v>
      </c>
      <c r="CD24" s="62">
        <v>0</v>
      </c>
      <c r="CE24" s="231"/>
      <c r="CF24" s="61">
        <v>0</v>
      </c>
      <c r="CG24" s="61">
        <v>0</v>
      </c>
      <c r="CH24" s="61">
        <v>0</v>
      </c>
      <c r="CI24" s="61">
        <v>0</v>
      </c>
      <c r="CJ24" s="61">
        <v>0</v>
      </c>
      <c r="CK24" s="62">
        <v>0</v>
      </c>
      <c r="CL24" s="63">
        <v>0</v>
      </c>
      <c r="CM24" s="60">
        <v>54</v>
      </c>
      <c r="CN24" s="61">
        <v>39</v>
      </c>
      <c r="CO24" s="62">
        <v>93</v>
      </c>
      <c r="CP24" s="231"/>
      <c r="CQ24" s="61">
        <v>64</v>
      </c>
      <c r="CR24" s="61">
        <v>59</v>
      </c>
      <c r="CS24" s="61">
        <v>34</v>
      </c>
      <c r="CT24" s="61">
        <v>27</v>
      </c>
      <c r="CU24" s="61">
        <v>27</v>
      </c>
      <c r="CV24" s="62">
        <v>211</v>
      </c>
      <c r="CW24" s="63">
        <v>304</v>
      </c>
      <c r="CX24" s="113">
        <v>8</v>
      </c>
      <c r="CY24" s="72">
        <v>7</v>
      </c>
      <c r="CZ24" s="73">
        <v>15</v>
      </c>
      <c r="DA24" s="228"/>
      <c r="DB24" s="72">
        <v>10</v>
      </c>
      <c r="DC24" s="72">
        <v>8</v>
      </c>
      <c r="DD24" s="72">
        <v>5</v>
      </c>
      <c r="DE24" s="72">
        <v>6</v>
      </c>
      <c r="DF24" s="72">
        <v>4</v>
      </c>
      <c r="DG24" s="74">
        <v>33</v>
      </c>
      <c r="DH24" s="75">
        <v>48</v>
      </c>
      <c r="DI24" s="60">
        <v>0</v>
      </c>
      <c r="DJ24" s="61">
        <v>0</v>
      </c>
      <c r="DK24" s="62">
        <v>0</v>
      </c>
      <c r="DL24" s="231"/>
      <c r="DM24" s="61">
        <v>1</v>
      </c>
      <c r="DN24" s="61">
        <v>0</v>
      </c>
      <c r="DO24" s="61">
        <v>0</v>
      </c>
      <c r="DP24" s="61">
        <v>0</v>
      </c>
      <c r="DQ24" s="61">
        <v>1</v>
      </c>
      <c r="DR24" s="62">
        <v>2</v>
      </c>
      <c r="DS24" s="63">
        <v>2</v>
      </c>
      <c r="DT24" s="60">
        <v>1</v>
      </c>
      <c r="DU24" s="61">
        <v>0</v>
      </c>
      <c r="DV24" s="62">
        <v>1</v>
      </c>
      <c r="DW24" s="231"/>
      <c r="DX24" s="61">
        <v>0</v>
      </c>
      <c r="DY24" s="61">
        <v>1</v>
      </c>
      <c r="DZ24" s="61">
        <v>0</v>
      </c>
      <c r="EA24" s="61">
        <v>0</v>
      </c>
      <c r="EB24" s="61">
        <v>0</v>
      </c>
      <c r="EC24" s="62">
        <v>1</v>
      </c>
      <c r="ED24" s="63">
        <v>2</v>
      </c>
      <c r="EE24" s="60">
        <v>1</v>
      </c>
      <c r="EF24" s="61">
        <v>2</v>
      </c>
      <c r="EG24" s="62">
        <v>3</v>
      </c>
      <c r="EH24" s="231"/>
      <c r="EI24" s="61">
        <v>0</v>
      </c>
      <c r="EJ24" s="61">
        <v>0</v>
      </c>
      <c r="EK24" s="61">
        <v>0</v>
      </c>
      <c r="EL24" s="61">
        <v>0</v>
      </c>
      <c r="EM24" s="61">
        <v>0</v>
      </c>
      <c r="EN24" s="62">
        <v>0</v>
      </c>
      <c r="EO24" s="63">
        <v>3</v>
      </c>
      <c r="EP24" s="60">
        <v>1</v>
      </c>
      <c r="EQ24" s="61">
        <v>1</v>
      </c>
      <c r="ER24" s="62">
        <v>2</v>
      </c>
      <c r="ES24" s="231"/>
      <c r="ET24" s="61">
        <v>1</v>
      </c>
      <c r="EU24" s="61">
        <v>1</v>
      </c>
      <c r="EV24" s="61">
        <v>2</v>
      </c>
      <c r="EW24" s="61">
        <v>0</v>
      </c>
      <c r="EX24" s="61">
        <v>1</v>
      </c>
      <c r="EY24" s="62">
        <v>5</v>
      </c>
      <c r="EZ24" s="63">
        <v>7</v>
      </c>
      <c r="FA24" s="60">
        <v>3</v>
      </c>
      <c r="FB24" s="61">
        <v>1</v>
      </c>
      <c r="FC24" s="62">
        <v>4</v>
      </c>
      <c r="FD24" s="231"/>
      <c r="FE24" s="61">
        <v>5</v>
      </c>
      <c r="FF24" s="61">
        <v>2</v>
      </c>
      <c r="FG24" s="61">
        <v>1</v>
      </c>
      <c r="FH24" s="61">
        <v>2</v>
      </c>
      <c r="FI24" s="61">
        <v>1</v>
      </c>
      <c r="FJ24" s="62">
        <v>11</v>
      </c>
      <c r="FK24" s="63">
        <v>15</v>
      </c>
      <c r="FL24" s="60">
        <v>2</v>
      </c>
      <c r="FM24" s="61">
        <v>3</v>
      </c>
      <c r="FN24" s="62">
        <v>5</v>
      </c>
      <c r="FO24" s="231"/>
      <c r="FP24" s="61">
        <v>3</v>
      </c>
      <c r="FQ24" s="61">
        <v>4</v>
      </c>
      <c r="FR24" s="61">
        <v>2</v>
      </c>
      <c r="FS24" s="61">
        <v>4</v>
      </c>
      <c r="FT24" s="61">
        <v>1</v>
      </c>
      <c r="FU24" s="62">
        <v>14</v>
      </c>
      <c r="FV24" s="63">
        <v>19</v>
      </c>
      <c r="FW24" s="60">
        <v>0</v>
      </c>
      <c r="FX24" s="61">
        <v>0</v>
      </c>
      <c r="FY24" s="62">
        <v>0</v>
      </c>
      <c r="FZ24" s="231"/>
      <c r="GA24" s="61">
        <v>0</v>
      </c>
      <c r="GB24" s="61">
        <v>0</v>
      </c>
      <c r="GC24" s="61">
        <v>0</v>
      </c>
      <c r="GD24" s="61">
        <v>0</v>
      </c>
      <c r="GE24" s="61">
        <v>0</v>
      </c>
      <c r="GF24" s="62">
        <v>0</v>
      </c>
      <c r="GG24" s="63">
        <v>0</v>
      </c>
      <c r="GH24" s="60">
        <v>8</v>
      </c>
      <c r="GI24" s="61">
        <v>7</v>
      </c>
      <c r="GJ24" s="62">
        <v>15</v>
      </c>
      <c r="GK24" s="231"/>
      <c r="GL24" s="61">
        <v>10</v>
      </c>
      <c r="GM24" s="61">
        <v>8</v>
      </c>
      <c r="GN24" s="61">
        <v>5</v>
      </c>
      <c r="GO24" s="61">
        <v>6</v>
      </c>
      <c r="GP24" s="61">
        <v>4</v>
      </c>
      <c r="GQ24" s="62">
        <v>33</v>
      </c>
      <c r="GR24" s="63">
        <v>48</v>
      </c>
      <c r="GS24" s="113">
        <v>62</v>
      </c>
      <c r="GT24" s="72">
        <v>46</v>
      </c>
      <c r="GU24" s="73">
        <v>108</v>
      </c>
      <c r="GV24" s="228"/>
      <c r="GW24" s="72">
        <v>74</v>
      </c>
      <c r="GX24" s="72">
        <v>67</v>
      </c>
      <c r="GY24" s="72">
        <v>39</v>
      </c>
      <c r="GZ24" s="72">
        <v>33</v>
      </c>
      <c r="HA24" s="72">
        <v>31</v>
      </c>
      <c r="HB24" s="74">
        <v>244</v>
      </c>
      <c r="HC24" s="75">
        <v>352</v>
      </c>
      <c r="HD24" s="60">
        <v>0</v>
      </c>
      <c r="HE24" s="61">
        <v>0</v>
      </c>
      <c r="HF24" s="62">
        <v>0</v>
      </c>
      <c r="HG24" s="231"/>
      <c r="HH24" s="61">
        <v>1</v>
      </c>
      <c r="HI24" s="61">
        <v>1</v>
      </c>
      <c r="HJ24" s="61">
        <v>2</v>
      </c>
      <c r="HK24" s="61">
        <v>0</v>
      </c>
      <c r="HL24" s="61">
        <v>2</v>
      </c>
      <c r="HM24" s="62">
        <v>6</v>
      </c>
      <c r="HN24" s="63">
        <v>6</v>
      </c>
      <c r="HO24" s="60">
        <v>2</v>
      </c>
      <c r="HP24" s="61">
        <v>1</v>
      </c>
      <c r="HQ24" s="62">
        <v>3</v>
      </c>
      <c r="HR24" s="231"/>
      <c r="HS24" s="61">
        <v>4</v>
      </c>
      <c r="HT24" s="61">
        <v>3</v>
      </c>
      <c r="HU24" s="61">
        <v>3</v>
      </c>
      <c r="HV24" s="61">
        <v>3</v>
      </c>
      <c r="HW24" s="61">
        <v>0</v>
      </c>
      <c r="HX24" s="62">
        <v>13</v>
      </c>
      <c r="HY24" s="63">
        <v>16</v>
      </c>
      <c r="HZ24" s="60">
        <v>5</v>
      </c>
      <c r="IA24" s="61">
        <v>7</v>
      </c>
      <c r="IB24" s="62">
        <v>12</v>
      </c>
      <c r="IC24" s="231"/>
      <c r="ID24" s="61">
        <v>11</v>
      </c>
      <c r="IE24" s="61">
        <v>4</v>
      </c>
      <c r="IF24" s="61">
        <v>4</v>
      </c>
      <c r="IG24" s="61">
        <v>3</v>
      </c>
      <c r="IH24" s="61">
        <v>3</v>
      </c>
      <c r="II24" s="62">
        <v>25</v>
      </c>
      <c r="IJ24" s="63">
        <v>37</v>
      </c>
      <c r="IK24" s="60">
        <v>13</v>
      </c>
      <c r="IL24" s="61">
        <v>5</v>
      </c>
      <c r="IM24" s="62">
        <v>18</v>
      </c>
      <c r="IN24" s="231"/>
      <c r="IO24" s="61">
        <v>17</v>
      </c>
      <c r="IP24" s="61">
        <v>16</v>
      </c>
      <c r="IQ24" s="61">
        <v>10</v>
      </c>
      <c r="IR24" s="61">
        <v>5</v>
      </c>
      <c r="IS24" s="61">
        <v>3</v>
      </c>
      <c r="IT24" s="62">
        <v>51</v>
      </c>
      <c r="IU24" s="63">
        <v>69</v>
      </c>
      <c r="IV24" s="60">
        <v>24</v>
      </c>
      <c r="IW24" s="61">
        <v>15</v>
      </c>
      <c r="IX24" s="62">
        <v>39</v>
      </c>
      <c r="IY24" s="231"/>
      <c r="IZ24" s="61">
        <v>27</v>
      </c>
      <c r="JA24" s="61">
        <v>17</v>
      </c>
      <c r="JB24" s="61">
        <v>10</v>
      </c>
      <c r="JC24" s="61">
        <v>8</v>
      </c>
      <c r="JD24" s="61">
        <v>13</v>
      </c>
      <c r="JE24" s="62">
        <v>75</v>
      </c>
      <c r="JF24" s="63">
        <v>114</v>
      </c>
      <c r="JG24" s="60">
        <v>18</v>
      </c>
      <c r="JH24" s="61">
        <v>18</v>
      </c>
      <c r="JI24" s="62">
        <v>36</v>
      </c>
      <c r="JJ24" s="231"/>
      <c r="JK24" s="61">
        <v>14</v>
      </c>
      <c r="JL24" s="61">
        <v>26</v>
      </c>
      <c r="JM24" s="61">
        <v>10</v>
      </c>
      <c r="JN24" s="61">
        <v>14</v>
      </c>
      <c r="JO24" s="61">
        <v>10</v>
      </c>
      <c r="JP24" s="62">
        <v>74</v>
      </c>
      <c r="JQ24" s="63">
        <v>110</v>
      </c>
      <c r="JR24" s="60">
        <v>0</v>
      </c>
      <c r="JS24" s="61">
        <v>0</v>
      </c>
      <c r="JT24" s="62">
        <v>0</v>
      </c>
      <c r="JU24" s="231"/>
      <c r="JV24" s="61">
        <v>0</v>
      </c>
      <c r="JW24" s="61">
        <v>0</v>
      </c>
      <c r="JX24" s="61">
        <v>0</v>
      </c>
      <c r="JY24" s="61">
        <v>0</v>
      </c>
      <c r="JZ24" s="61">
        <v>0</v>
      </c>
      <c r="KA24" s="62">
        <v>0</v>
      </c>
      <c r="KB24" s="63">
        <v>0</v>
      </c>
      <c r="KC24" s="60">
        <v>62</v>
      </c>
      <c r="KD24" s="61">
        <v>46</v>
      </c>
      <c r="KE24" s="62">
        <v>108</v>
      </c>
      <c r="KF24" s="231"/>
      <c r="KG24" s="61">
        <v>74</v>
      </c>
      <c r="KH24" s="61">
        <v>67</v>
      </c>
      <c r="KI24" s="61">
        <v>39</v>
      </c>
      <c r="KJ24" s="61">
        <v>33</v>
      </c>
      <c r="KK24" s="61">
        <v>31</v>
      </c>
      <c r="KL24" s="62">
        <v>244</v>
      </c>
      <c r="KM24" s="63">
        <v>352</v>
      </c>
    </row>
    <row r="25" spans="2:299" ht="21" customHeight="1" x14ac:dyDescent="0.2">
      <c r="B25" s="472" t="s">
        <v>22</v>
      </c>
      <c r="C25" s="293">
        <v>17</v>
      </c>
      <c r="D25" s="72">
        <v>15</v>
      </c>
      <c r="E25" s="73">
        <v>32</v>
      </c>
      <c r="F25" s="228"/>
      <c r="G25" s="72">
        <v>38</v>
      </c>
      <c r="H25" s="72">
        <v>33</v>
      </c>
      <c r="I25" s="72">
        <v>18</v>
      </c>
      <c r="J25" s="72">
        <v>15</v>
      </c>
      <c r="K25" s="72">
        <v>7</v>
      </c>
      <c r="L25" s="74">
        <v>111</v>
      </c>
      <c r="M25" s="75">
        <v>143</v>
      </c>
      <c r="N25" s="60">
        <v>0</v>
      </c>
      <c r="O25" s="61">
        <v>0</v>
      </c>
      <c r="P25" s="62">
        <v>0</v>
      </c>
      <c r="Q25" s="231"/>
      <c r="R25" s="61">
        <v>0</v>
      </c>
      <c r="S25" s="61">
        <v>0</v>
      </c>
      <c r="T25" s="61">
        <v>0</v>
      </c>
      <c r="U25" s="61">
        <v>0</v>
      </c>
      <c r="V25" s="61">
        <v>0</v>
      </c>
      <c r="W25" s="62">
        <v>0</v>
      </c>
      <c r="X25" s="63">
        <v>0</v>
      </c>
      <c r="Y25" s="60">
        <v>0</v>
      </c>
      <c r="Z25" s="61">
        <v>0</v>
      </c>
      <c r="AA25" s="62">
        <v>0</v>
      </c>
      <c r="AB25" s="231"/>
      <c r="AC25" s="61">
        <v>0</v>
      </c>
      <c r="AD25" s="61">
        <v>1</v>
      </c>
      <c r="AE25" s="61">
        <v>0</v>
      </c>
      <c r="AF25" s="61">
        <v>0</v>
      </c>
      <c r="AG25" s="61">
        <v>2</v>
      </c>
      <c r="AH25" s="62">
        <v>3</v>
      </c>
      <c r="AI25" s="63">
        <v>3</v>
      </c>
      <c r="AJ25" s="60">
        <v>0</v>
      </c>
      <c r="AK25" s="61">
        <v>1</v>
      </c>
      <c r="AL25" s="62">
        <v>1</v>
      </c>
      <c r="AM25" s="231"/>
      <c r="AN25" s="61">
        <v>4</v>
      </c>
      <c r="AO25" s="61">
        <v>6</v>
      </c>
      <c r="AP25" s="61">
        <v>3</v>
      </c>
      <c r="AQ25" s="61">
        <v>1</v>
      </c>
      <c r="AR25" s="61">
        <v>0</v>
      </c>
      <c r="AS25" s="62">
        <v>14</v>
      </c>
      <c r="AT25" s="63">
        <v>15</v>
      </c>
      <c r="AU25" s="60">
        <v>2</v>
      </c>
      <c r="AV25" s="61">
        <v>2</v>
      </c>
      <c r="AW25" s="62">
        <v>4</v>
      </c>
      <c r="AX25" s="231"/>
      <c r="AY25" s="61">
        <v>4</v>
      </c>
      <c r="AZ25" s="61">
        <v>5</v>
      </c>
      <c r="BA25" s="61">
        <v>4</v>
      </c>
      <c r="BB25" s="61">
        <v>5</v>
      </c>
      <c r="BC25" s="61">
        <v>4</v>
      </c>
      <c r="BD25" s="62">
        <v>22</v>
      </c>
      <c r="BE25" s="63">
        <v>26</v>
      </c>
      <c r="BF25" s="60">
        <v>8</v>
      </c>
      <c r="BG25" s="61">
        <v>7</v>
      </c>
      <c r="BH25" s="62">
        <v>15</v>
      </c>
      <c r="BI25" s="231"/>
      <c r="BJ25" s="61">
        <v>11</v>
      </c>
      <c r="BK25" s="61">
        <v>9</v>
      </c>
      <c r="BL25" s="61">
        <v>3</v>
      </c>
      <c r="BM25" s="61">
        <v>4</v>
      </c>
      <c r="BN25" s="61">
        <v>0</v>
      </c>
      <c r="BO25" s="62">
        <v>27</v>
      </c>
      <c r="BP25" s="63">
        <v>42</v>
      </c>
      <c r="BQ25" s="60">
        <v>7</v>
      </c>
      <c r="BR25" s="61">
        <v>5</v>
      </c>
      <c r="BS25" s="62">
        <v>12</v>
      </c>
      <c r="BT25" s="231"/>
      <c r="BU25" s="61">
        <v>19</v>
      </c>
      <c r="BV25" s="61">
        <v>12</v>
      </c>
      <c r="BW25" s="61">
        <v>8</v>
      </c>
      <c r="BX25" s="61">
        <v>5</v>
      </c>
      <c r="BY25" s="61">
        <v>1</v>
      </c>
      <c r="BZ25" s="62">
        <v>45</v>
      </c>
      <c r="CA25" s="63">
        <v>57</v>
      </c>
      <c r="CB25" s="60">
        <v>0</v>
      </c>
      <c r="CC25" s="61">
        <v>0</v>
      </c>
      <c r="CD25" s="62">
        <v>0</v>
      </c>
      <c r="CE25" s="231"/>
      <c r="CF25" s="61">
        <v>0</v>
      </c>
      <c r="CG25" s="61">
        <v>0</v>
      </c>
      <c r="CH25" s="61">
        <v>0</v>
      </c>
      <c r="CI25" s="61">
        <v>0</v>
      </c>
      <c r="CJ25" s="61">
        <v>0</v>
      </c>
      <c r="CK25" s="62">
        <v>0</v>
      </c>
      <c r="CL25" s="63">
        <v>0</v>
      </c>
      <c r="CM25" s="60">
        <v>17</v>
      </c>
      <c r="CN25" s="61">
        <v>15</v>
      </c>
      <c r="CO25" s="62">
        <v>32</v>
      </c>
      <c r="CP25" s="231"/>
      <c r="CQ25" s="61">
        <v>38</v>
      </c>
      <c r="CR25" s="61">
        <v>33</v>
      </c>
      <c r="CS25" s="61">
        <v>18</v>
      </c>
      <c r="CT25" s="61">
        <v>15</v>
      </c>
      <c r="CU25" s="61">
        <v>7</v>
      </c>
      <c r="CV25" s="62">
        <v>111</v>
      </c>
      <c r="CW25" s="63">
        <v>143</v>
      </c>
      <c r="CX25" s="113">
        <v>1</v>
      </c>
      <c r="CY25" s="72">
        <v>3</v>
      </c>
      <c r="CZ25" s="73">
        <v>4</v>
      </c>
      <c r="DA25" s="228"/>
      <c r="DB25" s="72">
        <v>7</v>
      </c>
      <c r="DC25" s="72">
        <v>6</v>
      </c>
      <c r="DD25" s="72">
        <v>3</v>
      </c>
      <c r="DE25" s="72">
        <v>2</v>
      </c>
      <c r="DF25" s="72">
        <v>0</v>
      </c>
      <c r="DG25" s="74">
        <v>18</v>
      </c>
      <c r="DH25" s="75">
        <v>22</v>
      </c>
      <c r="DI25" s="60">
        <v>0</v>
      </c>
      <c r="DJ25" s="61">
        <v>0</v>
      </c>
      <c r="DK25" s="62">
        <v>0</v>
      </c>
      <c r="DL25" s="231"/>
      <c r="DM25" s="61">
        <v>0</v>
      </c>
      <c r="DN25" s="61">
        <v>0</v>
      </c>
      <c r="DO25" s="61">
        <v>0</v>
      </c>
      <c r="DP25" s="61">
        <v>0</v>
      </c>
      <c r="DQ25" s="61">
        <v>0</v>
      </c>
      <c r="DR25" s="62">
        <v>0</v>
      </c>
      <c r="DS25" s="63">
        <v>0</v>
      </c>
      <c r="DT25" s="60">
        <v>0</v>
      </c>
      <c r="DU25" s="61">
        <v>0</v>
      </c>
      <c r="DV25" s="62">
        <v>0</v>
      </c>
      <c r="DW25" s="231"/>
      <c r="DX25" s="61">
        <v>0</v>
      </c>
      <c r="DY25" s="61">
        <v>0</v>
      </c>
      <c r="DZ25" s="61">
        <v>0</v>
      </c>
      <c r="EA25" s="61">
        <v>0</v>
      </c>
      <c r="EB25" s="61">
        <v>0</v>
      </c>
      <c r="EC25" s="62">
        <v>0</v>
      </c>
      <c r="ED25" s="63">
        <v>0</v>
      </c>
      <c r="EE25" s="60">
        <v>0</v>
      </c>
      <c r="EF25" s="61">
        <v>1</v>
      </c>
      <c r="EG25" s="62">
        <v>1</v>
      </c>
      <c r="EH25" s="231"/>
      <c r="EI25" s="61">
        <v>0</v>
      </c>
      <c r="EJ25" s="61">
        <v>2</v>
      </c>
      <c r="EK25" s="61">
        <v>2</v>
      </c>
      <c r="EL25" s="61">
        <v>0</v>
      </c>
      <c r="EM25" s="61">
        <v>0</v>
      </c>
      <c r="EN25" s="62">
        <v>4</v>
      </c>
      <c r="EO25" s="63">
        <v>5</v>
      </c>
      <c r="EP25" s="60">
        <v>1</v>
      </c>
      <c r="EQ25" s="61">
        <v>1</v>
      </c>
      <c r="ER25" s="62">
        <v>2</v>
      </c>
      <c r="ES25" s="231"/>
      <c r="ET25" s="61">
        <v>1</v>
      </c>
      <c r="EU25" s="61">
        <v>0</v>
      </c>
      <c r="EV25" s="61">
        <v>0</v>
      </c>
      <c r="EW25" s="61">
        <v>0</v>
      </c>
      <c r="EX25" s="61">
        <v>0</v>
      </c>
      <c r="EY25" s="62">
        <v>1</v>
      </c>
      <c r="EZ25" s="63">
        <v>3</v>
      </c>
      <c r="FA25" s="60">
        <v>0</v>
      </c>
      <c r="FB25" s="61">
        <v>0</v>
      </c>
      <c r="FC25" s="62">
        <v>0</v>
      </c>
      <c r="FD25" s="231"/>
      <c r="FE25" s="61">
        <v>3</v>
      </c>
      <c r="FF25" s="61">
        <v>1</v>
      </c>
      <c r="FG25" s="61">
        <v>0</v>
      </c>
      <c r="FH25" s="61">
        <v>0</v>
      </c>
      <c r="FI25" s="61">
        <v>0</v>
      </c>
      <c r="FJ25" s="62">
        <v>4</v>
      </c>
      <c r="FK25" s="63">
        <v>4</v>
      </c>
      <c r="FL25" s="60">
        <v>0</v>
      </c>
      <c r="FM25" s="61">
        <v>1</v>
      </c>
      <c r="FN25" s="62">
        <v>1</v>
      </c>
      <c r="FO25" s="231"/>
      <c r="FP25" s="61">
        <v>3</v>
      </c>
      <c r="FQ25" s="61">
        <v>3</v>
      </c>
      <c r="FR25" s="61">
        <v>1</v>
      </c>
      <c r="FS25" s="61">
        <v>2</v>
      </c>
      <c r="FT25" s="61">
        <v>0</v>
      </c>
      <c r="FU25" s="62">
        <v>9</v>
      </c>
      <c r="FV25" s="63">
        <v>10</v>
      </c>
      <c r="FW25" s="60">
        <v>0</v>
      </c>
      <c r="FX25" s="61">
        <v>0</v>
      </c>
      <c r="FY25" s="62">
        <v>0</v>
      </c>
      <c r="FZ25" s="231"/>
      <c r="GA25" s="61">
        <v>0</v>
      </c>
      <c r="GB25" s="61">
        <v>0</v>
      </c>
      <c r="GC25" s="61">
        <v>0</v>
      </c>
      <c r="GD25" s="61">
        <v>0</v>
      </c>
      <c r="GE25" s="61">
        <v>0</v>
      </c>
      <c r="GF25" s="62">
        <v>0</v>
      </c>
      <c r="GG25" s="63">
        <v>0</v>
      </c>
      <c r="GH25" s="60">
        <v>1</v>
      </c>
      <c r="GI25" s="61">
        <v>3</v>
      </c>
      <c r="GJ25" s="62">
        <v>4</v>
      </c>
      <c r="GK25" s="231"/>
      <c r="GL25" s="61">
        <v>7</v>
      </c>
      <c r="GM25" s="61">
        <v>6</v>
      </c>
      <c r="GN25" s="61">
        <v>3</v>
      </c>
      <c r="GO25" s="61">
        <v>2</v>
      </c>
      <c r="GP25" s="61">
        <v>0</v>
      </c>
      <c r="GQ25" s="62">
        <v>18</v>
      </c>
      <c r="GR25" s="63">
        <v>22</v>
      </c>
      <c r="GS25" s="113">
        <v>18</v>
      </c>
      <c r="GT25" s="72">
        <v>18</v>
      </c>
      <c r="GU25" s="73">
        <v>36</v>
      </c>
      <c r="GV25" s="228"/>
      <c r="GW25" s="72">
        <v>45</v>
      </c>
      <c r="GX25" s="72">
        <v>39</v>
      </c>
      <c r="GY25" s="72">
        <v>21</v>
      </c>
      <c r="GZ25" s="72">
        <v>17</v>
      </c>
      <c r="HA25" s="72">
        <v>7</v>
      </c>
      <c r="HB25" s="74">
        <v>129</v>
      </c>
      <c r="HC25" s="75">
        <v>165</v>
      </c>
      <c r="HD25" s="60">
        <v>0</v>
      </c>
      <c r="HE25" s="61">
        <v>0</v>
      </c>
      <c r="HF25" s="62">
        <v>0</v>
      </c>
      <c r="HG25" s="231"/>
      <c r="HH25" s="61">
        <v>0</v>
      </c>
      <c r="HI25" s="61">
        <v>0</v>
      </c>
      <c r="HJ25" s="61">
        <v>0</v>
      </c>
      <c r="HK25" s="61">
        <v>0</v>
      </c>
      <c r="HL25" s="61">
        <v>0</v>
      </c>
      <c r="HM25" s="62">
        <v>0</v>
      </c>
      <c r="HN25" s="63">
        <v>0</v>
      </c>
      <c r="HO25" s="60">
        <v>0</v>
      </c>
      <c r="HP25" s="61">
        <v>0</v>
      </c>
      <c r="HQ25" s="62">
        <v>0</v>
      </c>
      <c r="HR25" s="231"/>
      <c r="HS25" s="61">
        <v>0</v>
      </c>
      <c r="HT25" s="61">
        <v>1</v>
      </c>
      <c r="HU25" s="61">
        <v>0</v>
      </c>
      <c r="HV25" s="61">
        <v>0</v>
      </c>
      <c r="HW25" s="61">
        <v>2</v>
      </c>
      <c r="HX25" s="62">
        <v>3</v>
      </c>
      <c r="HY25" s="63">
        <v>3</v>
      </c>
      <c r="HZ25" s="60">
        <v>0</v>
      </c>
      <c r="IA25" s="61">
        <v>2</v>
      </c>
      <c r="IB25" s="62">
        <v>2</v>
      </c>
      <c r="IC25" s="231"/>
      <c r="ID25" s="61">
        <v>4</v>
      </c>
      <c r="IE25" s="61">
        <v>8</v>
      </c>
      <c r="IF25" s="61">
        <v>5</v>
      </c>
      <c r="IG25" s="61">
        <v>1</v>
      </c>
      <c r="IH25" s="61">
        <v>0</v>
      </c>
      <c r="II25" s="62">
        <v>18</v>
      </c>
      <c r="IJ25" s="63">
        <v>20</v>
      </c>
      <c r="IK25" s="60">
        <v>3</v>
      </c>
      <c r="IL25" s="61">
        <v>3</v>
      </c>
      <c r="IM25" s="62">
        <v>6</v>
      </c>
      <c r="IN25" s="231"/>
      <c r="IO25" s="61">
        <v>5</v>
      </c>
      <c r="IP25" s="61">
        <v>5</v>
      </c>
      <c r="IQ25" s="61">
        <v>4</v>
      </c>
      <c r="IR25" s="61">
        <v>5</v>
      </c>
      <c r="IS25" s="61">
        <v>4</v>
      </c>
      <c r="IT25" s="62">
        <v>23</v>
      </c>
      <c r="IU25" s="63">
        <v>29</v>
      </c>
      <c r="IV25" s="60">
        <v>8</v>
      </c>
      <c r="IW25" s="61">
        <v>7</v>
      </c>
      <c r="IX25" s="62">
        <v>15</v>
      </c>
      <c r="IY25" s="231"/>
      <c r="IZ25" s="61">
        <v>14</v>
      </c>
      <c r="JA25" s="61">
        <v>10</v>
      </c>
      <c r="JB25" s="61">
        <v>3</v>
      </c>
      <c r="JC25" s="61">
        <v>4</v>
      </c>
      <c r="JD25" s="61">
        <v>0</v>
      </c>
      <c r="JE25" s="62">
        <v>31</v>
      </c>
      <c r="JF25" s="63">
        <v>46</v>
      </c>
      <c r="JG25" s="60">
        <v>7</v>
      </c>
      <c r="JH25" s="61">
        <v>6</v>
      </c>
      <c r="JI25" s="62">
        <v>13</v>
      </c>
      <c r="JJ25" s="231"/>
      <c r="JK25" s="61">
        <v>22</v>
      </c>
      <c r="JL25" s="61">
        <v>15</v>
      </c>
      <c r="JM25" s="61">
        <v>9</v>
      </c>
      <c r="JN25" s="61">
        <v>7</v>
      </c>
      <c r="JO25" s="61">
        <v>1</v>
      </c>
      <c r="JP25" s="62">
        <v>54</v>
      </c>
      <c r="JQ25" s="63">
        <v>67</v>
      </c>
      <c r="JR25" s="60">
        <v>0</v>
      </c>
      <c r="JS25" s="61">
        <v>0</v>
      </c>
      <c r="JT25" s="62">
        <v>0</v>
      </c>
      <c r="JU25" s="231"/>
      <c r="JV25" s="61">
        <v>0</v>
      </c>
      <c r="JW25" s="61">
        <v>0</v>
      </c>
      <c r="JX25" s="61">
        <v>0</v>
      </c>
      <c r="JY25" s="61">
        <v>0</v>
      </c>
      <c r="JZ25" s="61">
        <v>0</v>
      </c>
      <c r="KA25" s="62">
        <v>0</v>
      </c>
      <c r="KB25" s="63">
        <v>0</v>
      </c>
      <c r="KC25" s="60">
        <v>18</v>
      </c>
      <c r="KD25" s="61">
        <v>18</v>
      </c>
      <c r="KE25" s="62">
        <v>36</v>
      </c>
      <c r="KF25" s="231"/>
      <c r="KG25" s="61">
        <v>45</v>
      </c>
      <c r="KH25" s="61">
        <v>39</v>
      </c>
      <c r="KI25" s="61">
        <v>21</v>
      </c>
      <c r="KJ25" s="61">
        <v>17</v>
      </c>
      <c r="KK25" s="61">
        <v>7</v>
      </c>
      <c r="KL25" s="62">
        <v>129</v>
      </c>
      <c r="KM25" s="63">
        <v>165</v>
      </c>
    </row>
    <row r="26" spans="2:299" ht="21" customHeight="1" x14ac:dyDescent="0.2">
      <c r="B26" s="472" t="s">
        <v>23</v>
      </c>
      <c r="C26" s="293">
        <v>31</v>
      </c>
      <c r="D26" s="72">
        <v>30</v>
      </c>
      <c r="E26" s="73">
        <v>61</v>
      </c>
      <c r="F26" s="228"/>
      <c r="G26" s="72">
        <v>49</v>
      </c>
      <c r="H26" s="72">
        <v>36</v>
      </c>
      <c r="I26" s="72">
        <v>26</v>
      </c>
      <c r="J26" s="72">
        <v>19</v>
      </c>
      <c r="K26" s="72">
        <v>10</v>
      </c>
      <c r="L26" s="74">
        <v>140</v>
      </c>
      <c r="M26" s="75">
        <v>201</v>
      </c>
      <c r="N26" s="60">
        <v>0</v>
      </c>
      <c r="O26" s="61">
        <v>1</v>
      </c>
      <c r="P26" s="62">
        <v>1</v>
      </c>
      <c r="Q26" s="231"/>
      <c r="R26" s="61">
        <v>0</v>
      </c>
      <c r="S26" s="61">
        <v>2</v>
      </c>
      <c r="T26" s="61">
        <v>1</v>
      </c>
      <c r="U26" s="61">
        <v>0</v>
      </c>
      <c r="V26" s="61">
        <v>1</v>
      </c>
      <c r="W26" s="62">
        <v>4</v>
      </c>
      <c r="X26" s="63">
        <v>5</v>
      </c>
      <c r="Y26" s="60">
        <v>1</v>
      </c>
      <c r="Z26" s="61">
        <v>0</v>
      </c>
      <c r="AA26" s="62">
        <v>1</v>
      </c>
      <c r="AB26" s="231"/>
      <c r="AC26" s="61">
        <v>2</v>
      </c>
      <c r="AD26" s="61">
        <v>2</v>
      </c>
      <c r="AE26" s="61">
        <v>1</v>
      </c>
      <c r="AF26" s="61">
        <v>1</v>
      </c>
      <c r="AG26" s="61">
        <v>1</v>
      </c>
      <c r="AH26" s="62">
        <v>7</v>
      </c>
      <c r="AI26" s="63">
        <v>8</v>
      </c>
      <c r="AJ26" s="60">
        <v>5</v>
      </c>
      <c r="AK26" s="61">
        <v>3</v>
      </c>
      <c r="AL26" s="62">
        <v>8</v>
      </c>
      <c r="AM26" s="231"/>
      <c r="AN26" s="61">
        <v>7</v>
      </c>
      <c r="AO26" s="61">
        <v>2</v>
      </c>
      <c r="AP26" s="61">
        <v>2</v>
      </c>
      <c r="AQ26" s="61">
        <v>3</v>
      </c>
      <c r="AR26" s="61">
        <v>1</v>
      </c>
      <c r="AS26" s="62">
        <v>15</v>
      </c>
      <c r="AT26" s="63">
        <v>23</v>
      </c>
      <c r="AU26" s="60">
        <v>9</v>
      </c>
      <c r="AV26" s="61">
        <v>16</v>
      </c>
      <c r="AW26" s="62">
        <v>25</v>
      </c>
      <c r="AX26" s="231"/>
      <c r="AY26" s="61">
        <v>11</v>
      </c>
      <c r="AZ26" s="61">
        <v>9</v>
      </c>
      <c r="BA26" s="61">
        <v>6</v>
      </c>
      <c r="BB26" s="61">
        <v>6</v>
      </c>
      <c r="BC26" s="61">
        <v>2</v>
      </c>
      <c r="BD26" s="62">
        <v>34</v>
      </c>
      <c r="BE26" s="63">
        <v>59</v>
      </c>
      <c r="BF26" s="60">
        <v>10</v>
      </c>
      <c r="BG26" s="61">
        <v>8</v>
      </c>
      <c r="BH26" s="62">
        <v>18</v>
      </c>
      <c r="BI26" s="231"/>
      <c r="BJ26" s="61">
        <v>18</v>
      </c>
      <c r="BK26" s="61">
        <v>8</v>
      </c>
      <c r="BL26" s="61">
        <v>8</v>
      </c>
      <c r="BM26" s="61">
        <v>3</v>
      </c>
      <c r="BN26" s="61">
        <v>1</v>
      </c>
      <c r="BO26" s="62">
        <v>38</v>
      </c>
      <c r="BP26" s="63">
        <v>56</v>
      </c>
      <c r="BQ26" s="60">
        <v>6</v>
      </c>
      <c r="BR26" s="61">
        <v>2</v>
      </c>
      <c r="BS26" s="62">
        <v>8</v>
      </c>
      <c r="BT26" s="231"/>
      <c r="BU26" s="61">
        <v>11</v>
      </c>
      <c r="BV26" s="61">
        <v>13</v>
      </c>
      <c r="BW26" s="61">
        <v>8</v>
      </c>
      <c r="BX26" s="61">
        <v>6</v>
      </c>
      <c r="BY26" s="61">
        <v>4</v>
      </c>
      <c r="BZ26" s="62">
        <v>42</v>
      </c>
      <c r="CA26" s="63">
        <v>50</v>
      </c>
      <c r="CB26" s="60">
        <v>0</v>
      </c>
      <c r="CC26" s="61">
        <v>0</v>
      </c>
      <c r="CD26" s="62">
        <v>0</v>
      </c>
      <c r="CE26" s="231"/>
      <c r="CF26" s="61">
        <v>0</v>
      </c>
      <c r="CG26" s="61">
        <v>0</v>
      </c>
      <c r="CH26" s="61">
        <v>0</v>
      </c>
      <c r="CI26" s="61">
        <v>0</v>
      </c>
      <c r="CJ26" s="61">
        <v>0</v>
      </c>
      <c r="CK26" s="62">
        <v>0</v>
      </c>
      <c r="CL26" s="63">
        <v>0</v>
      </c>
      <c r="CM26" s="60">
        <v>31</v>
      </c>
      <c r="CN26" s="61">
        <v>30</v>
      </c>
      <c r="CO26" s="62">
        <v>61</v>
      </c>
      <c r="CP26" s="231"/>
      <c r="CQ26" s="61">
        <v>49</v>
      </c>
      <c r="CR26" s="61">
        <v>36</v>
      </c>
      <c r="CS26" s="61">
        <v>26</v>
      </c>
      <c r="CT26" s="61">
        <v>19</v>
      </c>
      <c r="CU26" s="61">
        <v>10</v>
      </c>
      <c r="CV26" s="62">
        <v>140</v>
      </c>
      <c r="CW26" s="63">
        <v>201</v>
      </c>
      <c r="CX26" s="113">
        <v>2</v>
      </c>
      <c r="CY26" s="72">
        <v>3</v>
      </c>
      <c r="CZ26" s="73">
        <v>5</v>
      </c>
      <c r="DA26" s="228"/>
      <c r="DB26" s="72">
        <v>6</v>
      </c>
      <c r="DC26" s="72">
        <v>4</v>
      </c>
      <c r="DD26" s="72">
        <v>1</v>
      </c>
      <c r="DE26" s="72">
        <v>5</v>
      </c>
      <c r="DF26" s="72">
        <v>1</v>
      </c>
      <c r="DG26" s="74">
        <v>17</v>
      </c>
      <c r="DH26" s="75">
        <v>22</v>
      </c>
      <c r="DI26" s="60">
        <v>0</v>
      </c>
      <c r="DJ26" s="61">
        <v>0</v>
      </c>
      <c r="DK26" s="62">
        <v>0</v>
      </c>
      <c r="DL26" s="231"/>
      <c r="DM26" s="61">
        <v>0</v>
      </c>
      <c r="DN26" s="61">
        <v>0</v>
      </c>
      <c r="DO26" s="61">
        <v>0</v>
      </c>
      <c r="DP26" s="61">
        <v>1</v>
      </c>
      <c r="DQ26" s="61">
        <v>0</v>
      </c>
      <c r="DR26" s="62">
        <v>1</v>
      </c>
      <c r="DS26" s="63">
        <v>1</v>
      </c>
      <c r="DT26" s="60">
        <v>0</v>
      </c>
      <c r="DU26" s="61">
        <v>2</v>
      </c>
      <c r="DV26" s="62">
        <v>2</v>
      </c>
      <c r="DW26" s="231"/>
      <c r="DX26" s="61">
        <v>0</v>
      </c>
      <c r="DY26" s="61">
        <v>2</v>
      </c>
      <c r="DZ26" s="61">
        <v>0</v>
      </c>
      <c r="EA26" s="61">
        <v>0</v>
      </c>
      <c r="EB26" s="61">
        <v>0</v>
      </c>
      <c r="EC26" s="62">
        <v>2</v>
      </c>
      <c r="ED26" s="63">
        <v>4</v>
      </c>
      <c r="EE26" s="60">
        <v>2</v>
      </c>
      <c r="EF26" s="61">
        <v>0</v>
      </c>
      <c r="EG26" s="62">
        <v>2</v>
      </c>
      <c r="EH26" s="231"/>
      <c r="EI26" s="61">
        <v>1</v>
      </c>
      <c r="EJ26" s="61">
        <v>0</v>
      </c>
      <c r="EK26" s="61">
        <v>0</v>
      </c>
      <c r="EL26" s="61">
        <v>1</v>
      </c>
      <c r="EM26" s="61">
        <v>0</v>
      </c>
      <c r="EN26" s="62">
        <v>2</v>
      </c>
      <c r="EO26" s="63">
        <v>4</v>
      </c>
      <c r="EP26" s="60">
        <v>0</v>
      </c>
      <c r="EQ26" s="61">
        <v>0</v>
      </c>
      <c r="ER26" s="62">
        <v>0</v>
      </c>
      <c r="ES26" s="231"/>
      <c r="ET26" s="61">
        <v>2</v>
      </c>
      <c r="EU26" s="61">
        <v>0</v>
      </c>
      <c r="EV26" s="61">
        <v>0</v>
      </c>
      <c r="EW26" s="61">
        <v>0</v>
      </c>
      <c r="EX26" s="61">
        <v>0</v>
      </c>
      <c r="EY26" s="62">
        <v>2</v>
      </c>
      <c r="EZ26" s="63">
        <v>2</v>
      </c>
      <c r="FA26" s="60">
        <v>0</v>
      </c>
      <c r="FB26" s="61">
        <v>1</v>
      </c>
      <c r="FC26" s="62">
        <v>1</v>
      </c>
      <c r="FD26" s="231"/>
      <c r="FE26" s="61">
        <v>3</v>
      </c>
      <c r="FF26" s="61">
        <v>2</v>
      </c>
      <c r="FG26" s="61">
        <v>0</v>
      </c>
      <c r="FH26" s="61">
        <v>1</v>
      </c>
      <c r="FI26" s="61">
        <v>1</v>
      </c>
      <c r="FJ26" s="62">
        <v>7</v>
      </c>
      <c r="FK26" s="63">
        <v>8</v>
      </c>
      <c r="FL26" s="60">
        <v>0</v>
      </c>
      <c r="FM26" s="61">
        <v>0</v>
      </c>
      <c r="FN26" s="62">
        <v>0</v>
      </c>
      <c r="FO26" s="231"/>
      <c r="FP26" s="61">
        <v>0</v>
      </c>
      <c r="FQ26" s="61">
        <v>0</v>
      </c>
      <c r="FR26" s="61">
        <v>1</v>
      </c>
      <c r="FS26" s="61">
        <v>2</v>
      </c>
      <c r="FT26" s="61">
        <v>0</v>
      </c>
      <c r="FU26" s="62">
        <v>3</v>
      </c>
      <c r="FV26" s="63">
        <v>3</v>
      </c>
      <c r="FW26" s="60">
        <v>0</v>
      </c>
      <c r="FX26" s="61">
        <v>0</v>
      </c>
      <c r="FY26" s="62">
        <v>0</v>
      </c>
      <c r="FZ26" s="231"/>
      <c r="GA26" s="61">
        <v>0</v>
      </c>
      <c r="GB26" s="61">
        <v>0</v>
      </c>
      <c r="GC26" s="61">
        <v>0</v>
      </c>
      <c r="GD26" s="61">
        <v>0</v>
      </c>
      <c r="GE26" s="61">
        <v>0</v>
      </c>
      <c r="GF26" s="62">
        <v>0</v>
      </c>
      <c r="GG26" s="63">
        <v>0</v>
      </c>
      <c r="GH26" s="60">
        <v>2</v>
      </c>
      <c r="GI26" s="61">
        <v>3</v>
      </c>
      <c r="GJ26" s="62">
        <v>5</v>
      </c>
      <c r="GK26" s="231"/>
      <c r="GL26" s="61">
        <v>6</v>
      </c>
      <c r="GM26" s="61">
        <v>4</v>
      </c>
      <c r="GN26" s="61">
        <v>1</v>
      </c>
      <c r="GO26" s="61">
        <v>5</v>
      </c>
      <c r="GP26" s="61">
        <v>1</v>
      </c>
      <c r="GQ26" s="62">
        <v>17</v>
      </c>
      <c r="GR26" s="63">
        <v>22</v>
      </c>
      <c r="GS26" s="113">
        <v>33</v>
      </c>
      <c r="GT26" s="72">
        <v>33</v>
      </c>
      <c r="GU26" s="73">
        <v>66</v>
      </c>
      <c r="GV26" s="228"/>
      <c r="GW26" s="72">
        <v>55</v>
      </c>
      <c r="GX26" s="72">
        <v>40</v>
      </c>
      <c r="GY26" s="72">
        <v>27</v>
      </c>
      <c r="GZ26" s="72">
        <v>24</v>
      </c>
      <c r="HA26" s="72">
        <v>11</v>
      </c>
      <c r="HB26" s="74">
        <v>157</v>
      </c>
      <c r="HC26" s="75">
        <v>223</v>
      </c>
      <c r="HD26" s="60">
        <v>0</v>
      </c>
      <c r="HE26" s="61">
        <v>1</v>
      </c>
      <c r="HF26" s="62">
        <v>1</v>
      </c>
      <c r="HG26" s="231"/>
      <c r="HH26" s="61">
        <v>0</v>
      </c>
      <c r="HI26" s="61">
        <v>2</v>
      </c>
      <c r="HJ26" s="61">
        <v>1</v>
      </c>
      <c r="HK26" s="61">
        <v>1</v>
      </c>
      <c r="HL26" s="61">
        <v>1</v>
      </c>
      <c r="HM26" s="62">
        <v>5</v>
      </c>
      <c r="HN26" s="63">
        <v>6</v>
      </c>
      <c r="HO26" s="60">
        <v>1</v>
      </c>
      <c r="HP26" s="61">
        <v>2</v>
      </c>
      <c r="HQ26" s="62">
        <v>3</v>
      </c>
      <c r="HR26" s="231"/>
      <c r="HS26" s="61">
        <v>2</v>
      </c>
      <c r="HT26" s="61">
        <v>4</v>
      </c>
      <c r="HU26" s="61">
        <v>1</v>
      </c>
      <c r="HV26" s="61">
        <v>1</v>
      </c>
      <c r="HW26" s="61">
        <v>1</v>
      </c>
      <c r="HX26" s="62">
        <v>9</v>
      </c>
      <c r="HY26" s="63">
        <v>12</v>
      </c>
      <c r="HZ26" s="60">
        <v>7</v>
      </c>
      <c r="IA26" s="61">
        <v>3</v>
      </c>
      <c r="IB26" s="62">
        <v>10</v>
      </c>
      <c r="IC26" s="231"/>
      <c r="ID26" s="61">
        <v>8</v>
      </c>
      <c r="IE26" s="61">
        <v>2</v>
      </c>
      <c r="IF26" s="61">
        <v>2</v>
      </c>
      <c r="IG26" s="61">
        <v>4</v>
      </c>
      <c r="IH26" s="61">
        <v>1</v>
      </c>
      <c r="II26" s="62">
        <v>17</v>
      </c>
      <c r="IJ26" s="63">
        <v>27</v>
      </c>
      <c r="IK26" s="60">
        <v>9</v>
      </c>
      <c r="IL26" s="61">
        <v>16</v>
      </c>
      <c r="IM26" s="62">
        <v>25</v>
      </c>
      <c r="IN26" s="231"/>
      <c r="IO26" s="61">
        <v>13</v>
      </c>
      <c r="IP26" s="61">
        <v>9</v>
      </c>
      <c r="IQ26" s="61">
        <v>6</v>
      </c>
      <c r="IR26" s="61">
        <v>6</v>
      </c>
      <c r="IS26" s="61">
        <v>2</v>
      </c>
      <c r="IT26" s="62">
        <v>36</v>
      </c>
      <c r="IU26" s="63">
        <v>61</v>
      </c>
      <c r="IV26" s="60">
        <v>10</v>
      </c>
      <c r="IW26" s="61">
        <v>9</v>
      </c>
      <c r="IX26" s="62">
        <v>19</v>
      </c>
      <c r="IY26" s="231"/>
      <c r="IZ26" s="61">
        <v>21</v>
      </c>
      <c r="JA26" s="61">
        <v>10</v>
      </c>
      <c r="JB26" s="61">
        <v>8</v>
      </c>
      <c r="JC26" s="61">
        <v>4</v>
      </c>
      <c r="JD26" s="61">
        <v>2</v>
      </c>
      <c r="JE26" s="62">
        <v>45</v>
      </c>
      <c r="JF26" s="63">
        <v>64</v>
      </c>
      <c r="JG26" s="60">
        <v>6</v>
      </c>
      <c r="JH26" s="61">
        <v>2</v>
      </c>
      <c r="JI26" s="62">
        <v>8</v>
      </c>
      <c r="JJ26" s="231"/>
      <c r="JK26" s="61">
        <v>11</v>
      </c>
      <c r="JL26" s="61">
        <v>13</v>
      </c>
      <c r="JM26" s="61">
        <v>9</v>
      </c>
      <c r="JN26" s="61">
        <v>8</v>
      </c>
      <c r="JO26" s="61">
        <v>4</v>
      </c>
      <c r="JP26" s="62">
        <v>45</v>
      </c>
      <c r="JQ26" s="63">
        <v>53</v>
      </c>
      <c r="JR26" s="60">
        <v>0</v>
      </c>
      <c r="JS26" s="61">
        <v>0</v>
      </c>
      <c r="JT26" s="62">
        <v>0</v>
      </c>
      <c r="JU26" s="231"/>
      <c r="JV26" s="61">
        <v>0</v>
      </c>
      <c r="JW26" s="61">
        <v>0</v>
      </c>
      <c r="JX26" s="61">
        <v>0</v>
      </c>
      <c r="JY26" s="61">
        <v>0</v>
      </c>
      <c r="JZ26" s="61">
        <v>0</v>
      </c>
      <c r="KA26" s="62">
        <v>0</v>
      </c>
      <c r="KB26" s="63">
        <v>0</v>
      </c>
      <c r="KC26" s="60">
        <v>33</v>
      </c>
      <c r="KD26" s="61">
        <v>33</v>
      </c>
      <c r="KE26" s="62">
        <v>66</v>
      </c>
      <c r="KF26" s="231"/>
      <c r="KG26" s="61">
        <v>55</v>
      </c>
      <c r="KH26" s="61">
        <v>40</v>
      </c>
      <c r="KI26" s="61">
        <v>27</v>
      </c>
      <c r="KJ26" s="61">
        <v>24</v>
      </c>
      <c r="KK26" s="61">
        <v>11</v>
      </c>
      <c r="KL26" s="62">
        <v>157</v>
      </c>
      <c r="KM26" s="63">
        <v>223</v>
      </c>
    </row>
    <row r="27" spans="2:299" ht="21" customHeight="1" x14ac:dyDescent="0.2">
      <c r="B27" s="472" t="s">
        <v>24</v>
      </c>
      <c r="C27" s="293">
        <v>33</v>
      </c>
      <c r="D27" s="72">
        <v>21</v>
      </c>
      <c r="E27" s="73">
        <v>54</v>
      </c>
      <c r="F27" s="228"/>
      <c r="G27" s="72">
        <v>41</v>
      </c>
      <c r="H27" s="72">
        <v>31</v>
      </c>
      <c r="I27" s="72">
        <v>15</v>
      </c>
      <c r="J27" s="72">
        <v>17</v>
      </c>
      <c r="K27" s="72">
        <v>8</v>
      </c>
      <c r="L27" s="74">
        <v>112</v>
      </c>
      <c r="M27" s="75">
        <v>166</v>
      </c>
      <c r="N27" s="60">
        <v>0</v>
      </c>
      <c r="O27" s="61">
        <v>0</v>
      </c>
      <c r="P27" s="62">
        <v>0</v>
      </c>
      <c r="Q27" s="231"/>
      <c r="R27" s="61">
        <v>1</v>
      </c>
      <c r="S27" s="61">
        <v>0</v>
      </c>
      <c r="T27" s="61">
        <v>0</v>
      </c>
      <c r="U27" s="61">
        <v>0</v>
      </c>
      <c r="V27" s="61">
        <v>0</v>
      </c>
      <c r="W27" s="62">
        <v>1</v>
      </c>
      <c r="X27" s="63">
        <v>1</v>
      </c>
      <c r="Y27" s="60">
        <v>0</v>
      </c>
      <c r="Z27" s="61">
        <v>1</v>
      </c>
      <c r="AA27" s="62">
        <v>1</v>
      </c>
      <c r="AB27" s="231"/>
      <c r="AC27" s="61">
        <v>2</v>
      </c>
      <c r="AD27" s="61">
        <v>0</v>
      </c>
      <c r="AE27" s="61">
        <v>1</v>
      </c>
      <c r="AF27" s="61">
        <v>1</v>
      </c>
      <c r="AG27" s="61">
        <v>1</v>
      </c>
      <c r="AH27" s="62">
        <v>5</v>
      </c>
      <c r="AI27" s="63">
        <v>6</v>
      </c>
      <c r="AJ27" s="60">
        <v>1</v>
      </c>
      <c r="AK27" s="61">
        <v>0</v>
      </c>
      <c r="AL27" s="62">
        <v>1</v>
      </c>
      <c r="AM27" s="231"/>
      <c r="AN27" s="61">
        <v>2</v>
      </c>
      <c r="AO27" s="61">
        <v>4</v>
      </c>
      <c r="AP27" s="61">
        <v>2</v>
      </c>
      <c r="AQ27" s="61">
        <v>3</v>
      </c>
      <c r="AR27" s="61">
        <v>0</v>
      </c>
      <c r="AS27" s="62">
        <v>11</v>
      </c>
      <c r="AT27" s="63">
        <v>12</v>
      </c>
      <c r="AU27" s="60">
        <v>5</v>
      </c>
      <c r="AV27" s="61">
        <v>5</v>
      </c>
      <c r="AW27" s="62">
        <v>10</v>
      </c>
      <c r="AX27" s="231"/>
      <c r="AY27" s="61">
        <v>9</v>
      </c>
      <c r="AZ27" s="61">
        <v>6</v>
      </c>
      <c r="BA27" s="61">
        <v>1</v>
      </c>
      <c r="BB27" s="61">
        <v>1</v>
      </c>
      <c r="BC27" s="61">
        <v>3</v>
      </c>
      <c r="BD27" s="62">
        <v>20</v>
      </c>
      <c r="BE27" s="63">
        <v>30</v>
      </c>
      <c r="BF27" s="60">
        <v>15</v>
      </c>
      <c r="BG27" s="61">
        <v>7</v>
      </c>
      <c r="BH27" s="62">
        <v>22</v>
      </c>
      <c r="BI27" s="231"/>
      <c r="BJ27" s="61">
        <v>13</v>
      </c>
      <c r="BK27" s="61">
        <v>12</v>
      </c>
      <c r="BL27" s="61">
        <v>3</v>
      </c>
      <c r="BM27" s="61">
        <v>7</v>
      </c>
      <c r="BN27" s="61">
        <v>2</v>
      </c>
      <c r="BO27" s="62">
        <v>37</v>
      </c>
      <c r="BP27" s="63">
        <v>59</v>
      </c>
      <c r="BQ27" s="60">
        <v>12</v>
      </c>
      <c r="BR27" s="61">
        <v>8</v>
      </c>
      <c r="BS27" s="62">
        <v>20</v>
      </c>
      <c r="BT27" s="231"/>
      <c r="BU27" s="61">
        <v>14</v>
      </c>
      <c r="BV27" s="61">
        <v>9</v>
      </c>
      <c r="BW27" s="61">
        <v>8</v>
      </c>
      <c r="BX27" s="61">
        <v>5</v>
      </c>
      <c r="BY27" s="61">
        <v>2</v>
      </c>
      <c r="BZ27" s="62">
        <v>38</v>
      </c>
      <c r="CA27" s="63">
        <v>58</v>
      </c>
      <c r="CB27" s="60">
        <v>0</v>
      </c>
      <c r="CC27" s="61">
        <v>0</v>
      </c>
      <c r="CD27" s="62">
        <v>0</v>
      </c>
      <c r="CE27" s="231"/>
      <c r="CF27" s="61">
        <v>0</v>
      </c>
      <c r="CG27" s="61">
        <v>0</v>
      </c>
      <c r="CH27" s="61">
        <v>0</v>
      </c>
      <c r="CI27" s="61">
        <v>0</v>
      </c>
      <c r="CJ27" s="61">
        <v>0</v>
      </c>
      <c r="CK27" s="62">
        <v>0</v>
      </c>
      <c r="CL27" s="63">
        <v>0</v>
      </c>
      <c r="CM27" s="60">
        <v>33</v>
      </c>
      <c r="CN27" s="61">
        <v>21</v>
      </c>
      <c r="CO27" s="62">
        <v>54</v>
      </c>
      <c r="CP27" s="231"/>
      <c r="CQ27" s="61">
        <v>41</v>
      </c>
      <c r="CR27" s="61">
        <v>31</v>
      </c>
      <c r="CS27" s="61">
        <v>15</v>
      </c>
      <c r="CT27" s="61">
        <v>17</v>
      </c>
      <c r="CU27" s="61">
        <v>8</v>
      </c>
      <c r="CV27" s="62">
        <v>112</v>
      </c>
      <c r="CW27" s="63">
        <v>166</v>
      </c>
      <c r="CX27" s="113">
        <v>3</v>
      </c>
      <c r="CY27" s="72">
        <v>2</v>
      </c>
      <c r="CZ27" s="73">
        <v>5</v>
      </c>
      <c r="DA27" s="228"/>
      <c r="DB27" s="72">
        <v>5</v>
      </c>
      <c r="DC27" s="72">
        <v>3</v>
      </c>
      <c r="DD27" s="72">
        <v>5</v>
      </c>
      <c r="DE27" s="72">
        <v>4</v>
      </c>
      <c r="DF27" s="72">
        <v>2</v>
      </c>
      <c r="DG27" s="74">
        <v>19</v>
      </c>
      <c r="DH27" s="75">
        <v>24</v>
      </c>
      <c r="DI27" s="60">
        <v>0</v>
      </c>
      <c r="DJ27" s="61">
        <v>0</v>
      </c>
      <c r="DK27" s="62">
        <v>0</v>
      </c>
      <c r="DL27" s="231"/>
      <c r="DM27" s="61">
        <v>0</v>
      </c>
      <c r="DN27" s="61">
        <v>0</v>
      </c>
      <c r="DO27" s="61">
        <v>0</v>
      </c>
      <c r="DP27" s="61">
        <v>0</v>
      </c>
      <c r="DQ27" s="61">
        <v>0</v>
      </c>
      <c r="DR27" s="62">
        <v>0</v>
      </c>
      <c r="DS27" s="63">
        <v>0</v>
      </c>
      <c r="DT27" s="60">
        <v>0</v>
      </c>
      <c r="DU27" s="61">
        <v>0</v>
      </c>
      <c r="DV27" s="62">
        <v>0</v>
      </c>
      <c r="DW27" s="231"/>
      <c r="DX27" s="61">
        <v>0</v>
      </c>
      <c r="DY27" s="61">
        <v>0</v>
      </c>
      <c r="DZ27" s="61">
        <v>0</v>
      </c>
      <c r="EA27" s="61">
        <v>0</v>
      </c>
      <c r="EB27" s="61">
        <v>0</v>
      </c>
      <c r="EC27" s="62">
        <v>0</v>
      </c>
      <c r="ED27" s="63">
        <v>0</v>
      </c>
      <c r="EE27" s="60">
        <v>0</v>
      </c>
      <c r="EF27" s="61">
        <v>0</v>
      </c>
      <c r="EG27" s="62">
        <v>0</v>
      </c>
      <c r="EH27" s="231"/>
      <c r="EI27" s="61">
        <v>0</v>
      </c>
      <c r="EJ27" s="61">
        <v>0</v>
      </c>
      <c r="EK27" s="61">
        <v>1</v>
      </c>
      <c r="EL27" s="61">
        <v>0</v>
      </c>
      <c r="EM27" s="61">
        <v>0</v>
      </c>
      <c r="EN27" s="62">
        <v>1</v>
      </c>
      <c r="EO27" s="63">
        <v>1</v>
      </c>
      <c r="EP27" s="60">
        <v>0</v>
      </c>
      <c r="EQ27" s="61">
        <v>0</v>
      </c>
      <c r="ER27" s="62">
        <v>0</v>
      </c>
      <c r="ES27" s="231"/>
      <c r="ET27" s="61">
        <v>3</v>
      </c>
      <c r="EU27" s="61">
        <v>0</v>
      </c>
      <c r="EV27" s="61">
        <v>1</v>
      </c>
      <c r="EW27" s="61">
        <v>0</v>
      </c>
      <c r="EX27" s="61">
        <v>1</v>
      </c>
      <c r="EY27" s="62">
        <v>5</v>
      </c>
      <c r="EZ27" s="63">
        <v>5</v>
      </c>
      <c r="FA27" s="60">
        <v>2</v>
      </c>
      <c r="FB27" s="61">
        <v>2</v>
      </c>
      <c r="FC27" s="62">
        <v>4</v>
      </c>
      <c r="FD27" s="231"/>
      <c r="FE27" s="61">
        <v>0</v>
      </c>
      <c r="FF27" s="61">
        <v>2</v>
      </c>
      <c r="FG27" s="61">
        <v>1</v>
      </c>
      <c r="FH27" s="61">
        <v>2</v>
      </c>
      <c r="FI27" s="61">
        <v>0</v>
      </c>
      <c r="FJ27" s="62">
        <v>5</v>
      </c>
      <c r="FK27" s="63">
        <v>9</v>
      </c>
      <c r="FL27" s="60">
        <v>1</v>
      </c>
      <c r="FM27" s="61">
        <v>0</v>
      </c>
      <c r="FN27" s="62">
        <v>1</v>
      </c>
      <c r="FO27" s="231"/>
      <c r="FP27" s="61">
        <v>2</v>
      </c>
      <c r="FQ27" s="61">
        <v>1</v>
      </c>
      <c r="FR27" s="61">
        <v>2</v>
      </c>
      <c r="FS27" s="61">
        <v>2</v>
      </c>
      <c r="FT27" s="61">
        <v>1</v>
      </c>
      <c r="FU27" s="62">
        <v>8</v>
      </c>
      <c r="FV27" s="63">
        <v>9</v>
      </c>
      <c r="FW27" s="60">
        <v>0</v>
      </c>
      <c r="FX27" s="61">
        <v>0</v>
      </c>
      <c r="FY27" s="62">
        <v>0</v>
      </c>
      <c r="FZ27" s="231"/>
      <c r="GA27" s="61">
        <v>0</v>
      </c>
      <c r="GB27" s="61">
        <v>0</v>
      </c>
      <c r="GC27" s="61">
        <v>0</v>
      </c>
      <c r="GD27" s="61">
        <v>0</v>
      </c>
      <c r="GE27" s="61">
        <v>0</v>
      </c>
      <c r="GF27" s="62">
        <v>0</v>
      </c>
      <c r="GG27" s="63">
        <v>0</v>
      </c>
      <c r="GH27" s="60">
        <v>3</v>
      </c>
      <c r="GI27" s="61">
        <v>2</v>
      </c>
      <c r="GJ27" s="62">
        <v>5</v>
      </c>
      <c r="GK27" s="231"/>
      <c r="GL27" s="61">
        <v>5</v>
      </c>
      <c r="GM27" s="61">
        <v>3</v>
      </c>
      <c r="GN27" s="61">
        <v>5</v>
      </c>
      <c r="GO27" s="61">
        <v>4</v>
      </c>
      <c r="GP27" s="61">
        <v>2</v>
      </c>
      <c r="GQ27" s="62">
        <v>19</v>
      </c>
      <c r="GR27" s="63">
        <v>24</v>
      </c>
      <c r="GS27" s="113">
        <v>36</v>
      </c>
      <c r="GT27" s="72">
        <v>23</v>
      </c>
      <c r="GU27" s="73">
        <v>59</v>
      </c>
      <c r="GV27" s="228"/>
      <c r="GW27" s="72">
        <v>46</v>
      </c>
      <c r="GX27" s="72">
        <v>34</v>
      </c>
      <c r="GY27" s="72">
        <v>20</v>
      </c>
      <c r="GZ27" s="72">
        <v>21</v>
      </c>
      <c r="HA27" s="72">
        <v>10</v>
      </c>
      <c r="HB27" s="74">
        <v>131</v>
      </c>
      <c r="HC27" s="75">
        <v>190</v>
      </c>
      <c r="HD27" s="60">
        <v>0</v>
      </c>
      <c r="HE27" s="61">
        <v>0</v>
      </c>
      <c r="HF27" s="62">
        <v>0</v>
      </c>
      <c r="HG27" s="231"/>
      <c r="HH27" s="61">
        <v>1</v>
      </c>
      <c r="HI27" s="61">
        <v>0</v>
      </c>
      <c r="HJ27" s="61">
        <v>0</v>
      </c>
      <c r="HK27" s="61">
        <v>0</v>
      </c>
      <c r="HL27" s="61">
        <v>0</v>
      </c>
      <c r="HM27" s="62">
        <v>1</v>
      </c>
      <c r="HN27" s="63">
        <v>1</v>
      </c>
      <c r="HO27" s="60">
        <v>0</v>
      </c>
      <c r="HP27" s="61">
        <v>1</v>
      </c>
      <c r="HQ27" s="62">
        <v>1</v>
      </c>
      <c r="HR27" s="231"/>
      <c r="HS27" s="61">
        <v>2</v>
      </c>
      <c r="HT27" s="61">
        <v>0</v>
      </c>
      <c r="HU27" s="61">
        <v>1</v>
      </c>
      <c r="HV27" s="61">
        <v>1</v>
      </c>
      <c r="HW27" s="61">
        <v>1</v>
      </c>
      <c r="HX27" s="62">
        <v>5</v>
      </c>
      <c r="HY27" s="63">
        <v>6</v>
      </c>
      <c r="HZ27" s="60">
        <v>1</v>
      </c>
      <c r="IA27" s="61">
        <v>0</v>
      </c>
      <c r="IB27" s="62">
        <v>1</v>
      </c>
      <c r="IC27" s="231"/>
      <c r="ID27" s="61">
        <v>2</v>
      </c>
      <c r="IE27" s="61">
        <v>4</v>
      </c>
      <c r="IF27" s="61">
        <v>3</v>
      </c>
      <c r="IG27" s="61">
        <v>3</v>
      </c>
      <c r="IH27" s="61">
        <v>0</v>
      </c>
      <c r="II27" s="62">
        <v>12</v>
      </c>
      <c r="IJ27" s="63">
        <v>13</v>
      </c>
      <c r="IK27" s="60">
        <v>5</v>
      </c>
      <c r="IL27" s="61">
        <v>5</v>
      </c>
      <c r="IM27" s="62">
        <v>10</v>
      </c>
      <c r="IN27" s="231"/>
      <c r="IO27" s="61">
        <v>12</v>
      </c>
      <c r="IP27" s="61">
        <v>6</v>
      </c>
      <c r="IQ27" s="61">
        <v>2</v>
      </c>
      <c r="IR27" s="61">
        <v>1</v>
      </c>
      <c r="IS27" s="61">
        <v>4</v>
      </c>
      <c r="IT27" s="62">
        <v>25</v>
      </c>
      <c r="IU27" s="63">
        <v>35</v>
      </c>
      <c r="IV27" s="60">
        <v>17</v>
      </c>
      <c r="IW27" s="61">
        <v>9</v>
      </c>
      <c r="IX27" s="62">
        <v>26</v>
      </c>
      <c r="IY27" s="231"/>
      <c r="IZ27" s="61">
        <v>13</v>
      </c>
      <c r="JA27" s="61">
        <v>14</v>
      </c>
      <c r="JB27" s="61">
        <v>4</v>
      </c>
      <c r="JC27" s="61">
        <v>9</v>
      </c>
      <c r="JD27" s="61">
        <v>2</v>
      </c>
      <c r="JE27" s="62">
        <v>42</v>
      </c>
      <c r="JF27" s="63">
        <v>68</v>
      </c>
      <c r="JG27" s="60">
        <v>13</v>
      </c>
      <c r="JH27" s="61">
        <v>8</v>
      </c>
      <c r="JI27" s="62">
        <v>21</v>
      </c>
      <c r="JJ27" s="231"/>
      <c r="JK27" s="61">
        <v>16</v>
      </c>
      <c r="JL27" s="61">
        <v>10</v>
      </c>
      <c r="JM27" s="61">
        <v>10</v>
      </c>
      <c r="JN27" s="61">
        <v>7</v>
      </c>
      <c r="JO27" s="61">
        <v>3</v>
      </c>
      <c r="JP27" s="62">
        <v>46</v>
      </c>
      <c r="JQ27" s="63">
        <v>67</v>
      </c>
      <c r="JR27" s="60">
        <v>0</v>
      </c>
      <c r="JS27" s="61">
        <v>0</v>
      </c>
      <c r="JT27" s="62">
        <v>0</v>
      </c>
      <c r="JU27" s="231"/>
      <c r="JV27" s="61">
        <v>0</v>
      </c>
      <c r="JW27" s="61">
        <v>0</v>
      </c>
      <c r="JX27" s="61">
        <v>0</v>
      </c>
      <c r="JY27" s="61">
        <v>0</v>
      </c>
      <c r="JZ27" s="61">
        <v>0</v>
      </c>
      <c r="KA27" s="62">
        <v>0</v>
      </c>
      <c r="KB27" s="63">
        <v>0</v>
      </c>
      <c r="KC27" s="60">
        <v>36</v>
      </c>
      <c r="KD27" s="61">
        <v>23</v>
      </c>
      <c r="KE27" s="62">
        <v>59</v>
      </c>
      <c r="KF27" s="231"/>
      <c r="KG27" s="61">
        <v>46</v>
      </c>
      <c r="KH27" s="61">
        <v>34</v>
      </c>
      <c r="KI27" s="61">
        <v>20</v>
      </c>
      <c r="KJ27" s="61">
        <v>21</v>
      </c>
      <c r="KK27" s="61">
        <v>10</v>
      </c>
      <c r="KL27" s="62">
        <v>131</v>
      </c>
      <c r="KM27" s="63">
        <v>190</v>
      </c>
    </row>
    <row r="28" spans="2:299" ht="21" customHeight="1" x14ac:dyDescent="0.2">
      <c r="B28" s="472" t="s">
        <v>25</v>
      </c>
      <c r="C28" s="293">
        <v>18</v>
      </c>
      <c r="D28" s="72">
        <v>23</v>
      </c>
      <c r="E28" s="73">
        <v>41</v>
      </c>
      <c r="F28" s="228"/>
      <c r="G28" s="72">
        <v>27</v>
      </c>
      <c r="H28" s="72">
        <v>13</v>
      </c>
      <c r="I28" s="72">
        <v>15</v>
      </c>
      <c r="J28" s="72">
        <v>15</v>
      </c>
      <c r="K28" s="72">
        <v>7</v>
      </c>
      <c r="L28" s="74">
        <v>77</v>
      </c>
      <c r="M28" s="75">
        <v>118</v>
      </c>
      <c r="N28" s="60">
        <v>0</v>
      </c>
      <c r="O28" s="61">
        <v>0</v>
      </c>
      <c r="P28" s="62">
        <v>0</v>
      </c>
      <c r="Q28" s="231"/>
      <c r="R28" s="61">
        <v>1</v>
      </c>
      <c r="S28" s="61">
        <v>0</v>
      </c>
      <c r="T28" s="61">
        <v>1</v>
      </c>
      <c r="U28" s="61">
        <v>1</v>
      </c>
      <c r="V28" s="61">
        <v>1</v>
      </c>
      <c r="W28" s="62">
        <v>4</v>
      </c>
      <c r="X28" s="63">
        <v>4</v>
      </c>
      <c r="Y28" s="60">
        <v>2</v>
      </c>
      <c r="Z28" s="61">
        <v>3</v>
      </c>
      <c r="AA28" s="62">
        <v>5</v>
      </c>
      <c r="AB28" s="231"/>
      <c r="AC28" s="61">
        <v>2</v>
      </c>
      <c r="AD28" s="61">
        <v>0</v>
      </c>
      <c r="AE28" s="61">
        <v>1</v>
      </c>
      <c r="AF28" s="61">
        <v>2</v>
      </c>
      <c r="AG28" s="61">
        <v>0</v>
      </c>
      <c r="AH28" s="62">
        <v>5</v>
      </c>
      <c r="AI28" s="63">
        <v>10</v>
      </c>
      <c r="AJ28" s="60">
        <v>1</v>
      </c>
      <c r="AK28" s="61">
        <v>4</v>
      </c>
      <c r="AL28" s="62">
        <v>5</v>
      </c>
      <c r="AM28" s="231"/>
      <c r="AN28" s="61">
        <v>5</v>
      </c>
      <c r="AO28" s="61">
        <v>0</v>
      </c>
      <c r="AP28" s="61">
        <v>0</v>
      </c>
      <c r="AQ28" s="61">
        <v>1</v>
      </c>
      <c r="AR28" s="61">
        <v>2</v>
      </c>
      <c r="AS28" s="62">
        <v>8</v>
      </c>
      <c r="AT28" s="63">
        <v>13</v>
      </c>
      <c r="AU28" s="60">
        <v>2</v>
      </c>
      <c r="AV28" s="61">
        <v>8</v>
      </c>
      <c r="AW28" s="62">
        <v>10</v>
      </c>
      <c r="AX28" s="231"/>
      <c r="AY28" s="61">
        <v>3</v>
      </c>
      <c r="AZ28" s="61">
        <v>3</v>
      </c>
      <c r="BA28" s="61">
        <v>5</v>
      </c>
      <c r="BB28" s="61">
        <v>3</v>
      </c>
      <c r="BC28" s="61">
        <v>2</v>
      </c>
      <c r="BD28" s="62">
        <v>16</v>
      </c>
      <c r="BE28" s="63">
        <v>26</v>
      </c>
      <c r="BF28" s="60">
        <v>5</v>
      </c>
      <c r="BG28" s="61">
        <v>5</v>
      </c>
      <c r="BH28" s="62">
        <v>10</v>
      </c>
      <c r="BI28" s="231"/>
      <c r="BJ28" s="61">
        <v>9</v>
      </c>
      <c r="BK28" s="61">
        <v>5</v>
      </c>
      <c r="BL28" s="61">
        <v>5</v>
      </c>
      <c r="BM28" s="61">
        <v>3</v>
      </c>
      <c r="BN28" s="61">
        <v>1</v>
      </c>
      <c r="BO28" s="62">
        <v>23</v>
      </c>
      <c r="BP28" s="63">
        <v>33</v>
      </c>
      <c r="BQ28" s="60">
        <v>8</v>
      </c>
      <c r="BR28" s="61">
        <v>3</v>
      </c>
      <c r="BS28" s="62">
        <v>11</v>
      </c>
      <c r="BT28" s="231"/>
      <c r="BU28" s="61">
        <v>7</v>
      </c>
      <c r="BV28" s="61">
        <v>5</v>
      </c>
      <c r="BW28" s="61">
        <v>3</v>
      </c>
      <c r="BX28" s="61">
        <v>5</v>
      </c>
      <c r="BY28" s="61">
        <v>1</v>
      </c>
      <c r="BZ28" s="62">
        <v>21</v>
      </c>
      <c r="CA28" s="63">
        <v>32</v>
      </c>
      <c r="CB28" s="60">
        <v>0</v>
      </c>
      <c r="CC28" s="61">
        <v>0</v>
      </c>
      <c r="CD28" s="62">
        <v>0</v>
      </c>
      <c r="CE28" s="231"/>
      <c r="CF28" s="61">
        <v>0</v>
      </c>
      <c r="CG28" s="61">
        <v>0</v>
      </c>
      <c r="CH28" s="61">
        <v>0</v>
      </c>
      <c r="CI28" s="61">
        <v>0</v>
      </c>
      <c r="CJ28" s="61">
        <v>0</v>
      </c>
      <c r="CK28" s="62">
        <v>0</v>
      </c>
      <c r="CL28" s="63">
        <v>0</v>
      </c>
      <c r="CM28" s="60">
        <v>18</v>
      </c>
      <c r="CN28" s="61">
        <v>23</v>
      </c>
      <c r="CO28" s="62">
        <v>41</v>
      </c>
      <c r="CP28" s="231"/>
      <c r="CQ28" s="61">
        <v>27</v>
      </c>
      <c r="CR28" s="61">
        <v>13</v>
      </c>
      <c r="CS28" s="61">
        <v>15</v>
      </c>
      <c r="CT28" s="61">
        <v>15</v>
      </c>
      <c r="CU28" s="61">
        <v>7</v>
      </c>
      <c r="CV28" s="62">
        <v>77</v>
      </c>
      <c r="CW28" s="63">
        <v>118</v>
      </c>
      <c r="CX28" s="113">
        <v>2</v>
      </c>
      <c r="CY28" s="72">
        <v>4</v>
      </c>
      <c r="CZ28" s="73">
        <v>6</v>
      </c>
      <c r="DA28" s="228"/>
      <c r="DB28" s="72">
        <v>3</v>
      </c>
      <c r="DC28" s="72">
        <v>1</v>
      </c>
      <c r="DD28" s="72">
        <v>0</v>
      </c>
      <c r="DE28" s="72">
        <v>0</v>
      </c>
      <c r="DF28" s="72">
        <v>0</v>
      </c>
      <c r="DG28" s="74">
        <v>4</v>
      </c>
      <c r="DH28" s="75">
        <v>10</v>
      </c>
      <c r="DI28" s="60">
        <v>0</v>
      </c>
      <c r="DJ28" s="61">
        <v>0</v>
      </c>
      <c r="DK28" s="62">
        <v>0</v>
      </c>
      <c r="DL28" s="231"/>
      <c r="DM28" s="61">
        <v>0</v>
      </c>
      <c r="DN28" s="61">
        <v>0</v>
      </c>
      <c r="DO28" s="61">
        <v>0</v>
      </c>
      <c r="DP28" s="61">
        <v>0</v>
      </c>
      <c r="DQ28" s="61">
        <v>0</v>
      </c>
      <c r="DR28" s="62">
        <v>0</v>
      </c>
      <c r="DS28" s="63">
        <v>0</v>
      </c>
      <c r="DT28" s="60">
        <v>0</v>
      </c>
      <c r="DU28" s="61">
        <v>0</v>
      </c>
      <c r="DV28" s="62">
        <v>0</v>
      </c>
      <c r="DW28" s="231"/>
      <c r="DX28" s="61">
        <v>0</v>
      </c>
      <c r="DY28" s="61">
        <v>0</v>
      </c>
      <c r="DZ28" s="61">
        <v>0</v>
      </c>
      <c r="EA28" s="61">
        <v>0</v>
      </c>
      <c r="EB28" s="61">
        <v>0</v>
      </c>
      <c r="EC28" s="62">
        <v>0</v>
      </c>
      <c r="ED28" s="63">
        <v>0</v>
      </c>
      <c r="EE28" s="60">
        <v>0</v>
      </c>
      <c r="EF28" s="61">
        <v>0</v>
      </c>
      <c r="EG28" s="62">
        <v>0</v>
      </c>
      <c r="EH28" s="231"/>
      <c r="EI28" s="61">
        <v>0</v>
      </c>
      <c r="EJ28" s="61">
        <v>0</v>
      </c>
      <c r="EK28" s="61">
        <v>0</v>
      </c>
      <c r="EL28" s="61">
        <v>0</v>
      </c>
      <c r="EM28" s="61">
        <v>0</v>
      </c>
      <c r="EN28" s="62">
        <v>0</v>
      </c>
      <c r="EO28" s="63">
        <v>0</v>
      </c>
      <c r="EP28" s="60">
        <v>0</v>
      </c>
      <c r="EQ28" s="61">
        <v>1</v>
      </c>
      <c r="ER28" s="62">
        <v>1</v>
      </c>
      <c r="ES28" s="231"/>
      <c r="ET28" s="61">
        <v>0</v>
      </c>
      <c r="EU28" s="61">
        <v>1</v>
      </c>
      <c r="EV28" s="61">
        <v>0</v>
      </c>
      <c r="EW28" s="61">
        <v>0</v>
      </c>
      <c r="EX28" s="61">
        <v>0</v>
      </c>
      <c r="EY28" s="62">
        <v>1</v>
      </c>
      <c r="EZ28" s="63">
        <v>2</v>
      </c>
      <c r="FA28" s="60">
        <v>0</v>
      </c>
      <c r="FB28" s="61">
        <v>2</v>
      </c>
      <c r="FC28" s="62">
        <v>2</v>
      </c>
      <c r="FD28" s="231"/>
      <c r="FE28" s="61">
        <v>1</v>
      </c>
      <c r="FF28" s="61">
        <v>0</v>
      </c>
      <c r="FG28" s="61">
        <v>0</v>
      </c>
      <c r="FH28" s="61">
        <v>0</v>
      </c>
      <c r="FI28" s="61">
        <v>0</v>
      </c>
      <c r="FJ28" s="62">
        <v>1</v>
      </c>
      <c r="FK28" s="63">
        <v>3</v>
      </c>
      <c r="FL28" s="60">
        <v>2</v>
      </c>
      <c r="FM28" s="61">
        <v>1</v>
      </c>
      <c r="FN28" s="62">
        <v>3</v>
      </c>
      <c r="FO28" s="231"/>
      <c r="FP28" s="61">
        <v>2</v>
      </c>
      <c r="FQ28" s="61">
        <v>0</v>
      </c>
      <c r="FR28" s="61">
        <v>0</v>
      </c>
      <c r="FS28" s="61">
        <v>0</v>
      </c>
      <c r="FT28" s="61">
        <v>0</v>
      </c>
      <c r="FU28" s="62">
        <v>2</v>
      </c>
      <c r="FV28" s="63">
        <v>5</v>
      </c>
      <c r="FW28" s="60">
        <v>0</v>
      </c>
      <c r="FX28" s="61">
        <v>0</v>
      </c>
      <c r="FY28" s="62">
        <v>0</v>
      </c>
      <c r="FZ28" s="231"/>
      <c r="GA28" s="61">
        <v>0</v>
      </c>
      <c r="GB28" s="61">
        <v>0</v>
      </c>
      <c r="GC28" s="61">
        <v>0</v>
      </c>
      <c r="GD28" s="61">
        <v>0</v>
      </c>
      <c r="GE28" s="61">
        <v>0</v>
      </c>
      <c r="GF28" s="62">
        <v>0</v>
      </c>
      <c r="GG28" s="63">
        <v>0</v>
      </c>
      <c r="GH28" s="60">
        <v>2</v>
      </c>
      <c r="GI28" s="61">
        <v>4</v>
      </c>
      <c r="GJ28" s="62">
        <v>6</v>
      </c>
      <c r="GK28" s="231"/>
      <c r="GL28" s="61">
        <v>3</v>
      </c>
      <c r="GM28" s="61">
        <v>1</v>
      </c>
      <c r="GN28" s="61">
        <v>0</v>
      </c>
      <c r="GO28" s="61">
        <v>0</v>
      </c>
      <c r="GP28" s="61">
        <v>0</v>
      </c>
      <c r="GQ28" s="62">
        <v>4</v>
      </c>
      <c r="GR28" s="63">
        <v>10</v>
      </c>
      <c r="GS28" s="113">
        <v>20</v>
      </c>
      <c r="GT28" s="72">
        <v>27</v>
      </c>
      <c r="GU28" s="73">
        <v>47</v>
      </c>
      <c r="GV28" s="228"/>
      <c r="GW28" s="72">
        <v>30</v>
      </c>
      <c r="GX28" s="72">
        <v>14</v>
      </c>
      <c r="GY28" s="72">
        <v>15</v>
      </c>
      <c r="GZ28" s="72">
        <v>15</v>
      </c>
      <c r="HA28" s="72">
        <v>7</v>
      </c>
      <c r="HB28" s="74">
        <v>81</v>
      </c>
      <c r="HC28" s="75">
        <v>128</v>
      </c>
      <c r="HD28" s="60">
        <v>0</v>
      </c>
      <c r="HE28" s="61">
        <v>0</v>
      </c>
      <c r="HF28" s="62">
        <v>0</v>
      </c>
      <c r="HG28" s="231"/>
      <c r="HH28" s="61">
        <v>1</v>
      </c>
      <c r="HI28" s="61">
        <v>0</v>
      </c>
      <c r="HJ28" s="61">
        <v>1</v>
      </c>
      <c r="HK28" s="61">
        <v>1</v>
      </c>
      <c r="HL28" s="61">
        <v>1</v>
      </c>
      <c r="HM28" s="62">
        <v>4</v>
      </c>
      <c r="HN28" s="63">
        <v>4</v>
      </c>
      <c r="HO28" s="60">
        <v>2</v>
      </c>
      <c r="HP28" s="61">
        <v>3</v>
      </c>
      <c r="HQ28" s="62">
        <v>5</v>
      </c>
      <c r="HR28" s="231"/>
      <c r="HS28" s="61">
        <v>2</v>
      </c>
      <c r="HT28" s="61">
        <v>0</v>
      </c>
      <c r="HU28" s="61">
        <v>1</v>
      </c>
      <c r="HV28" s="61">
        <v>2</v>
      </c>
      <c r="HW28" s="61">
        <v>0</v>
      </c>
      <c r="HX28" s="62">
        <v>5</v>
      </c>
      <c r="HY28" s="63">
        <v>10</v>
      </c>
      <c r="HZ28" s="60">
        <v>1</v>
      </c>
      <c r="IA28" s="61">
        <v>4</v>
      </c>
      <c r="IB28" s="62">
        <v>5</v>
      </c>
      <c r="IC28" s="231"/>
      <c r="ID28" s="61">
        <v>5</v>
      </c>
      <c r="IE28" s="61">
        <v>0</v>
      </c>
      <c r="IF28" s="61">
        <v>0</v>
      </c>
      <c r="IG28" s="61">
        <v>1</v>
      </c>
      <c r="IH28" s="61">
        <v>2</v>
      </c>
      <c r="II28" s="62">
        <v>8</v>
      </c>
      <c r="IJ28" s="63">
        <v>13</v>
      </c>
      <c r="IK28" s="60">
        <v>2</v>
      </c>
      <c r="IL28" s="61">
        <v>9</v>
      </c>
      <c r="IM28" s="62">
        <v>11</v>
      </c>
      <c r="IN28" s="231"/>
      <c r="IO28" s="61">
        <v>3</v>
      </c>
      <c r="IP28" s="61">
        <v>4</v>
      </c>
      <c r="IQ28" s="61">
        <v>5</v>
      </c>
      <c r="IR28" s="61">
        <v>3</v>
      </c>
      <c r="IS28" s="61">
        <v>2</v>
      </c>
      <c r="IT28" s="62">
        <v>17</v>
      </c>
      <c r="IU28" s="63">
        <v>28</v>
      </c>
      <c r="IV28" s="60">
        <v>5</v>
      </c>
      <c r="IW28" s="61">
        <v>7</v>
      </c>
      <c r="IX28" s="62">
        <v>12</v>
      </c>
      <c r="IY28" s="231"/>
      <c r="IZ28" s="61">
        <v>10</v>
      </c>
      <c r="JA28" s="61">
        <v>5</v>
      </c>
      <c r="JB28" s="61">
        <v>5</v>
      </c>
      <c r="JC28" s="61">
        <v>3</v>
      </c>
      <c r="JD28" s="61">
        <v>1</v>
      </c>
      <c r="JE28" s="62">
        <v>24</v>
      </c>
      <c r="JF28" s="63">
        <v>36</v>
      </c>
      <c r="JG28" s="60">
        <v>10</v>
      </c>
      <c r="JH28" s="61">
        <v>4</v>
      </c>
      <c r="JI28" s="62">
        <v>14</v>
      </c>
      <c r="JJ28" s="231"/>
      <c r="JK28" s="61">
        <v>9</v>
      </c>
      <c r="JL28" s="61">
        <v>5</v>
      </c>
      <c r="JM28" s="61">
        <v>3</v>
      </c>
      <c r="JN28" s="61">
        <v>5</v>
      </c>
      <c r="JO28" s="61">
        <v>1</v>
      </c>
      <c r="JP28" s="62">
        <v>23</v>
      </c>
      <c r="JQ28" s="63">
        <v>37</v>
      </c>
      <c r="JR28" s="60">
        <v>0</v>
      </c>
      <c r="JS28" s="61">
        <v>0</v>
      </c>
      <c r="JT28" s="62">
        <v>0</v>
      </c>
      <c r="JU28" s="231"/>
      <c r="JV28" s="61">
        <v>0</v>
      </c>
      <c r="JW28" s="61">
        <v>0</v>
      </c>
      <c r="JX28" s="61">
        <v>0</v>
      </c>
      <c r="JY28" s="61">
        <v>0</v>
      </c>
      <c r="JZ28" s="61">
        <v>0</v>
      </c>
      <c r="KA28" s="62">
        <v>0</v>
      </c>
      <c r="KB28" s="63">
        <v>0</v>
      </c>
      <c r="KC28" s="60">
        <v>20</v>
      </c>
      <c r="KD28" s="61">
        <v>27</v>
      </c>
      <c r="KE28" s="62">
        <v>47</v>
      </c>
      <c r="KF28" s="231"/>
      <c r="KG28" s="61">
        <v>30</v>
      </c>
      <c r="KH28" s="61">
        <v>14</v>
      </c>
      <c r="KI28" s="61">
        <v>15</v>
      </c>
      <c r="KJ28" s="61">
        <v>15</v>
      </c>
      <c r="KK28" s="61">
        <v>7</v>
      </c>
      <c r="KL28" s="62">
        <v>81</v>
      </c>
      <c r="KM28" s="63">
        <v>128</v>
      </c>
    </row>
    <row r="29" spans="2:299" ht="21" customHeight="1" x14ac:dyDescent="0.2">
      <c r="B29" s="472" t="s">
        <v>26</v>
      </c>
      <c r="C29" s="293">
        <v>19</v>
      </c>
      <c r="D29" s="72">
        <v>17</v>
      </c>
      <c r="E29" s="73">
        <v>36</v>
      </c>
      <c r="F29" s="228"/>
      <c r="G29" s="72">
        <v>23</v>
      </c>
      <c r="H29" s="72">
        <v>20</v>
      </c>
      <c r="I29" s="72">
        <v>18</v>
      </c>
      <c r="J29" s="72">
        <v>10</v>
      </c>
      <c r="K29" s="72">
        <v>5</v>
      </c>
      <c r="L29" s="74">
        <v>76</v>
      </c>
      <c r="M29" s="75">
        <v>112</v>
      </c>
      <c r="N29" s="60">
        <v>0</v>
      </c>
      <c r="O29" s="61">
        <v>0</v>
      </c>
      <c r="P29" s="62">
        <v>0</v>
      </c>
      <c r="Q29" s="231"/>
      <c r="R29" s="61">
        <v>0</v>
      </c>
      <c r="S29" s="61">
        <v>0</v>
      </c>
      <c r="T29" s="61">
        <v>0</v>
      </c>
      <c r="U29" s="61">
        <v>0</v>
      </c>
      <c r="V29" s="61">
        <v>0</v>
      </c>
      <c r="W29" s="62">
        <v>0</v>
      </c>
      <c r="X29" s="63">
        <v>0</v>
      </c>
      <c r="Y29" s="60">
        <v>1</v>
      </c>
      <c r="Z29" s="61">
        <v>0</v>
      </c>
      <c r="AA29" s="62">
        <v>1</v>
      </c>
      <c r="AB29" s="231"/>
      <c r="AC29" s="61">
        <v>0</v>
      </c>
      <c r="AD29" s="61">
        <v>1</v>
      </c>
      <c r="AE29" s="61">
        <v>1</v>
      </c>
      <c r="AF29" s="61">
        <v>0</v>
      </c>
      <c r="AG29" s="61">
        <v>0</v>
      </c>
      <c r="AH29" s="62">
        <v>2</v>
      </c>
      <c r="AI29" s="63">
        <v>3</v>
      </c>
      <c r="AJ29" s="60">
        <v>1</v>
      </c>
      <c r="AK29" s="61">
        <v>2</v>
      </c>
      <c r="AL29" s="62">
        <v>3</v>
      </c>
      <c r="AM29" s="231"/>
      <c r="AN29" s="61">
        <v>2</v>
      </c>
      <c r="AO29" s="61">
        <v>1</v>
      </c>
      <c r="AP29" s="61">
        <v>1</v>
      </c>
      <c r="AQ29" s="61">
        <v>1</v>
      </c>
      <c r="AR29" s="61">
        <v>0</v>
      </c>
      <c r="AS29" s="62">
        <v>5</v>
      </c>
      <c r="AT29" s="63">
        <v>8</v>
      </c>
      <c r="AU29" s="60">
        <v>1</v>
      </c>
      <c r="AV29" s="61">
        <v>6</v>
      </c>
      <c r="AW29" s="62">
        <v>7</v>
      </c>
      <c r="AX29" s="231"/>
      <c r="AY29" s="61">
        <v>10</v>
      </c>
      <c r="AZ29" s="61">
        <v>6</v>
      </c>
      <c r="BA29" s="61">
        <v>5</v>
      </c>
      <c r="BB29" s="61">
        <v>2</v>
      </c>
      <c r="BC29" s="61">
        <v>1</v>
      </c>
      <c r="BD29" s="62">
        <v>24</v>
      </c>
      <c r="BE29" s="63">
        <v>31</v>
      </c>
      <c r="BF29" s="60">
        <v>5</v>
      </c>
      <c r="BG29" s="61">
        <v>3</v>
      </c>
      <c r="BH29" s="62">
        <v>8</v>
      </c>
      <c r="BI29" s="231"/>
      <c r="BJ29" s="61">
        <v>6</v>
      </c>
      <c r="BK29" s="61">
        <v>6</v>
      </c>
      <c r="BL29" s="61">
        <v>8</v>
      </c>
      <c r="BM29" s="61">
        <v>3</v>
      </c>
      <c r="BN29" s="61">
        <v>3</v>
      </c>
      <c r="BO29" s="62">
        <v>26</v>
      </c>
      <c r="BP29" s="63">
        <v>34</v>
      </c>
      <c r="BQ29" s="60">
        <v>11</v>
      </c>
      <c r="BR29" s="61">
        <v>6</v>
      </c>
      <c r="BS29" s="62">
        <v>17</v>
      </c>
      <c r="BT29" s="231"/>
      <c r="BU29" s="61">
        <v>5</v>
      </c>
      <c r="BV29" s="61">
        <v>6</v>
      </c>
      <c r="BW29" s="61">
        <v>3</v>
      </c>
      <c r="BX29" s="61">
        <v>4</v>
      </c>
      <c r="BY29" s="61">
        <v>1</v>
      </c>
      <c r="BZ29" s="62">
        <v>19</v>
      </c>
      <c r="CA29" s="63">
        <v>36</v>
      </c>
      <c r="CB29" s="60">
        <v>0</v>
      </c>
      <c r="CC29" s="61">
        <v>0</v>
      </c>
      <c r="CD29" s="62">
        <v>0</v>
      </c>
      <c r="CE29" s="231"/>
      <c r="CF29" s="61">
        <v>0</v>
      </c>
      <c r="CG29" s="61">
        <v>0</v>
      </c>
      <c r="CH29" s="61">
        <v>0</v>
      </c>
      <c r="CI29" s="61">
        <v>0</v>
      </c>
      <c r="CJ29" s="61">
        <v>0</v>
      </c>
      <c r="CK29" s="62">
        <v>0</v>
      </c>
      <c r="CL29" s="63">
        <v>0</v>
      </c>
      <c r="CM29" s="60">
        <v>19</v>
      </c>
      <c r="CN29" s="61">
        <v>17</v>
      </c>
      <c r="CO29" s="62">
        <v>36</v>
      </c>
      <c r="CP29" s="231"/>
      <c r="CQ29" s="61">
        <v>23</v>
      </c>
      <c r="CR29" s="61">
        <v>20</v>
      </c>
      <c r="CS29" s="61">
        <v>18</v>
      </c>
      <c r="CT29" s="61">
        <v>10</v>
      </c>
      <c r="CU29" s="61">
        <v>5</v>
      </c>
      <c r="CV29" s="62">
        <v>76</v>
      </c>
      <c r="CW29" s="63">
        <v>112</v>
      </c>
      <c r="CX29" s="113">
        <v>4</v>
      </c>
      <c r="CY29" s="72">
        <v>2</v>
      </c>
      <c r="CZ29" s="73">
        <v>6</v>
      </c>
      <c r="DA29" s="228"/>
      <c r="DB29" s="72">
        <v>4</v>
      </c>
      <c r="DC29" s="72">
        <v>2</v>
      </c>
      <c r="DD29" s="72">
        <v>3</v>
      </c>
      <c r="DE29" s="72">
        <v>1</v>
      </c>
      <c r="DF29" s="72">
        <v>0</v>
      </c>
      <c r="DG29" s="74">
        <v>10</v>
      </c>
      <c r="DH29" s="75">
        <v>16</v>
      </c>
      <c r="DI29" s="60">
        <v>0</v>
      </c>
      <c r="DJ29" s="61">
        <v>0</v>
      </c>
      <c r="DK29" s="62">
        <v>0</v>
      </c>
      <c r="DL29" s="231"/>
      <c r="DM29" s="61">
        <v>1</v>
      </c>
      <c r="DN29" s="61">
        <v>0</v>
      </c>
      <c r="DO29" s="61">
        <v>0</v>
      </c>
      <c r="DP29" s="61">
        <v>1</v>
      </c>
      <c r="DQ29" s="61">
        <v>0</v>
      </c>
      <c r="DR29" s="62">
        <v>2</v>
      </c>
      <c r="DS29" s="63">
        <v>2</v>
      </c>
      <c r="DT29" s="60">
        <v>2</v>
      </c>
      <c r="DU29" s="61">
        <v>0</v>
      </c>
      <c r="DV29" s="62">
        <v>2</v>
      </c>
      <c r="DW29" s="231"/>
      <c r="DX29" s="61">
        <v>0</v>
      </c>
      <c r="DY29" s="61">
        <v>0</v>
      </c>
      <c r="DZ29" s="61">
        <v>0</v>
      </c>
      <c r="EA29" s="61">
        <v>0</v>
      </c>
      <c r="EB29" s="61">
        <v>0</v>
      </c>
      <c r="EC29" s="62">
        <v>0</v>
      </c>
      <c r="ED29" s="63">
        <v>2</v>
      </c>
      <c r="EE29" s="60">
        <v>1</v>
      </c>
      <c r="EF29" s="61">
        <v>0</v>
      </c>
      <c r="EG29" s="62">
        <v>1</v>
      </c>
      <c r="EH29" s="231"/>
      <c r="EI29" s="61">
        <v>0</v>
      </c>
      <c r="EJ29" s="61">
        <v>0</v>
      </c>
      <c r="EK29" s="61">
        <v>0</v>
      </c>
      <c r="EL29" s="61">
        <v>0</v>
      </c>
      <c r="EM29" s="61">
        <v>0</v>
      </c>
      <c r="EN29" s="62">
        <v>0</v>
      </c>
      <c r="EO29" s="63">
        <v>1</v>
      </c>
      <c r="EP29" s="60">
        <v>0</v>
      </c>
      <c r="EQ29" s="61">
        <v>0</v>
      </c>
      <c r="ER29" s="62">
        <v>0</v>
      </c>
      <c r="ES29" s="231"/>
      <c r="ET29" s="61">
        <v>1</v>
      </c>
      <c r="EU29" s="61">
        <v>0</v>
      </c>
      <c r="EV29" s="61">
        <v>0</v>
      </c>
      <c r="EW29" s="61">
        <v>0</v>
      </c>
      <c r="EX29" s="61">
        <v>0</v>
      </c>
      <c r="EY29" s="62">
        <v>1</v>
      </c>
      <c r="EZ29" s="63">
        <v>1</v>
      </c>
      <c r="FA29" s="60">
        <v>0</v>
      </c>
      <c r="FB29" s="61">
        <v>0</v>
      </c>
      <c r="FC29" s="62">
        <v>0</v>
      </c>
      <c r="FD29" s="231"/>
      <c r="FE29" s="61">
        <v>1</v>
      </c>
      <c r="FF29" s="61">
        <v>1</v>
      </c>
      <c r="FG29" s="61">
        <v>0</v>
      </c>
      <c r="FH29" s="61">
        <v>0</v>
      </c>
      <c r="FI29" s="61">
        <v>0</v>
      </c>
      <c r="FJ29" s="62">
        <v>2</v>
      </c>
      <c r="FK29" s="63">
        <v>2</v>
      </c>
      <c r="FL29" s="60">
        <v>1</v>
      </c>
      <c r="FM29" s="61">
        <v>2</v>
      </c>
      <c r="FN29" s="62">
        <v>3</v>
      </c>
      <c r="FO29" s="231"/>
      <c r="FP29" s="61">
        <v>1</v>
      </c>
      <c r="FQ29" s="61">
        <v>1</v>
      </c>
      <c r="FR29" s="61">
        <v>3</v>
      </c>
      <c r="FS29" s="61">
        <v>0</v>
      </c>
      <c r="FT29" s="61">
        <v>0</v>
      </c>
      <c r="FU29" s="62">
        <v>5</v>
      </c>
      <c r="FV29" s="63">
        <v>8</v>
      </c>
      <c r="FW29" s="60">
        <v>0</v>
      </c>
      <c r="FX29" s="61">
        <v>0</v>
      </c>
      <c r="FY29" s="62">
        <v>0</v>
      </c>
      <c r="FZ29" s="231"/>
      <c r="GA29" s="61">
        <v>0</v>
      </c>
      <c r="GB29" s="61">
        <v>0</v>
      </c>
      <c r="GC29" s="61">
        <v>0</v>
      </c>
      <c r="GD29" s="61">
        <v>0</v>
      </c>
      <c r="GE29" s="61">
        <v>0</v>
      </c>
      <c r="GF29" s="62">
        <v>0</v>
      </c>
      <c r="GG29" s="63">
        <v>0</v>
      </c>
      <c r="GH29" s="60">
        <v>4</v>
      </c>
      <c r="GI29" s="61">
        <v>2</v>
      </c>
      <c r="GJ29" s="62">
        <v>6</v>
      </c>
      <c r="GK29" s="231"/>
      <c r="GL29" s="61">
        <v>4</v>
      </c>
      <c r="GM29" s="61">
        <v>2</v>
      </c>
      <c r="GN29" s="61">
        <v>3</v>
      </c>
      <c r="GO29" s="61">
        <v>1</v>
      </c>
      <c r="GP29" s="61">
        <v>0</v>
      </c>
      <c r="GQ29" s="62">
        <v>10</v>
      </c>
      <c r="GR29" s="63">
        <v>16</v>
      </c>
      <c r="GS29" s="113">
        <v>23</v>
      </c>
      <c r="GT29" s="72">
        <v>19</v>
      </c>
      <c r="GU29" s="73">
        <v>42</v>
      </c>
      <c r="GV29" s="228"/>
      <c r="GW29" s="72">
        <v>27</v>
      </c>
      <c r="GX29" s="72">
        <v>22</v>
      </c>
      <c r="GY29" s="72">
        <v>21</v>
      </c>
      <c r="GZ29" s="72">
        <v>11</v>
      </c>
      <c r="HA29" s="72">
        <v>5</v>
      </c>
      <c r="HB29" s="74">
        <v>86</v>
      </c>
      <c r="HC29" s="75">
        <v>128</v>
      </c>
      <c r="HD29" s="60">
        <v>0</v>
      </c>
      <c r="HE29" s="61">
        <v>0</v>
      </c>
      <c r="HF29" s="62">
        <v>0</v>
      </c>
      <c r="HG29" s="231"/>
      <c r="HH29" s="61">
        <v>1</v>
      </c>
      <c r="HI29" s="61">
        <v>0</v>
      </c>
      <c r="HJ29" s="61">
        <v>0</v>
      </c>
      <c r="HK29" s="61">
        <v>1</v>
      </c>
      <c r="HL29" s="61">
        <v>0</v>
      </c>
      <c r="HM29" s="62">
        <v>2</v>
      </c>
      <c r="HN29" s="63">
        <v>2</v>
      </c>
      <c r="HO29" s="60">
        <v>3</v>
      </c>
      <c r="HP29" s="61">
        <v>0</v>
      </c>
      <c r="HQ29" s="62">
        <v>3</v>
      </c>
      <c r="HR29" s="231"/>
      <c r="HS29" s="61">
        <v>0</v>
      </c>
      <c r="HT29" s="61">
        <v>1</v>
      </c>
      <c r="HU29" s="61">
        <v>1</v>
      </c>
      <c r="HV29" s="61">
        <v>0</v>
      </c>
      <c r="HW29" s="61">
        <v>0</v>
      </c>
      <c r="HX29" s="62">
        <v>2</v>
      </c>
      <c r="HY29" s="63">
        <v>5</v>
      </c>
      <c r="HZ29" s="60">
        <v>2</v>
      </c>
      <c r="IA29" s="61">
        <v>2</v>
      </c>
      <c r="IB29" s="62">
        <v>4</v>
      </c>
      <c r="IC29" s="231"/>
      <c r="ID29" s="61">
        <v>2</v>
      </c>
      <c r="IE29" s="61">
        <v>1</v>
      </c>
      <c r="IF29" s="61">
        <v>1</v>
      </c>
      <c r="IG29" s="61">
        <v>1</v>
      </c>
      <c r="IH29" s="61">
        <v>0</v>
      </c>
      <c r="II29" s="62">
        <v>5</v>
      </c>
      <c r="IJ29" s="63">
        <v>9</v>
      </c>
      <c r="IK29" s="60">
        <v>1</v>
      </c>
      <c r="IL29" s="61">
        <v>6</v>
      </c>
      <c r="IM29" s="62">
        <v>7</v>
      </c>
      <c r="IN29" s="231"/>
      <c r="IO29" s="61">
        <v>11</v>
      </c>
      <c r="IP29" s="61">
        <v>6</v>
      </c>
      <c r="IQ29" s="61">
        <v>5</v>
      </c>
      <c r="IR29" s="61">
        <v>2</v>
      </c>
      <c r="IS29" s="61">
        <v>1</v>
      </c>
      <c r="IT29" s="62">
        <v>25</v>
      </c>
      <c r="IU29" s="63">
        <v>32</v>
      </c>
      <c r="IV29" s="60">
        <v>5</v>
      </c>
      <c r="IW29" s="61">
        <v>3</v>
      </c>
      <c r="IX29" s="62">
        <v>8</v>
      </c>
      <c r="IY29" s="231"/>
      <c r="IZ29" s="61">
        <v>7</v>
      </c>
      <c r="JA29" s="61">
        <v>7</v>
      </c>
      <c r="JB29" s="61">
        <v>8</v>
      </c>
      <c r="JC29" s="61">
        <v>3</v>
      </c>
      <c r="JD29" s="61">
        <v>3</v>
      </c>
      <c r="JE29" s="62">
        <v>28</v>
      </c>
      <c r="JF29" s="63">
        <v>36</v>
      </c>
      <c r="JG29" s="60">
        <v>12</v>
      </c>
      <c r="JH29" s="61">
        <v>8</v>
      </c>
      <c r="JI29" s="62">
        <v>20</v>
      </c>
      <c r="JJ29" s="231"/>
      <c r="JK29" s="61">
        <v>6</v>
      </c>
      <c r="JL29" s="61">
        <v>7</v>
      </c>
      <c r="JM29" s="61">
        <v>6</v>
      </c>
      <c r="JN29" s="61">
        <v>4</v>
      </c>
      <c r="JO29" s="61">
        <v>1</v>
      </c>
      <c r="JP29" s="62">
        <v>24</v>
      </c>
      <c r="JQ29" s="63">
        <v>44</v>
      </c>
      <c r="JR29" s="60">
        <v>0</v>
      </c>
      <c r="JS29" s="61">
        <v>0</v>
      </c>
      <c r="JT29" s="62">
        <v>0</v>
      </c>
      <c r="JU29" s="231"/>
      <c r="JV29" s="61">
        <v>0</v>
      </c>
      <c r="JW29" s="61">
        <v>0</v>
      </c>
      <c r="JX29" s="61">
        <v>0</v>
      </c>
      <c r="JY29" s="61">
        <v>0</v>
      </c>
      <c r="JZ29" s="61">
        <v>0</v>
      </c>
      <c r="KA29" s="62">
        <v>0</v>
      </c>
      <c r="KB29" s="63">
        <v>0</v>
      </c>
      <c r="KC29" s="60">
        <v>23</v>
      </c>
      <c r="KD29" s="61">
        <v>19</v>
      </c>
      <c r="KE29" s="62">
        <v>42</v>
      </c>
      <c r="KF29" s="231"/>
      <c r="KG29" s="61">
        <v>27</v>
      </c>
      <c r="KH29" s="61">
        <v>22</v>
      </c>
      <c r="KI29" s="61">
        <v>21</v>
      </c>
      <c r="KJ29" s="61">
        <v>11</v>
      </c>
      <c r="KK29" s="61">
        <v>5</v>
      </c>
      <c r="KL29" s="62">
        <v>86</v>
      </c>
      <c r="KM29" s="63">
        <v>128</v>
      </c>
    </row>
    <row r="30" spans="2:299" ht="21" customHeight="1" x14ac:dyDescent="0.2">
      <c r="B30" s="472" t="s">
        <v>27</v>
      </c>
      <c r="C30" s="293">
        <v>20</v>
      </c>
      <c r="D30" s="72">
        <v>22</v>
      </c>
      <c r="E30" s="73">
        <v>42</v>
      </c>
      <c r="F30" s="228"/>
      <c r="G30" s="72">
        <v>18</v>
      </c>
      <c r="H30" s="72">
        <v>21</v>
      </c>
      <c r="I30" s="72">
        <v>11</v>
      </c>
      <c r="J30" s="72">
        <v>10</v>
      </c>
      <c r="K30" s="72">
        <v>6</v>
      </c>
      <c r="L30" s="74">
        <v>66</v>
      </c>
      <c r="M30" s="75">
        <v>108</v>
      </c>
      <c r="N30" s="60">
        <v>0</v>
      </c>
      <c r="O30" s="61">
        <v>0</v>
      </c>
      <c r="P30" s="62">
        <v>0</v>
      </c>
      <c r="Q30" s="231"/>
      <c r="R30" s="61">
        <v>0</v>
      </c>
      <c r="S30" s="61">
        <v>1</v>
      </c>
      <c r="T30" s="61">
        <v>0</v>
      </c>
      <c r="U30" s="61">
        <v>0</v>
      </c>
      <c r="V30" s="61">
        <v>0</v>
      </c>
      <c r="W30" s="62">
        <v>1</v>
      </c>
      <c r="X30" s="63">
        <v>1</v>
      </c>
      <c r="Y30" s="60">
        <v>0</v>
      </c>
      <c r="Z30" s="61">
        <v>2</v>
      </c>
      <c r="AA30" s="62">
        <v>2</v>
      </c>
      <c r="AB30" s="231"/>
      <c r="AC30" s="61">
        <v>1</v>
      </c>
      <c r="AD30" s="61">
        <v>0</v>
      </c>
      <c r="AE30" s="61">
        <v>0</v>
      </c>
      <c r="AF30" s="61">
        <v>0</v>
      </c>
      <c r="AG30" s="61">
        <v>0</v>
      </c>
      <c r="AH30" s="62">
        <v>1</v>
      </c>
      <c r="AI30" s="63">
        <v>3</v>
      </c>
      <c r="AJ30" s="60">
        <v>2</v>
      </c>
      <c r="AK30" s="61">
        <v>3</v>
      </c>
      <c r="AL30" s="62">
        <v>5</v>
      </c>
      <c r="AM30" s="231"/>
      <c r="AN30" s="61">
        <v>0</v>
      </c>
      <c r="AO30" s="61">
        <v>1</v>
      </c>
      <c r="AP30" s="61">
        <v>0</v>
      </c>
      <c r="AQ30" s="61">
        <v>0</v>
      </c>
      <c r="AR30" s="61">
        <v>1</v>
      </c>
      <c r="AS30" s="62">
        <v>2</v>
      </c>
      <c r="AT30" s="63">
        <v>7</v>
      </c>
      <c r="AU30" s="60">
        <v>8</v>
      </c>
      <c r="AV30" s="61">
        <v>3</v>
      </c>
      <c r="AW30" s="62">
        <v>11</v>
      </c>
      <c r="AX30" s="231"/>
      <c r="AY30" s="61">
        <v>5</v>
      </c>
      <c r="AZ30" s="61">
        <v>4</v>
      </c>
      <c r="BA30" s="61">
        <v>3</v>
      </c>
      <c r="BB30" s="61">
        <v>0</v>
      </c>
      <c r="BC30" s="61">
        <v>1</v>
      </c>
      <c r="BD30" s="62">
        <v>13</v>
      </c>
      <c r="BE30" s="63">
        <v>24</v>
      </c>
      <c r="BF30" s="60">
        <v>4</v>
      </c>
      <c r="BG30" s="61">
        <v>3</v>
      </c>
      <c r="BH30" s="62">
        <v>7</v>
      </c>
      <c r="BI30" s="231"/>
      <c r="BJ30" s="61">
        <v>4</v>
      </c>
      <c r="BK30" s="61">
        <v>5</v>
      </c>
      <c r="BL30" s="61">
        <v>5</v>
      </c>
      <c r="BM30" s="61">
        <v>3</v>
      </c>
      <c r="BN30" s="61">
        <v>2</v>
      </c>
      <c r="BO30" s="62">
        <v>19</v>
      </c>
      <c r="BP30" s="63">
        <v>26</v>
      </c>
      <c r="BQ30" s="60">
        <v>6</v>
      </c>
      <c r="BR30" s="61">
        <v>11</v>
      </c>
      <c r="BS30" s="62">
        <v>17</v>
      </c>
      <c r="BT30" s="231"/>
      <c r="BU30" s="61">
        <v>8</v>
      </c>
      <c r="BV30" s="61">
        <v>10</v>
      </c>
      <c r="BW30" s="61">
        <v>3</v>
      </c>
      <c r="BX30" s="61">
        <v>7</v>
      </c>
      <c r="BY30" s="61">
        <v>2</v>
      </c>
      <c r="BZ30" s="62">
        <v>30</v>
      </c>
      <c r="CA30" s="63">
        <v>47</v>
      </c>
      <c r="CB30" s="60">
        <v>0</v>
      </c>
      <c r="CC30" s="61">
        <v>0</v>
      </c>
      <c r="CD30" s="62">
        <v>0</v>
      </c>
      <c r="CE30" s="231"/>
      <c r="CF30" s="61">
        <v>0</v>
      </c>
      <c r="CG30" s="61">
        <v>0</v>
      </c>
      <c r="CH30" s="61">
        <v>0</v>
      </c>
      <c r="CI30" s="61">
        <v>0</v>
      </c>
      <c r="CJ30" s="61">
        <v>0</v>
      </c>
      <c r="CK30" s="62">
        <v>0</v>
      </c>
      <c r="CL30" s="63">
        <v>0</v>
      </c>
      <c r="CM30" s="60">
        <v>20</v>
      </c>
      <c r="CN30" s="61">
        <v>22</v>
      </c>
      <c r="CO30" s="62">
        <v>42</v>
      </c>
      <c r="CP30" s="231"/>
      <c r="CQ30" s="61">
        <v>18</v>
      </c>
      <c r="CR30" s="61">
        <v>21</v>
      </c>
      <c r="CS30" s="61">
        <v>11</v>
      </c>
      <c r="CT30" s="61">
        <v>10</v>
      </c>
      <c r="CU30" s="61">
        <v>6</v>
      </c>
      <c r="CV30" s="62">
        <v>66</v>
      </c>
      <c r="CW30" s="63">
        <v>108</v>
      </c>
      <c r="CX30" s="113">
        <v>1</v>
      </c>
      <c r="CY30" s="72">
        <v>5</v>
      </c>
      <c r="CZ30" s="73">
        <v>6</v>
      </c>
      <c r="DA30" s="228"/>
      <c r="DB30" s="72">
        <v>3</v>
      </c>
      <c r="DC30" s="72">
        <v>2</v>
      </c>
      <c r="DD30" s="72">
        <v>3</v>
      </c>
      <c r="DE30" s="72">
        <v>2</v>
      </c>
      <c r="DF30" s="72">
        <v>0</v>
      </c>
      <c r="DG30" s="74">
        <v>10</v>
      </c>
      <c r="DH30" s="75">
        <v>16</v>
      </c>
      <c r="DI30" s="60">
        <v>0</v>
      </c>
      <c r="DJ30" s="61">
        <v>0</v>
      </c>
      <c r="DK30" s="62">
        <v>0</v>
      </c>
      <c r="DL30" s="231"/>
      <c r="DM30" s="61">
        <v>0</v>
      </c>
      <c r="DN30" s="61">
        <v>0</v>
      </c>
      <c r="DO30" s="61">
        <v>0</v>
      </c>
      <c r="DP30" s="61">
        <v>0</v>
      </c>
      <c r="DQ30" s="61">
        <v>0</v>
      </c>
      <c r="DR30" s="62">
        <v>0</v>
      </c>
      <c r="DS30" s="63">
        <v>0</v>
      </c>
      <c r="DT30" s="60">
        <v>0</v>
      </c>
      <c r="DU30" s="61">
        <v>0</v>
      </c>
      <c r="DV30" s="62">
        <v>0</v>
      </c>
      <c r="DW30" s="231"/>
      <c r="DX30" s="61">
        <v>0</v>
      </c>
      <c r="DY30" s="61">
        <v>0</v>
      </c>
      <c r="DZ30" s="61">
        <v>1</v>
      </c>
      <c r="EA30" s="61">
        <v>0</v>
      </c>
      <c r="EB30" s="61">
        <v>0</v>
      </c>
      <c r="EC30" s="62">
        <v>1</v>
      </c>
      <c r="ED30" s="63">
        <v>1</v>
      </c>
      <c r="EE30" s="60">
        <v>0</v>
      </c>
      <c r="EF30" s="61">
        <v>0</v>
      </c>
      <c r="EG30" s="62">
        <v>0</v>
      </c>
      <c r="EH30" s="231"/>
      <c r="EI30" s="61">
        <v>0</v>
      </c>
      <c r="EJ30" s="61">
        <v>0</v>
      </c>
      <c r="EK30" s="61">
        <v>0</v>
      </c>
      <c r="EL30" s="61">
        <v>0</v>
      </c>
      <c r="EM30" s="61">
        <v>0</v>
      </c>
      <c r="EN30" s="62">
        <v>0</v>
      </c>
      <c r="EO30" s="63">
        <v>0</v>
      </c>
      <c r="EP30" s="60">
        <v>0</v>
      </c>
      <c r="EQ30" s="61">
        <v>0</v>
      </c>
      <c r="ER30" s="62">
        <v>0</v>
      </c>
      <c r="ES30" s="231"/>
      <c r="ET30" s="61">
        <v>1</v>
      </c>
      <c r="EU30" s="61">
        <v>0</v>
      </c>
      <c r="EV30" s="61">
        <v>0</v>
      </c>
      <c r="EW30" s="61">
        <v>0</v>
      </c>
      <c r="EX30" s="61">
        <v>0</v>
      </c>
      <c r="EY30" s="62">
        <v>1</v>
      </c>
      <c r="EZ30" s="63">
        <v>1</v>
      </c>
      <c r="FA30" s="60">
        <v>0</v>
      </c>
      <c r="FB30" s="61">
        <v>1</v>
      </c>
      <c r="FC30" s="62">
        <v>1</v>
      </c>
      <c r="FD30" s="231"/>
      <c r="FE30" s="61">
        <v>2</v>
      </c>
      <c r="FF30" s="61">
        <v>2</v>
      </c>
      <c r="FG30" s="61">
        <v>0</v>
      </c>
      <c r="FH30" s="61">
        <v>0</v>
      </c>
      <c r="FI30" s="61">
        <v>0</v>
      </c>
      <c r="FJ30" s="62">
        <v>4</v>
      </c>
      <c r="FK30" s="63">
        <v>5</v>
      </c>
      <c r="FL30" s="60">
        <v>1</v>
      </c>
      <c r="FM30" s="61">
        <v>4</v>
      </c>
      <c r="FN30" s="62">
        <v>5</v>
      </c>
      <c r="FO30" s="231"/>
      <c r="FP30" s="61">
        <v>0</v>
      </c>
      <c r="FQ30" s="61">
        <v>0</v>
      </c>
      <c r="FR30" s="61">
        <v>2</v>
      </c>
      <c r="FS30" s="61">
        <v>2</v>
      </c>
      <c r="FT30" s="61">
        <v>0</v>
      </c>
      <c r="FU30" s="62">
        <v>4</v>
      </c>
      <c r="FV30" s="63">
        <v>9</v>
      </c>
      <c r="FW30" s="60">
        <v>0</v>
      </c>
      <c r="FX30" s="61">
        <v>0</v>
      </c>
      <c r="FY30" s="62">
        <v>0</v>
      </c>
      <c r="FZ30" s="231"/>
      <c r="GA30" s="61">
        <v>0</v>
      </c>
      <c r="GB30" s="61">
        <v>0</v>
      </c>
      <c r="GC30" s="61">
        <v>0</v>
      </c>
      <c r="GD30" s="61">
        <v>0</v>
      </c>
      <c r="GE30" s="61">
        <v>0</v>
      </c>
      <c r="GF30" s="62">
        <v>0</v>
      </c>
      <c r="GG30" s="63">
        <v>0</v>
      </c>
      <c r="GH30" s="60">
        <v>1</v>
      </c>
      <c r="GI30" s="61">
        <v>5</v>
      </c>
      <c r="GJ30" s="62">
        <v>6</v>
      </c>
      <c r="GK30" s="231"/>
      <c r="GL30" s="61">
        <v>3</v>
      </c>
      <c r="GM30" s="61">
        <v>2</v>
      </c>
      <c r="GN30" s="61">
        <v>3</v>
      </c>
      <c r="GO30" s="61">
        <v>2</v>
      </c>
      <c r="GP30" s="61">
        <v>0</v>
      </c>
      <c r="GQ30" s="62">
        <v>10</v>
      </c>
      <c r="GR30" s="63">
        <v>16</v>
      </c>
      <c r="GS30" s="113">
        <v>21</v>
      </c>
      <c r="GT30" s="72">
        <v>27</v>
      </c>
      <c r="GU30" s="73">
        <v>48</v>
      </c>
      <c r="GV30" s="228"/>
      <c r="GW30" s="72">
        <v>21</v>
      </c>
      <c r="GX30" s="72">
        <v>23</v>
      </c>
      <c r="GY30" s="72">
        <v>14</v>
      </c>
      <c r="GZ30" s="72">
        <v>12</v>
      </c>
      <c r="HA30" s="72">
        <v>6</v>
      </c>
      <c r="HB30" s="74">
        <v>76</v>
      </c>
      <c r="HC30" s="75">
        <v>124</v>
      </c>
      <c r="HD30" s="60">
        <v>0</v>
      </c>
      <c r="HE30" s="61">
        <v>0</v>
      </c>
      <c r="HF30" s="62">
        <v>0</v>
      </c>
      <c r="HG30" s="231"/>
      <c r="HH30" s="61">
        <v>0</v>
      </c>
      <c r="HI30" s="61">
        <v>1</v>
      </c>
      <c r="HJ30" s="61">
        <v>0</v>
      </c>
      <c r="HK30" s="61">
        <v>0</v>
      </c>
      <c r="HL30" s="61">
        <v>0</v>
      </c>
      <c r="HM30" s="62">
        <v>1</v>
      </c>
      <c r="HN30" s="63">
        <v>1</v>
      </c>
      <c r="HO30" s="60">
        <v>0</v>
      </c>
      <c r="HP30" s="61">
        <v>2</v>
      </c>
      <c r="HQ30" s="62">
        <v>2</v>
      </c>
      <c r="HR30" s="231"/>
      <c r="HS30" s="61">
        <v>1</v>
      </c>
      <c r="HT30" s="61">
        <v>0</v>
      </c>
      <c r="HU30" s="61">
        <v>1</v>
      </c>
      <c r="HV30" s="61">
        <v>0</v>
      </c>
      <c r="HW30" s="61">
        <v>0</v>
      </c>
      <c r="HX30" s="62">
        <v>2</v>
      </c>
      <c r="HY30" s="63">
        <v>4</v>
      </c>
      <c r="HZ30" s="60">
        <v>2</v>
      </c>
      <c r="IA30" s="61">
        <v>3</v>
      </c>
      <c r="IB30" s="62">
        <v>5</v>
      </c>
      <c r="IC30" s="231"/>
      <c r="ID30" s="61">
        <v>0</v>
      </c>
      <c r="IE30" s="61">
        <v>1</v>
      </c>
      <c r="IF30" s="61">
        <v>0</v>
      </c>
      <c r="IG30" s="61">
        <v>0</v>
      </c>
      <c r="IH30" s="61">
        <v>1</v>
      </c>
      <c r="II30" s="62">
        <v>2</v>
      </c>
      <c r="IJ30" s="63">
        <v>7</v>
      </c>
      <c r="IK30" s="60">
        <v>8</v>
      </c>
      <c r="IL30" s="61">
        <v>3</v>
      </c>
      <c r="IM30" s="62">
        <v>11</v>
      </c>
      <c r="IN30" s="231"/>
      <c r="IO30" s="61">
        <v>6</v>
      </c>
      <c r="IP30" s="61">
        <v>4</v>
      </c>
      <c r="IQ30" s="61">
        <v>3</v>
      </c>
      <c r="IR30" s="61">
        <v>0</v>
      </c>
      <c r="IS30" s="61">
        <v>1</v>
      </c>
      <c r="IT30" s="62">
        <v>14</v>
      </c>
      <c r="IU30" s="63">
        <v>25</v>
      </c>
      <c r="IV30" s="60">
        <v>4</v>
      </c>
      <c r="IW30" s="61">
        <v>4</v>
      </c>
      <c r="IX30" s="62">
        <v>8</v>
      </c>
      <c r="IY30" s="231"/>
      <c r="IZ30" s="61">
        <v>6</v>
      </c>
      <c r="JA30" s="61">
        <v>7</v>
      </c>
      <c r="JB30" s="61">
        <v>5</v>
      </c>
      <c r="JC30" s="61">
        <v>3</v>
      </c>
      <c r="JD30" s="61">
        <v>2</v>
      </c>
      <c r="JE30" s="62">
        <v>23</v>
      </c>
      <c r="JF30" s="63">
        <v>31</v>
      </c>
      <c r="JG30" s="60">
        <v>7</v>
      </c>
      <c r="JH30" s="61">
        <v>15</v>
      </c>
      <c r="JI30" s="62">
        <v>22</v>
      </c>
      <c r="JJ30" s="231"/>
      <c r="JK30" s="61">
        <v>8</v>
      </c>
      <c r="JL30" s="61">
        <v>10</v>
      </c>
      <c r="JM30" s="61">
        <v>5</v>
      </c>
      <c r="JN30" s="61">
        <v>9</v>
      </c>
      <c r="JO30" s="61">
        <v>2</v>
      </c>
      <c r="JP30" s="62">
        <v>34</v>
      </c>
      <c r="JQ30" s="63">
        <v>56</v>
      </c>
      <c r="JR30" s="60">
        <v>0</v>
      </c>
      <c r="JS30" s="61">
        <v>0</v>
      </c>
      <c r="JT30" s="62">
        <v>0</v>
      </c>
      <c r="JU30" s="231"/>
      <c r="JV30" s="61">
        <v>0</v>
      </c>
      <c r="JW30" s="61">
        <v>0</v>
      </c>
      <c r="JX30" s="61">
        <v>0</v>
      </c>
      <c r="JY30" s="61">
        <v>0</v>
      </c>
      <c r="JZ30" s="61">
        <v>0</v>
      </c>
      <c r="KA30" s="62">
        <v>0</v>
      </c>
      <c r="KB30" s="63">
        <v>0</v>
      </c>
      <c r="KC30" s="60">
        <v>21</v>
      </c>
      <c r="KD30" s="61">
        <v>27</v>
      </c>
      <c r="KE30" s="62">
        <v>48</v>
      </c>
      <c r="KF30" s="231"/>
      <c r="KG30" s="61">
        <v>21</v>
      </c>
      <c r="KH30" s="61">
        <v>23</v>
      </c>
      <c r="KI30" s="61">
        <v>14</v>
      </c>
      <c r="KJ30" s="61">
        <v>12</v>
      </c>
      <c r="KK30" s="61">
        <v>6</v>
      </c>
      <c r="KL30" s="62">
        <v>76</v>
      </c>
      <c r="KM30" s="63">
        <v>124</v>
      </c>
    </row>
    <row r="31" spans="2:299" ht="21" customHeight="1" x14ac:dyDescent="0.2">
      <c r="B31" s="472" t="s">
        <v>28</v>
      </c>
      <c r="C31" s="293">
        <v>1</v>
      </c>
      <c r="D31" s="72">
        <v>4</v>
      </c>
      <c r="E31" s="73">
        <v>5</v>
      </c>
      <c r="F31" s="228"/>
      <c r="G31" s="72">
        <v>10</v>
      </c>
      <c r="H31" s="72">
        <v>9</v>
      </c>
      <c r="I31" s="72">
        <v>3</v>
      </c>
      <c r="J31" s="72">
        <v>0</v>
      </c>
      <c r="K31" s="72">
        <v>2</v>
      </c>
      <c r="L31" s="74">
        <v>24</v>
      </c>
      <c r="M31" s="75">
        <v>29</v>
      </c>
      <c r="N31" s="60">
        <v>0</v>
      </c>
      <c r="O31" s="61">
        <v>0</v>
      </c>
      <c r="P31" s="62">
        <v>0</v>
      </c>
      <c r="Q31" s="231"/>
      <c r="R31" s="61">
        <v>0</v>
      </c>
      <c r="S31" s="61">
        <v>0</v>
      </c>
      <c r="T31" s="61">
        <v>0</v>
      </c>
      <c r="U31" s="61">
        <v>0</v>
      </c>
      <c r="V31" s="61">
        <v>0</v>
      </c>
      <c r="W31" s="62">
        <v>0</v>
      </c>
      <c r="X31" s="63">
        <v>0</v>
      </c>
      <c r="Y31" s="60">
        <v>0</v>
      </c>
      <c r="Z31" s="61">
        <v>0</v>
      </c>
      <c r="AA31" s="62">
        <v>0</v>
      </c>
      <c r="AB31" s="231"/>
      <c r="AC31" s="61">
        <v>1</v>
      </c>
      <c r="AD31" s="61">
        <v>0</v>
      </c>
      <c r="AE31" s="61">
        <v>0</v>
      </c>
      <c r="AF31" s="61">
        <v>0</v>
      </c>
      <c r="AG31" s="61">
        <v>0</v>
      </c>
      <c r="AH31" s="62">
        <v>1</v>
      </c>
      <c r="AI31" s="63">
        <v>1</v>
      </c>
      <c r="AJ31" s="60">
        <v>0</v>
      </c>
      <c r="AK31" s="61">
        <v>0</v>
      </c>
      <c r="AL31" s="62">
        <v>0</v>
      </c>
      <c r="AM31" s="231"/>
      <c r="AN31" s="61">
        <v>2</v>
      </c>
      <c r="AO31" s="61">
        <v>1</v>
      </c>
      <c r="AP31" s="61">
        <v>0</v>
      </c>
      <c r="AQ31" s="61">
        <v>0</v>
      </c>
      <c r="AR31" s="61">
        <v>0</v>
      </c>
      <c r="AS31" s="62">
        <v>3</v>
      </c>
      <c r="AT31" s="63">
        <v>3</v>
      </c>
      <c r="AU31" s="60">
        <v>1</v>
      </c>
      <c r="AV31" s="61">
        <v>2</v>
      </c>
      <c r="AW31" s="62">
        <v>3</v>
      </c>
      <c r="AX31" s="231"/>
      <c r="AY31" s="61">
        <v>3</v>
      </c>
      <c r="AZ31" s="61">
        <v>3</v>
      </c>
      <c r="BA31" s="61">
        <v>0</v>
      </c>
      <c r="BB31" s="61">
        <v>0</v>
      </c>
      <c r="BC31" s="61">
        <v>1</v>
      </c>
      <c r="BD31" s="62">
        <v>7</v>
      </c>
      <c r="BE31" s="63">
        <v>10</v>
      </c>
      <c r="BF31" s="60">
        <v>0</v>
      </c>
      <c r="BG31" s="61">
        <v>2</v>
      </c>
      <c r="BH31" s="62">
        <v>2</v>
      </c>
      <c r="BI31" s="231"/>
      <c r="BJ31" s="61">
        <v>2</v>
      </c>
      <c r="BK31" s="61">
        <v>4</v>
      </c>
      <c r="BL31" s="61">
        <v>1</v>
      </c>
      <c r="BM31" s="61">
        <v>0</v>
      </c>
      <c r="BN31" s="61">
        <v>0</v>
      </c>
      <c r="BO31" s="62">
        <v>7</v>
      </c>
      <c r="BP31" s="63">
        <v>9</v>
      </c>
      <c r="BQ31" s="60">
        <v>0</v>
      </c>
      <c r="BR31" s="61">
        <v>0</v>
      </c>
      <c r="BS31" s="62">
        <v>0</v>
      </c>
      <c r="BT31" s="231"/>
      <c r="BU31" s="61">
        <v>2</v>
      </c>
      <c r="BV31" s="61">
        <v>1</v>
      </c>
      <c r="BW31" s="61">
        <v>2</v>
      </c>
      <c r="BX31" s="61">
        <v>0</v>
      </c>
      <c r="BY31" s="61">
        <v>1</v>
      </c>
      <c r="BZ31" s="62">
        <v>6</v>
      </c>
      <c r="CA31" s="63">
        <v>6</v>
      </c>
      <c r="CB31" s="60">
        <v>0</v>
      </c>
      <c r="CC31" s="61">
        <v>0</v>
      </c>
      <c r="CD31" s="62">
        <v>0</v>
      </c>
      <c r="CE31" s="231"/>
      <c r="CF31" s="61">
        <v>0</v>
      </c>
      <c r="CG31" s="61">
        <v>0</v>
      </c>
      <c r="CH31" s="61">
        <v>0</v>
      </c>
      <c r="CI31" s="61">
        <v>0</v>
      </c>
      <c r="CJ31" s="61">
        <v>0</v>
      </c>
      <c r="CK31" s="62">
        <v>0</v>
      </c>
      <c r="CL31" s="63">
        <v>0</v>
      </c>
      <c r="CM31" s="60">
        <v>1</v>
      </c>
      <c r="CN31" s="61">
        <v>4</v>
      </c>
      <c r="CO31" s="62">
        <v>5</v>
      </c>
      <c r="CP31" s="231"/>
      <c r="CQ31" s="61">
        <v>10</v>
      </c>
      <c r="CR31" s="61">
        <v>9</v>
      </c>
      <c r="CS31" s="61">
        <v>3</v>
      </c>
      <c r="CT31" s="61">
        <v>0</v>
      </c>
      <c r="CU31" s="61">
        <v>2</v>
      </c>
      <c r="CV31" s="62">
        <v>24</v>
      </c>
      <c r="CW31" s="63">
        <v>29</v>
      </c>
      <c r="CX31" s="113">
        <v>0</v>
      </c>
      <c r="CY31" s="72">
        <v>0</v>
      </c>
      <c r="CZ31" s="73">
        <v>0</v>
      </c>
      <c r="DA31" s="228"/>
      <c r="DB31" s="72">
        <v>2</v>
      </c>
      <c r="DC31" s="72">
        <v>1</v>
      </c>
      <c r="DD31" s="72">
        <v>0</v>
      </c>
      <c r="DE31" s="72">
        <v>1</v>
      </c>
      <c r="DF31" s="72">
        <v>1</v>
      </c>
      <c r="DG31" s="74">
        <v>5</v>
      </c>
      <c r="DH31" s="75">
        <v>5</v>
      </c>
      <c r="DI31" s="60">
        <v>0</v>
      </c>
      <c r="DJ31" s="61">
        <v>0</v>
      </c>
      <c r="DK31" s="62">
        <v>0</v>
      </c>
      <c r="DL31" s="231"/>
      <c r="DM31" s="61">
        <v>0</v>
      </c>
      <c r="DN31" s="61">
        <v>0</v>
      </c>
      <c r="DO31" s="61">
        <v>0</v>
      </c>
      <c r="DP31" s="61">
        <v>0</v>
      </c>
      <c r="DQ31" s="61">
        <v>0</v>
      </c>
      <c r="DR31" s="62">
        <v>0</v>
      </c>
      <c r="DS31" s="63">
        <v>0</v>
      </c>
      <c r="DT31" s="60">
        <v>0</v>
      </c>
      <c r="DU31" s="61">
        <v>0</v>
      </c>
      <c r="DV31" s="62">
        <v>0</v>
      </c>
      <c r="DW31" s="231"/>
      <c r="DX31" s="61">
        <v>0</v>
      </c>
      <c r="DY31" s="61">
        <v>0</v>
      </c>
      <c r="DZ31" s="61">
        <v>0</v>
      </c>
      <c r="EA31" s="61">
        <v>0</v>
      </c>
      <c r="EB31" s="61">
        <v>0</v>
      </c>
      <c r="EC31" s="62">
        <v>0</v>
      </c>
      <c r="ED31" s="63">
        <v>0</v>
      </c>
      <c r="EE31" s="60">
        <v>0</v>
      </c>
      <c r="EF31" s="61">
        <v>0</v>
      </c>
      <c r="EG31" s="62">
        <v>0</v>
      </c>
      <c r="EH31" s="231"/>
      <c r="EI31" s="61">
        <v>0</v>
      </c>
      <c r="EJ31" s="61">
        <v>0</v>
      </c>
      <c r="EK31" s="61">
        <v>0</v>
      </c>
      <c r="EL31" s="61">
        <v>0</v>
      </c>
      <c r="EM31" s="61">
        <v>0</v>
      </c>
      <c r="EN31" s="62">
        <v>0</v>
      </c>
      <c r="EO31" s="63">
        <v>0</v>
      </c>
      <c r="EP31" s="60">
        <v>0</v>
      </c>
      <c r="EQ31" s="61">
        <v>0</v>
      </c>
      <c r="ER31" s="62">
        <v>0</v>
      </c>
      <c r="ES31" s="231"/>
      <c r="ET31" s="61">
        <v>0</v>
      </c>
      <c r="EU31" s="61">
        <v>0</v>
      </c>
      <c r="EV31" s="61">
        <v>0</v>
      </c>
      <c r="EW31" s="61">
        <v>0</v>
      </c>
      <c r="EX31" s="61">
        <v>0</v>
      </c>
      <c r="EY31" s="62">
        <v>0</v>
      </c>
      <c r="EZ31" s="63">
        <v>0</v>
      </c>
      <c r="FA31" s="60">
        <v>0</v>
      </c>
      <c r="FB31" s="61">
        <v>0</v>
      </c>
      <c r="FC31" s="62">
        <v>0</v>
      </c>
      <c r="FD31" s="231"/>
      <c r="FE31" s="61">
        <v>1</v>
      </c>
      <c r="FF31" s="61">
        <v>1</v>
      </c>
      <c r="FG31" s="61">
        <v>0</v>
      </c>
      <c r="FH31" s="61">
        <v>0</v>
      </c>
      <c r="FI31" s="61">
        <v>1</v>
      </c>
      <c r="FJ31" s="62">
        <v>3</v>
      </c>
      <c r="FK31" s="63">
        <v>3</v>
      </c>
      <c r="FL31" s="60">
        <v>0</v>
      </c>
      <c r="FM31" s="61">
        <v>0</v>
      </c>
      <c r="FN31" s="62">
        <v>0</v>
      </c>
      <c r="FO31" s="231"/>
      <c r="FP31" s="61">
        <v>1</v>
      </c>
      <c r="FQ31" s="61">
        <v>0</v>
      </c>
      <c r="FR31" s="61">
        <v>0</v>
      </c>
      <c r="FS31" s="61">
        <v>1</v>
      </c>
      <c r="FT31" s="61">
        <v>0</v>
      </c>
      <c r="FU31" s="62">
        <v>2</v>
      </c>
      <c r="FV31" s="63">
        <v>2</v>
      </c>
      <c r="FW31" s="60">
        <v>0</v>
      </c>
      <c r="FX31" s="61">
        <v>0</v>
      </c>
      <c r="FY31" s="62">
        <v>0</v>
      </c>
      <c r="FZ31" s="231"/>
      <c r="GA31" s="61">
        <v>0</v>
      </c>
      <c r="GB31" s="61">
        <v>0</v>
      </c>
      <c r="GC31" s="61">
        <v>0</v>
      </c>
      <c r="GD31" s="61">
        <v>0</v>
      </c>
      <c r="GE31" s="61">
        <v>0</v>
      </c>
      <c r="GF31" s="62">
        <v>0</v>
      </c>
      <c r="GG31" s="63">
        <v>0</v>
      </c>
      <c r="GH31" s="60">
        <v>0</v>
      </c>
      <c r="GI31" s="61">
        <v>0</v>
      </c>
      <c r="GJ31" s="62">
        <v>0</v>
      </c>
      <c r="GK31" s="231"/>
      <c r="GL31" s="61">
        <v>2</v>
      </c>
      <c r="GM31" s="61">
        <v>1</v>
      </c>
      <c r="GN31" s="61">
        <v>0</v>
      </c>
      <c r="GO31" s="61">
        <v>1</v>
      </c>
      <c r="GP31" s="61">
        <v>1</v>
      </c>
      <c r="GQ31" s="62">
        <v>5</v>
      </c>
      <c r="GR31" s="63">
        <v>5</v>
      </c>
      <c r="GS31" s="113">
        <v>1</v>
      </c>
      <c r="GT31" s="72">
        <v>4</v>
      </c>
      <c r="GU31" s="73">
        <v>5</v>
      </c>
      <c r="GV31" s="228"/>
      <c r="GW31" s="72">
        <v>12</v>
      </c>
      <c r="GX31" s="72">
        <v>10</v>
      </c>
      <c r="GY31" s="72">
        <v>3</v>
      </c>
      <c r="GZ31" s="72">
        <v>1</v>
      </c>
      <c r="HA31" s="72">
        <v>3</v>
      </c>
      <c r="HB31" s="74">
        <v>29</v>
      </c>
      <c r="HC31" s="75">
        <v>34</v>
      </c>
      <c r="HD31" s="60">
        <v>0</v>
      </c>
      <c r="HE31" s="61">
        <v>0</v>
      </c>
      <c r="HF31" s="62">
        <v>0</v>
      </c>
      <c r="HG31" s="231"/>
      <c r="HH31" s="61">
        <v>0</v>
      </c>
      <c r="HI31" s="61">
        <v>0</v>
      </c>
      <c r="HJ31" s="61">
        <v>0</v>
      </c>
      <c r="HK31" s="61">
        <v>0</v>
      </c>
      <c r="HL31" s="61">
        <v>0</v>
      </c>
      <c r="HM31" s="62">
        <v>0</v>
      </c>
      <c r="HN31" s="63">
        <v>0</v>
      </c>
      <c r="HO31" s="60">
        <v>0</v>
      </c>
      <c r="HP31" s="61">
        <v>0</v>
      </c>
      <c r="HQ31" s="62">
        <v>0</v>
      </c>
      <c r="HR31" s="231"/>
      <c r="HS31" s="61">
        <v>1</v>
      </c>
      <c r="HT31" s="61">
        <v>0</v>
      </c>
      <c r="HU31" s="61">
        <v>0</v>
      </c>
      <c r="HV31" s="61">
        <v>0</v>
      </c>
      <c r="HW31" s="61">
        <v>0</v>
      </c>
      <c r="HX31" s="62">
        <v>1</v>
      </c>
      <c r="HY31" s="63">
        <v>1</v>
      </c>
      <c r="HZ31" s="60">
        <v>0</v>
      </c>
      <c r="IA31" s="61">
        <v>0</v>
      </c>
      <c r="IB31" s="62">
        <v>0</v>
      </c>
      <c r="IC31" s="231"/>
      <c r="ID31" s="61">
        <v>2</v>
      </c>
      <c r="IE31" s="61">
        <v>1</v>
      </c>
      <c r="IF31" s="61">
        <v>0</v>
      </c>
      <c r="IG31" s="61">
        <v>0</v>
      </c>
      <c r="IH31" s="61">
        <v>0</v>
      </c>
      <c r="II31" s="62">
        <v>3</v>
      </c>
      <c r="IJ31" s="63">
        <v>3</v>
      </c>
      <c r="IK31" s="60">
        <v>1</v>
      </c>
      <c r="IL31" s="61">
        <v>2</v>
      </c>
      <c r="IM31" s="62">
        <v>3</v>
      </c>
      <c r="IN31" s="231"/>
      <c r="IO31" s="61">
        <v>3</v>
      </c>
      <c r="IP31" s="61">
        <v>3</v>
      </c>
      <c r="IQ31" s="61">
        <v>0</v>
      </c>
      <c r="IR31" s="61">
        <v>0</v>
      </c>
      <c r="IS31" s="61">
        <v>1</v>
      </c>
      <c r="IT31" s="62">
        <v>7</v>
      </c>
      <c r="IU31" s="63">
        <v>10</v>
      </c>
      <c r="IV31" s="60">
        <v>0</v>
      </c>
      <c r="IW31" s="61">
        <v>2</v>
      </c>
      <c r="IX31" s="62">
        <v>2</v>
      </c>
      <c r="IY31" s="231"/>
      <c r="IZ31" s="61">
        <v>3</v>
      </c>
      <c r="JA31" s="61">
        <v>5</v>
      </c>
      <c r="JB31" s="61">
        <v>1</v>
      </c>
      <c r="JC31" s="61">
        <v>0</v>
      </c>
      <c r="JD31" s="61">
        <v>1</v>
      </c>
      <c r="JE31" s="62">
        <v>10</v>
      </c>
      <c r="JF31" s="63">
        <v>12</v>
      </c>
      <c r="JG31" s="60">
        <v>0</v>
      </c>
      <c r="JH31" s="61">
        <v>0</v>
      </c>
      <c r="JI31" s="62">
        <v>0</v>
      </c>
      <c r="JJ31" s="231"/>
      <c r="JK31" s="61">
        <v>3</v>
      </c>
      <c r="JL31" s="61">
        <v>1</v>
      </c>
      <c r="JM31" s="61">
        <v>2</v>
      </c>
      <c r="JN31" s="61">
        <v>1</v>
      </c>
      <c r="JO31" s="61">
        <v>1</v>
      </c>
      <c r="JP31" s="62">
        <v>8</v>
      </c>
      <c r="JQ31" s="63">
        <v>8</v>
      </c>
      <c r="JR31" s="60">
        <v>0</v>
      </c>
      <c r="JS31" s="61">
        <v>0</v>
      </c>
      <c r="JT31" s="62">
        <v>0</v>
      </c>
      <c r="JU31" s="231"/>
      <c r="JV31" s="61">
        <v>0</v>
      </c>
      <c r="JW31" s="61">
        <v>0</v>
      </c>
      <c r="JX31" s="61">
        <v>0</v>
      </c>
      <c r="JY31" s="61">
        <v>0</v>
      </c>
      <c r="JZ31" s="61">
        <v>0</v>
      </c>
      <c r="KA31" s="62">
        <v>0</v>
      </c>
      <c r="KB31" s="63">
        <v>0</v>
      </c>
      <c r="KC31" s="60">
        <v>1</v>
      </c>
      <c r="KD31" s="61">
        <v>4</v>
      </c>
      <c r="KE31" s="62">
        <v>5</v>
      </c>
      <c r="KF31" s="231"/>
      <c r="KG31" s="61">
        <v>12</v>
      </c>
      <c r="KH31" s="61">
        <v>10</v>
      </c>
      <c r="KI31" s="61">
        <v>3</v>
      </c>
      <c r="KJ31" s="61">
        <v>1</v>
      </c>
      <c r="KK31" s="61">
        <v>3</v>
      </c>
      <c r="KL31" s="62">
        <v>29</v>
      </c>
      <c r="KM31" s="63">
        <v>34</v>
      </c>
    </row>
    <row r="32" spans="2:299" ht="21" customHeight="1" x14ac:dyDescent="0.2">
      <c r="B32" s="472" t="s">
        <v>29</v>
      </c>
      <c r="C32" s="293">
        <v>5</v>
      </c>
      <c r="D32" s="72">
        <v>2</v>
      </c>
      <c r="E32" s="73">
        <v>7</v>
      </c>
      <c r="F32" s="228"/>
      <c r="G32" s="72">
        <v>2</v>
      </c>
      <c r="H32" s="72">
        <v>5</v>
      </c>
      <c r="I32" s="72">
        <v>5</v>
      </c>
      <c r="J32" s="72">
        <v>5</v>
      </c>
      <c r="K32" s="72">
        <v>4</v>
      </c>
      <c r="L32" s="74">
        <v>21</v>
      </c>
      <c r="M32" s="75">
        <v>28</v>
      </c>
      <c r="N32" s="60">
        <v>0</v>
      </c>
      <c r="O32" s="61">
        <v>0</v>
      </c>
      <c r="P32" s="62">
        <v>0</v>
      </c>
      <c r="Q32" s="231"/>
      <c r="R32" s="61">
        <v>0</v>
      </c>
      <c r="S32" s="61">
        <v>0</v>
      </c>
      <c r="T32" s="61">
        <v>1</v>
      </c>
      <c r="U32" s="61">
        <v>0</v>
      </c>
      <c r="V32" s="61">
        <v>0</v>
      </c>
      <c r="W32" s="62">
        <v>1</v>
      </c>
      <c r="X32" s="63">
        <v>1</v>
      </c>
      <c r="Y32" s="60">
        <v>0</v>
      </c>
      <c r="Z32" s="61">
        <v>0</v>
      </c>
      <c r="AA32" s="62">
        <v>0</v>
      </c>
      <c r="AB32" s="231"/>
      <c r="AC32" s="61">
        <v>0</v>
      </c>
      <c r="AD32" s="61">
        <v>0</v>
      </c>
      <c r="AE32" s="61">
        <v>0</v>
      </c>
      <c r="AF32" s="61">
        <v>0</v>
      </c>
      <c r="AG32" s="61">
        <v>0</v>
      </c>
      <c r="AH32" s="62">
        <v>0</v>
      </c>
      <c r="AI32" s="63">
        <v>0</v>
      </c>
      <c r="AJ32" s="60">
        <v>1</v>
      </c>
      <c r="AK32" s="61">
        <v>0</v>
      </c>
      <c r="AL32" s="62">
        <v>1</v>
      </c>
      <c r="AM32" s="231"/>
      <c r="AN32" s="61">
        <v>1</v>
      </c>
      <c r="AO32" s="61">
        <v>0</v>
      </c>
      <c r="AP32" s="61">
        <v>1</v>
      </c>
      <c r="AQ32" s="61">
        <v>1</v>
      </c>
      <c r="AR32" s="61">
        <v>1</v>
      </c>
      <c r="AS32" s="62">
        <v>4</v>
      </c>
      <c r="AT32" s="63">
        <v>5</v>
      </c>
      <c r="AU32" s="60">
        <v>2</v>
      </c>
      <c r="AV32" s="61">
        <v>1</v>
      </c>
      <c r="AW32" s="62">
        <v>3</v>
      </c>
      <c r="AX32" s="231"/>
      <c r="AY32" s="61">
        <v>0</v>
      </c>
      <c r="AZ32" s="61">
        <v>0</v>
      </c>
      <c r="BA32" s="61">
        <v>0</v>
      </c>
      <c r="BB32" s="61">
        <v>1</v>
      </c>
      <c r="BC32" s="61">
        <v>1</v>
      </c>
      <c r="BD32" s="62">
        <v>2</v>
      </c>
      <c r="BE32" s="63">
        <v>5</v>
      </c>
      <c r="BF32" s="60">
        <v>1</v>
      </c>
      <c r="BG32" s="61">
        <v>1</v>
      </c>
      <c r="BH32" s="62">
        <v>2</v>
      </c>
      <c r="BI32" s="231"/>
      <c r="BJ32" s="61">
        <v>1</v>
      </c>
      <c r="BK32" s="61">
        <v>2</v>
      </c>
      <c r="BL32" s="61">
        <v>2</v>
      </c>
      <c r="BM32" s="61">
        <v>1</v>
      </c>
      <c r="BN32" s="61">
        <v>1</v>
      </c>
      <c r="BO32" s="62">
        <v>7</v>
      </c>
      <c r="BP32" s="63">
        <v>9</v>
      </c>
      <c r="BQ32" s="60">
        <v>1</v>
      </c>
      <c r="BR32" s="61">
        <v>0</v>
      </c>
      <c r="BS32" s="62">
        <v>1</v>
      </c>
      <c r="BT32" s="231"/>
      <c r="BU32" s="61">
        <v>0</v>
      </c>
      <c r="BV32" s="61">
        <v>3</v>
      </c>
      <c r="BW32" s="61">
        <v>1</v>
      </c>
      <c r="BX32" s="61">
        <v>2</v>
      </c>
      <c r="BY32" s="61">
        <v>1</v>
      </c>
      <c r="BZ32" s="62">
        <v>7</v>
      </c>
      <c r="CA32" s="63">
        <v>8</v>
      </c>
      <c r="CB32" s="60">
        <v>0</v>
      </c>
      <c r="CC32" s="61">
        <v>0</v>
      </c>
      <c r="CD32" s="62">
        <v>0</v>
      </c>
      <c r="CE32" s="231"/>
      <c r="CF32" s="61">
        <v>0</v>
      </c>
      <c r="CG32" s="61">
        <v>0</v>
      </c>
      <c r="CH32" s="61">
        <v>0</v>
      </c>
      <c r="CI32" s="61">
        <v>0</v>
      </c>
      <c r="CJ32" s="61">
        <v>0</v>
      </c>
      <c r="CK32" s="62">
        <v>0</v>
      </c>
      <c r="CL32" s="63">
        <v>0</v>
      </c>
      <c r="CM32" s="60">
        <v>5</v>
      </c>
      <c r="CN32" s="61">
        <v>2</v>
      </c>
      <c r="CO32" s="62">
        <v>7</v>
      </c>
      <c r="CP32" s="231"/>
      <c r="CQ32" s="61">
        <v>2</v>
      </c>
      <c r="CR32" s="61">
        <v>5</v>
      </c>
      <c r="CS32" s="61">
        <v>5</v>
      </c>
      <c r="CT32" s="61">
        <v>5</v>
      </c>
      <c r="CU32" s="61">
        <v>4</v>
      </c>
      <c r="CV32" s="62">
        <v>21</v>
      </c>
      <c r="CW32" s="63">
        <v>28</v>
      </c>
      <c r="CX32" s="113">
        <v>2</v>
      </c>
      <c r="CY32" s="72">
        <v>0</v>
      </c>
      <c r="CZ32" s="73">
        <v>2</v>
      </c>
      <c r="DA32" s="228"/>
      <c r="DB32" s="72">
        <v>1</v>
      </c>
      <c r="DC32" s="72">
        <v>1</v>
      </c>
      <c r="DD32" s="72">
        <v>1</v>
      </c>
      <c r="DE32" s="72">
        <v>1</v>
      </c>
      <c r="DF32" s="72">
        <v>1</v>
      </c>
      <c r="DG32" s="74">
        <v>5</v>
      </c>
      <c r="DH32" s="75">
        <v>7</v>
      </c>
      <c r="DI32" s="60">
        <v>0</v>
      </c>
      <c r="DJ32" s="61">
        <v>0</v>
      </c>
      <c r="DK32" s="62">
        <v>0</v>
      </c>
      <c r="DL32" s="231"/>
      <c r="DM32" s="61">
        <v>0</v>
      </c>
      <c r="DN32" s="61">
        <v>0</v>
      </c>
      <c r="DO32" s="61">
        <v>0</v>
      </c>
      <c r="DP32" s="61">
        <v>0</v>
      </c>
      <c r="DQ32" s="61">
        <v>0</v>
      </c>
      <c r="DR32" s="62">
        <v>0</v>
      </c>
      <c r="DS32" s="63">
        <v>0</v>
      </c>
      <c r="DT32" s="60">
        <v>0</v>
      </c>
      <c r="DU32" s="61">
        <v>0</v>
      </c>
      <c r="DV32" s="62">
        <v>0</v>
      </c>
      <c r="DW32" s="231"/>
      <c r="DX32" s="61">
        <v>0</v>
      </c>
      <c r="DY32" s="61">
        <v>1</v>
      </c>
      <c r="DZ32" s="61">
        <v>0</v>
      </c>
      <c r="EA32" s="61">
        <v>0</v>
      </c>
      <c r="EB32" s="61">
        <v>0</v>
      </c>
      <c r="EC32" s="62">
        <v>1</v>
      </c>
      <c r="ED32" s="63">
        <v>1</v>
      </c>
      <c r="EE32" s="60">
        <v>0</v>
      </c>
      <c r="EF32" s="61">
        <v>0</v>
      </c>
      <c r="EG32" s="62">
        <v>0</v>
      </c>
      <c r="EH32" s="231"/>
      <c r="EI32" s="61">
        <v>0</v>
      </c>
      <c r="EJ32" s="61">
        <v>0</v>
      </c>
      <c r="EK32" s="61">
        <v>0</v>
      </c>
      <c r="EL32" s="61">
        <v>0</v>
      </c>
      <c r="EM32" s="61">
        <v>0</v>
      </c>
      <c r="EN32" s="62">
        <v>0</v>
      </c>
      <c r="EO32" s="63">
        <v>0</v>
      </c>
      <c r="EP32" s="60">
        <v>2</v>
      </c>
      <c r="EQ32" s="61">
        <v>0</v>
      </c>
      <c r="ER32" s="62">
        <v>2</v>
      </c>
      <c r="ES32" s="231"/>
      <c r="ET32" s="61">
        <v>0</v>
      </c>
      <c r="EU32" s="61">
        <v>0</v>
      </c>
      <c r="EV32" s="61">
        <v>0</v>
      </c>
      <c r="EW32" s="61">
        <v>0</v>
      </c>
      <c r="EX32" s="61">
        <v>0</v>
      </c>
      <c r="EY32" s="62">
        <v>0</v>
      </c>
      <c r="EZ32" s="63">
        <v>2</v>
      </c>
      <c r="FA32" s="60">
        <v>0</v>
      </c>
      <c r="FB32" s="61">
        <v>0</v>
      </c>
      <c r="FC32" s="62">
        <v>0</v>
      </c>
      <c r="FD32" s="231"/>
      <c r="FE32" s="61">
        <v>0</v>
      </c>
      <c r="FF32" s="61">
        <v>0</v>
      </c>
      <c r="FG32" s="61">
        <v>0</v>
      </c>
      <c r="FH32" s="61">
        <v>0</v>
      </c>
      <c r="FI32" s="61">
        <v>1</v>
      </c>
      <c r="FJ32" s="62">
        <v>1</v>
      </c>
      <c r="FK32" s="63">
        <v>1</v>
      </c>
      <c r="FL32" s="60">
        <v>0</v>
      </c>
      <c r="FM32" s="61">
        <v>0</v>
      </c>
      <c r="FN32" s="62">
        <v>0</v>
      </c>
      <c r="FO32" s="231"/>
      <c r="FP32" s="61">
        <v>1</v>
      </c>
      <c r="FQ32" s="61">
        <v>0</v>
      </c>
      <c r="FR32" s="61">
        <v>1</v>
      </c>
      <c r="FS32" s="61">
        <v>1</v>
      </c>
      <c r="FT32" s="61">
        <v>0</v>
      </c>
      <c r="FU32" s="62">
        <v>3</v>
      </c>
      <c r="FV32" s="63">
        <v>3</v>
      </c>
      <c r="FW32" s="60">
        <v>0</v>
      </c>
      <c r="FX32" s="61">
        <v>0</v>
      </c>
      <c r="FY32" s="62">
        <v>0</v>
      </c>
      <c r="FZ32" s="231"/>
      <c r="GA32" s="61">
        <v>0</v>
      </c>
      <c r="GB32" s="61">
        <v>0</v>
      </c>
      <c r="GC32" s="61">
        <v>0</v>
      </c>
      <c r="GD32" s="61">
        <v>0</v>
      </c>
      <c r="GE32" s="61">
        <v>0</v>
      </c>
      <c r="GF32" s="62">
        <v>0</v>
      </c>
      <c r="GG32" s="63">
        <v>0</v>
      </c>
      <c r="GH32" s="60">
        <v>2</v>
      </c>
      <c r="GI32" s="61">
        <v>0</v>
      </c>
      <c r="GJ32" s="62">
        <v>2</v>
      </c>
      <c r="GK32" s="231"/>
      <c r="GL32" s="61">
        <v>1</v>
      </c>
      <c r="GM32" s="61">
        <v>1</v>
      </c>
      <c r="GN32" s="61">
        <v>1</v>
      </c>
      <c r="GO32" s="61">
        <v>1</v>
      </c>
      <c r="GP32" s="61">
        <v>1</v>
      </c>
      <c r="GQ32" s="62">
        <v>5</v>
      </c>
      <c r="GR32" s="63">
        <v>7</v>
      </c>
      <c r="GS32" s="113">
        <v>7</v>
      </c>
      <c r="GT32" s="72">
        <v>2</v>
      </c>
      <c r="GU32" s="73">
        <v>9</v>
      </c>
      <c r="GV32" s="228"/>
      <c r="GW32" s="72">
        <v>3</v>
      </c>
      <c r="GX32" s="72">
        <v>6</v>
      </c>
      <c r="GY32" s="72">
        <v>6</v>
      </c>
      <c r="GZ32" s="72">
        <v>6</v>
      </c>
      <c r="HA32" s="72">
        <v>5</v>
      </c>
      <c r="HB32" s="74">
        <v>26</v>
      </c>
      <c r="HC32" s="75">
        <v>35</v>
      </c>
      <c r="HD32" s="60">
        <v>0</v>
      </c>
      <c r="HE32" s="61">
        <v>0</v>
      </c>
      <c r="HF32" s="62">
        <v>0</v>
      </c>
      <c r="HG32" s="231"/>
      <c r="HH32" s="61">
        <v>0</v>
      </c>
      <c r="HI32" s="61">
        <v>0</v>
      </c>
      <c r="HJ32" s="61">
        <v>1</v>
      </c>
      <c r="HK32" s="61">
        <v>0</v>
      </c>
      <c r="HL32" s="61">
        <v>0</v>
      </c>
      <c r="HM32" s="62">
        <v>1</v>
      </c>
      <c r="HN32" s="63">
        <v>1</v>
      </c>
      <c r="HO32" s="60">
        <v>0</v>
      </c>
      <c r="HP32" s="61">
        <v>0</v>
      </c>
      <c r="HQ32" s="62">
        <v>0</v>
      </c>
      <c r="HR32" s="231"/>
      <c r="HS32" s="61">
        <v>0</v>
      </c>
      <c r="HT32" s="61">
        <v>1</v>
      </c>
      <c r="HU32" s="61">
        <v>0</v>
      </c>
      <c r="HV32" s="61">
        <v>0</v>
      </c>
      <c r="HW32" s="61">
        <v>0</v>
      </c>
      <c r="HX32" s="62">
        <v>1</v>
      </c>
      <c r="HY32" s="63">
        <v>1</v>
      </c>
      <c r="HZ32" s="60">
        <v>1</v>
      </c>
      <c r="IA32" s="61">
        <v>0</v>
      </c>
      <c r="IB32" s="62">
        <v>1</v>
      </c>
      <c r="IC32" s="231"/>
      <c r="ID32" s="61">
        <v>1</v>
      </c>
      <c r="IE32" s="61">
        <v>0</v>
      </c>
      <c r="IF32" s="61">
        <v>1</v>
      </c>
      <c r="IG32" s="61">
        <v>1</v>
      </c>
      <c r="IH32" s="61">
        <v>1</v>
      </c>
      <c r="II32" s="62">
        <v>4</v>
      </c>
      <c r="IJ32" s="63">
        <v>5</v>
      </c>
      <c r="IK32" s="60">
        <v>4</v>
      </c>
      <c r="IL32" s="61">
        <v>1</v>
      </c>
      <c r="IM32" s="62">
        <v>5</v>
      </c>
      <c r="IN32" s="231"/>
      <c r="IO32" s="61">
        <v>0</v>
      </c>
      <c r="IP32" s="61">
        <v>0</v>
      </c>
      <c r="IQ32" s="61">
        <v>0</v>
      </c>
      <c r="IR32" s="61">
        <v>1</v>
      </c>
      <c r="IS32" s="61">
        <v>1</v>
      </c>
      <c r="IT32" s="62">
        <v>2</v>
      </c>
      <c r="IU32" s="63">
        <v>7</v>
      </c>
      <c r="IV32" s="60">
        <v>1</v>
      </c>
      <c r="IW32" s="61">
        <v>1</v>
      </c>
      <c r="IX32" s="62">
        <v>2</v>
      </c>
      <c r="IY32" s="231"/>
      <c r="IZ32" s="61">
        <v>1</v>
      </c>
      <c r="JA32" s="61">
        <v>2</v>
      </c>
      <c r="JB32" s="61">
        <v>2</v>
      </c>
      <c r="JC32" s="61">
        <v>1</v>
      </c>
      <c r="JD32" s="61">
        <v>2</v>
      </c>
      <c r="JE32" s="62">
        <v>8</v>
      </c>
      <c r="JF32" s="63">
        <v>10</v>
      </c>
      <c r="JG32" s="60">
        <v>1</v>
      </c>
      <c r="JH32" s="61">
        <v>0</v>
      </c>
      <c r="JI32" s="62">
        <v>1</v>
      </c>
      <c r="JJ32" s="231"/>
      <c r="JK32" s="61">
        <v>1</v>
      </c>
      <c r="JL32" s="61">
        <v>3</v>
      </c>
      <c r="JM32" s="61">
        <v>2</v>
      </c>
      <c r="JN32" s="61">
        <v>3</v>
      </c>
      <c r="JO32" s="61">
        <v>1</v>
      </c>
      <c r="JP32" s="62">
        <v>10</v>
      </c>
      <c r="JQ32" s="63">
        <v>11</v>
      </c>
      <c r="JR32" s="60">
        <v>0</v>
      </c>
      <c r="JS32" s="61">
        <v>0</v>
      </c>
      <c r="JT32" s="62">
        <v>0</v>
      </c>
      <c r="JU32" s="231"/>
      <c r="JV32" s="61">
        <v>0</v>
      </c>
      <c r="JW32" s="61">
        <v>0</v>
      </c>
      <c r="JX32" s="61">
        <v>0</v>
      </c>
      <c r="JY32" s="61">
        <v>0</v>
      </c>
      <c r="JZ32" s="61">
        <v>0</v>
      </c>
      <c r="KA32" s="62">
        <v>0</v>
      </c>
      <c r="KB32" s="63">
        <v>0</v>
      </c>
      <c r="KC32" s="60">
        <v>7</v>
      </c>
      <c r="KD32" s="61">
        <v>2</v>
      </c>
      <c r="KE32" s="62">
        <v>9</v>
      </c>
      <c r="KF32" s="231"/>
      <c r="KG32" s="61">
        <v>3</v>
      </c>
      <c r="KH32" s="61">
        <v>6</v>
      </c>
      <c r="KI32" s="61">
        <v>6</v>
      </c>
      <c r="KJ32" s="61">
        <v>6</v>
      </c>
      <c r="KK32" s="61">
        <v>5</v>
      </c>
      <c r="KL32" s="62">
        <v>26</v>
      </c>
      <c r="KM32" s="63">
        <v>35</v>
      </c>
    </row>
    <row r="33" spans="2:299" ht="21" customHeight="1" x14ac:dyDescent="0.2">
      <c r="B33" s="472" t="s">
        <v>30</v>
      </c>
      <c r="C33" s="293">
        <v>4</v>
      </c>
      <c r="D33" s="72">
        <v>4</v>
      </c>
      <c r="E33" s="73">
        <v>8</v>
      </c>
      <c r="F33" s="228"/>
      <c r="G33" s="72">
        <v>4</v>
      </c>
      <c r="H33" s="72">
        <v>1</v>
      </c>
      <c r="I33" s="72">
        <v>3</v>
      </c>
      <c r="J33" s="72">
        <v>7</v>
      </c>
      <c r="K33" s="72">
        <v>0</v>
      </c>
      <c r="L33" s="74">
        <v>15</v>
      </c>
      <c r="M33" s="75">
        <v>23</v>
      </c>
      <c r="N33" s="60">
        <v>0</v>
      </c>
      <c r="O33" s="61">
        <v>0</v>
      </c>
      <c r="P33" s="62">
        <v>0</v>
      </c>
      <c r="Q33" s="231"/>
      <c r="R33" s="61">
        <v>0</v>
      </c>
      <c r="S33" s="61">
        <v>0</v>
      </c>
      <c r="T33" s="61">
        <v>0</v>
      </c>
      <c r="U33" s="61">
        <v>0</v>
      </c>
      <c r="V33" s="61">
        <v>0</v>
      </c>
      <c r="W33" s="62">
        <v>0</v>
      </c>
      <c r="X33" s="63">
        <v>0</v>
      </c>
      <c r="Y33" s="60">
        <v>1</v>
      </c>
      <c r="Z33" s="61">
        <v>0</v>
      </c>
      <c r="AA33" s="62">
        <v>1</v>
      </c>
      <c r="AB33" s="231"/>
      <c r="AC33" s="61">
        <v>0</v>
      </c>
      <c r="AD33" s="61">
        <v>0</v>
      </c>
      <c r="AE33" s="61">
        <v>0</v>
      </c>
      <c r="AF33" s="61">
        <v>0</v>
      </c>
      <c r="AG33" s="61">
        <v>0</v>
      </c>
      <c r="AH33" s="62">
        <v>0</v>
      </c>
      <c r="AI33" s="63">
        <v>1</v>
      </c>
      <c r="AJ33" s="60">
        <v>0</v>
      </c>
      <c r="AK33" s="61">
        <v>0</v>
      </c>
      <c r="AL33" s="62">
        <v>0</v>
      </c>
      <c r="AM33" s="231"/>
      <c r="AN33" s="61">
        <v>0</v>
      </c>
      <c r="AO33" s="61">
        <v>0</v>
      </c>
      <c r="AP33" s="61">
        <v>0</v>
      </c>
      <c r="AQ33" s="61">
        <v>0</v>
      </c>
      <c r="AR33" s="61">
        <v>0</v>
      </c>
      <c r="AS33" s="62">
        <v>0</v>
      </c>
      <c r="AT33" s="63">
        <v>0</v>
      </c>
      <c r="AU33" s="60">
        <v>0</v>
      </c>
      <c r="AV33" s="61">
        <v>1</v>
      </c>
      <c r="AW33" s="62">
        <v>1</v>
      </c>
      <c r="AX33" s="231"/>
      <c r="AY33" s="61">
        <v>1</v>
      </c>
      <c r="AZ33" s="61">
        <v>0</v>
      </c>
      <c r="BA33" s="61">
        <v>1</v>
      </c>
      <c r="BB33" s="61">
        <v>1</v>
      </c>
      <c r="BC33" s="61">
        <v>0</v>
      </c>
      <c r="BD33" s="62">
        <v>3</v>
      </c>
      <c r="BE33" s="63">
        <v>4</v>
      </c>
      <c r="BF33" s="60">
        <v>2</v>
      </c>
      <c r="BG33" s="61">
        <v>1</v>
      </c>
      <c r="BH33" s="62">
        <v>3</v>
      </c>
      <c r="BI33" s="231"/>
      <c r="BJ33" s="61">
        <v>1</v>
      </c>
      <c r="BK33" s="61">
        <v>1</v>
      </c>
      <c r="BL33" s="61">
        <v>0</v>
      </c>
      <c r="BM33" s="61">
        <v>1</v>
      </c>
      <c r="BN33" s="61">
        <v>0</v>
      </c>
      <c r="BO33" s="62">
        <v>3</v>
      </c>
      <c r="BP33" s="63">
        <v>6</v>
      </c>
      <c r="BQ33" s="60">
        <v>1</v>
      </c>
      <c r="BR33" s="61">
        <v>2</v>
      </c>
      <c r="BS33" s="62">
        <v>3</v>
      </c>
      <c r="BT33" s="231"/>
      <c r="BU33" s="61">
        <v>2</v>
      </c>
      <c r="BV33" s="61">
        <v>0</v>
      </c>
      <c r="BW33" s="61">
        <v>2</v>
      </c>
      <c r="BX33" s="61">
        <v>5</v>
      </c>
      <c r="BY33" s="61">
        <v>0</v>
      </c>
      <c r="BZ33" s="62">
        <v>9</v>
      </c>
      <c r="CA33" s="63">
        <v>12</v>
      </c>
      <c r="CB33" s="60">
        <v>0</v>
      </c>
      <c r="CC33" s="61">
        <v>0</v>
      </c>
      <c r="CD33" s="62">
        <v>0</v>
      </c>
      <c r="CE33" s="231"/>
      <c r="CF33" s="61">
        <v>0</v>
      </c>
      <c r="CG33" s="61">
        <v>0</v>
      </c>
      <c r="CH33" s="61">
        <v>0</v>
      </c>
      <c r="CI33" s="61">
        <v>0</v>
      </c>
      <c r="CJ33" s="61">
        <v>0</v>
      </c>
      <c r="CK33" s="62">
        <v>0</v>
      </c>
      <c r="CL33" s="63">
        <v>0</v>
      </c>
      <c r="CM33" s="60">
        <v>4</v>
      </c>
      <c r="CN33" s="61">
        <v>4</v>
      </c>
      <c r="CO33" s="62">
        <v>8</v>
      </c>
      <c r="CP33" s="231"/>
      <c r="CQ33" s="61">
        <v>4</v>
      </c>
      <c r="CR33" s="61">
        <v>1</v>
      </c>
      <c r="CS33" s="61">
        <v>3</v>
      </c>
      <c r="CT33" s="61">
        <v>7</v>
      </c>
      <c r="CU33" s="61">
        <v>0</v>
      </c>
      <c r="CV33" s="62">
        <v>15</v>
      </c>
      <c r="CW33" s="63">
        <v>23</v>
      </c>
      <c r="CX33" s="113">
        <v>0</v>
      </c>
      <c r="CY33" s="72">
        <v>0</v>
      </c>
      <c r="CZ33" s="73">
        <v>0</v>
      </c>
      <c r="DA33" s="228"/>
      <c r="DB33" s="72">
        <v>2</v>
      </c>
      <c r="DC33" s="72">
        <v>1</v>
      </c>
      <c r="DD33" s="72">
        <v>1</v>
      </c>
      <c r="DE33" s="72">
        <v>1</v>
      </c>
      <c r="DF33" s="72">
        <v>1</v>
      </c>
      <c r="DG33" s="74">
        <v>6</v>
      </c>
      <c r="DH33" s="75">
        <v>6</v>
      </c>
      <c r="DI33" s="60">
        <v>0</v>
      </c>
      <c r="DJ33" s="61">
        <v>0</v>
      </c>
      <c r="DK33" s="62">
        <v>0</v>
      </c>
      <c r="DL33" s="231"/>
      <c r="DM33" s="61">
        <v>0</v>
      </c>
      <c r="DN33" s="61">
        <v>0</v>
      </c>
      <c r="DO33" s="61">
        <v>0</v>
      </c>
      <c r="DP33" s="61">
        <v>0</v>
      </c>
      <c r="DQ33" s="61">
        <v>0</v>
      </c>
      <c r="DR33" s="62">
        <v>0</v>
      </c>
      <c r="DS33" s="63">
        <v>0</v>
      </c>
      <c r="DT33" s="60">
        <v>0</v>
      </c>
      <c r="DU33" s="61">
        <v>0</v>
      </c>
      <c r="DV33" s="62">
        <v>0</v>
      </c>
      <c r="DW33" s="231"/>
      <c r="DX33" s="61">
        <v>0</v>
      </c>
      <c r="DY33" s="61">
        <v>0</v>
      </c>
      <c r="DZ33" s="61">
        <v>0</v>
      </c>
      <c r="EA33" s="61">
        <v>0</v>
      </c>
      <c r="EB33" s="61">
        <v>0</v>
      </c>
      <c r="EC33" s="62">
        <v>0</v>
      </c>
      <c r="ED33" s="63">
        <v>0</v>
      </c>
      <c r="EE33" s="60">
        <v>0</v>
      </c>
      <c r="EF33" s="61">
        <v>0</v>
      </c>
      <c r="EG33" s="62">
        <v>0</v>
      </c>
      <c r="EH33" s="231"/>
      <c r="EI33" s="61">
        <v>0</v>
      </c>
      <c r="EJ33" s="61">
        <v>0</v>
      </c>
      <c r="EK33" s="61">
        <v>0</v>
      </c>
      <c r="EL33" s="61">
        <v>0</v>
      </c>
      <c r="EM33" s="61">
        <v>0</v>
      </c>
      <c r="EN33" s="62">
        <v>0</v>
      </c>
      <c r="EO33" s="63">
        <v>0</v>
      </c>
      <c r="EP33" s="60">
        <v>0</v>
      </c>
      <c r="EQ33" s="61">
        <v>0</v>
      </c>
      <c r="ER33" s="62">
        <v>0</v>
      </c>
      <c r="ES33" s="231"/>
      <c r="ET33" s="61">
        <v>1</v>
      </c>
      <c r="EU33" s="61">
        <v>1</v>
      </c>
      <c r="EV33" s="61">
        <v>0</v>
      </c>
      <c r="EW33" s="61">
        <v>0</v>
      </c>
      <c r="EX33" s="61">
        <v>0</v>
      </c>
      <c r="EY33" s="62">
        <v>2</v>
      </c>
      <c r="EZ33" s="63">
        <v>2</v>
      </c>
      <c r="FA33" s="60">
        <v>0</v>
      </c>
      <c r="FB33" s="61">
        <v>0</v>
      </c>
      <c r="FC33" s="62">
        <v>0</v>
      </c>
      <c r="FD33" s="231"/>
      <c r="FE33" s="61">
        <v>1</v>
      </c>
      <c r="FF33" s="61">
        <v>0</v>
      </c>
      <c r="FG33" s="61">
        <v>0</v>
      </c>
      <c r="FH33" s="61">
        <v>0</v>
      </c>
      <c r="FI33" s="61">
        <v>1</v>
      </c>
      <c r="FJ33" s="62">
        <v>2</v>
      </c>
      <c r="FK33" s="63">
        <v>2</v>
      </c>
      <c r="FL33" s="60">
        <v>0</v>
      </c>
      <c r="FM33" s="61">
        <v>0</v>
      </c>
      <c r="FN33" s="62">
        <v>0</v>
      </c>
      <c r="FO33" s="231"/>
      <c r="FP33" s="61">
        <v>0</v>
      </c>
      <c r="FQ33" s="61">
        <v>0</v>
      </c>
      <c r="FR33" s="61">
        <v>1</v>
      </c>
      <c r="FS33" s="61">
        <v>1</v>
      </c>
      <c r="FT33" s="61">
        <v>0</v>
      </c>
      <c r="FU33" s="62">
        <v>2</v>
      </c>
      <c r="FV33" s="63">
        <v>2</v>
      </c>
      <c r="FW33" s="60">
        <v>0</v>
      </c>
      <c r="FX33" s="61">
        <v>0</v>
      </c>
      <c r="FY33" s="62">
        <v>0</v>
      </c>
      <c r="FZ33" s="231"/>
      <c r="GA33" s="61">
        <v>0</v>
      </c>
      <c r="GB33" s="61">
        <v>0</v>
      </c>
      <c r="GC33" s="61">
        <v>0</v>
      </c>
      <c r="GD33" s="61">
        <v>0</v>
      </c>
      <c r="GE33" s="61">
        <v>0</v>
      </c>
      <c r="GF33" s="62">
        <v>0</v>
      </c>
      <c r="GG33" s="63">
        <v>0</v>
      </c>
      <c r="GH33" s="60">
        <v>0</v>
      </c>
      <c r="GI33" s="61">
        <v>0</v>
      </c>
      <c r="GJ33" s="62">
        <v>0</v>
      </c>
      <c r="GK33" s="231"/>
      <c r="GL33" s="61">
        <v>2</v>
      </c>
      <c r="GM33" s="61">
        <v>1</v>
      </c>
      <c r="GN33" s="61">
        <v>1</v>
      </c>
      <c r="GO33" s="61">
        <v>1</v>
      </c>
      <c r="GP33" s="61">
        <v>1</v>
      </c>
      <c r="GQ33" s="62">
        <v>6</v>
      </c>
      <c r="GR33" s="63">
        <v>6</v>
      </c>
      <c r="GS33" s="113">
        <v>4</v>
      </c>
      <c r="GT33" s="72">
        <v>4</v>
      </c>
      <c r="GU33" s="73">
        <v>8</v>
      </c>
      <c r="GV33" s="228"/>
      <c r="GW33" s="72">
        <v>6</v>
      </c>
      <c r="GX33" s="72">
        <v>2</v>
      </c>
      <c r="GY33" s="72">
        <v>4</v>
      </c>
      <c r="GZ33" s="72">
        <v>8</v>
      </c>
      <c r="HA33" s="72">
        <v>1</v>
      </c>
      <c r="HB33" s="74">
        <v>21</v>
      </c>
      <c r="HC33" s="75">
        <v>29</v>
      </c>
      <c r="HD33" s="60">
        <v>0</v>
      </c>
      <c r="HE33" s="61">
        <v>0</v>
      </c>
      <c r="HF33" s="62">
        <v>0</v>
      </c>
      <c r="HG33" s="231"/>
      <c r="HH33" s="61">
        <v>0</v>
      </c>
      <c r="HI33" s="61">
        <v>0</v>
      </c>
      <c r="HJ33" s="61">
        <v>0</v>
      </c>
      <c r="HK33" s="61">
        <v>0</v>
      </c>
      <c r="HL33" s="61">
        <v>0</v>
      </c>
      <c r="HM33" s="62">
        <v>0</v>
      </c>
      <c r="HN33" s="63">
        <v>0</v>
      </c>
      <c r="HO33" s="60">
        <v>1</v>
      </c>
      <c r="HP33" s="61">
        <v>0</v>
      </c>
      <c r="HQ33" s="62">
        <v>1</v>
      </c>
      <c r="HR33" s="231"/>
      <c r="HS33" s="61">
        <v>0</v>
      </c>
      <c r="HT33" s="61">
        <v>0</v>
      </c>
      <c r="HU33" s="61">
        <v>0</v>
      </c>
      <c r="HV33" s="61">
        <v>0</v>
      </c>
      <c r="HW33" s="61">
        <v>0</v>
      </c>
      <c r="HX33" s="62">
        <v>0</v>
      </c>
      <c r="HY33" s="63">
        <v>1</v>
      </c>
      <c r="HZ33" s="60">
        <v>0</v>
      </c>
      <c r="IA33" s="61">
        <v>0</v>
      </c>
      <c r="IB33" s="62">
        <v>0</v>
      </c>
      <c r="IC33" s="231"/>
      <c r="ID33" s="61">
        <v>0</v>
      </c>
      <c r="IE33" s="61">
        <v>0</v>
      </c>
      <c r="IF33" s="61">
        <v>0</v>
      </c>
      <c r="IG33" s="61">
        <v>0</v>
      </c>
      <c r="IH33" s="61">
        <v>0</v>
      </c>
      <c r="II33" s="62">
        <v>0</v>
      </c>
      <c r="IJ33" s="63">
        <v>0</v>
      </c>
      <c r="IK33" s="60">
        <v>0</v>
      </c>
      <c r="IL33" s="61">
        <v>1</v>
      </c>
      <c r="IM33" s="62">
        <v>1</v>
      </c>
      <c r="IN33" s="231"/>
      <c r="IO33" s="61">
        <v>2</v>
      </c>
      <c r="IP33" s="61">
        <v>1</v>
      </c>
      <c r="IQ33" s="61">
        <v>1</v>
      </c>
      <c r="IR33" s="61">
        <v>1</v>
      </c>
      <c r="IS33" s="61">
        <v>0</v>
      </c>
      <c r="IT33" s="62">
        <v>5</v>
      </c>
      <c r="IU33" s="63">
        <v>6</v>
      </c>
      <c r="IV33" s="60">
        <v>2</v>
      </c>
      <c r="IW33" s="61">
        <v>1</v>
      </c>
      <c r="IX33" s="62">
        <v>3</v>
      </c>
      <c r="IY33" s="231"/>
      <c r="IZ33" s="61">
        <v>2</v>
      </c>
      <c r="JA33" s="61">
        <v>1</v>
      </c>
      <c r="JB33" s="61">
        <v>0</v>
      </c>
      <c r="JC33" s="61">
        <v>1</v>
      </c>
      <c r="JD33" s="61">
        <v>1</v>
      </c>
      <c r="JE33" s="62">
        <v>5</v>
      </c>
      <c r="JF33" s="63">
        <v>8</v>
      </c>
      <c r="JG33" s="60">
        <v>1</v>
      </c>
      <c r="JH33" s="61">
        <v>2</v>
      </c>
      <c r="JI33" s="62">
        <v>3</v>
      </c>
      <c r="JJ33" s="231"/>
      <c r="JK33" s="61">
        <v>2</v>
      </c>
      <c r="JL33" s="61">
        <v>0</v>
      </c>
      <c r="JM33" s="61">
        <v>3</v>
      </c>
      <c r="JN33" s="61">
        <v>6</v>
      </c>
      <c r="JO33" s="61">
        <v>0</v>
      </c>
      <c r="JP33" s="62">
        <v>11</v>
      </c>
      <c r="JQ33" s="63">
        <v>14</v>
      </c>
      <c r="JR33" s="60">
        <v>0</v>
      </c>
      <c r="JS33" s="61">
        <v>0</v>
      </c>
      <c r="JT33" s="62">
        <v>0</v>
      </c>
      <c r="JU33" s="231"/>
      <c r="JV33" s="61">
        <v>0</v>
      </c>
      <c r="JW33" s="61">
        <v>0</v>
      </c>
      <c r="JX33" s="61">
        <v>0</v>
      </c>
      <c r="JY33" s="61">
        <v>0</v>
      </c>
      <c r="JZ33" s="61">
        <v>0</v>
      </c>
      <c r="KA33" s="62">
        <v>0</v>
      </c>
      <c r="KB33" s="63">
        <v>0</v>
      </c>
      <c r="KC33" s="60">
        <v>4</v>
      </c>
      <c r="KD33" s="61">
        <v>4</v>
      </c>
      <c r="KE33" s="62">
        <v>8</v>
      </c>
      <c r="KF33" s="231"/>
      <c r="KG33" s="61">
        <v>6</v>
      </c>
      <c r="KH33" s="61">
        <v>2</v>
      </c>
      <c r="KI33" s="61">
        <v>4</v>
      </c>
      <c r="KJ33" s="61">
        <v>8</v>
      </c>
      <c r="KK33" s="61">
        <v>1</v>
      </c>
      <c r="KL33" s="62">
        <v>21</v>
      </c>
      <c r="KM33" s="63">
        <v>29</v>
      </c>
    </row>
    <row r="34" spans="2:299" ht="21" customHeight="1" x14ac:dyDescent="0.2">
      <c r="B34" s="472" t="s">
        <v>31</v>
      </c>
      <c r="C34" s="293">
        <v>3</v>
      </c>
      <c r="D34" s="72">
        <v>5</v>
      </c>
      <c r="E34" s="73">
        <v>8</v>
      </c>
      <c r="F34" s="228"/>
      <c r="G34" s="72">
        <v>8</v>
      </c>
      <c r="H34" s="72">
        <v>6</v>
      </c>
      <c r="I34" s="72">
        <v>7</v>
      </c>
      <c r="J34" s="72">
        <v>2</v>
      </c>
      <c r="K34" s="72">
        <v>0</v>
      </c>
      <c r="L34" s="74">
        <v>23</v>
      </c>
      <c r="M34" s="75">
        <v>31</v>
      </c>
      <c r="N34" s="60">
        <v>0</v>
      </c>
      <c r="O34" s="61">
        <v>0</v>
      </c>
      <c r="P34" s="62">
        <v>0</v>
      </c>
      <c r="Q34" s="231"/>
      <c r="R34" s="61">
        <v>1</v>
      </c>
      <c r="S34" s="61">
        <v>0</v>
      </c>
      <c r="T34" s="61">
        <v>0</v>
      </c>
      <c r="U34" s="61">
        <v>0</v>
      </c>
      <c r="V34" s="61">
        <v>0</v>
      </c>
      <c r="W34" s="62">
        <v>1</v>
      </c>
      <c r="X34" s="63">
        <v>1</v>
      </c>
      <c r="Y34" s="60">
        <v>0</v>
      </c>
      <c r="Z34" s="61">
        <v>0</v>
      </c>
      <c r="AA34" s="62">
        <v>0</v>
      </c>
      <c r="AB34" s="231"/>
      <c r="AC34" s="61">
        <v>0</v>
      </c>
      <c r="AD34" s="61">
        <v>0</v>
      </c>
      <c r="AE34" s="61">
        <v>0</v>
      </c>
      <c r="AF34" s="61">
        <v>0</v>
      </c>
      <c r="AG34" s="61">
        <v>0</v>
      </c>
      <c r="AH34" s="62">
        <v>0</v>
      </c>
      <c r="AI34" s="63">
        <v>0</v>
      </c>
      <c r="AJ34" s="60">
        <v>0</v>
      </c>
      <c r="AK34" s="61">
        <v>1</v>
      </c>
      <c r="AL34" s="62">
        <v>1</v>
      </c>
      <c r="AM34" s="231"/>
      <c r="AN34" s="61">
        <v>0</v>
      </c>
      <c r="AO34" s="61">
        <v>0</v>
      </c>
      <c r="AP34" s="61">
        <v>1</v>
      </c>
      <c r="AQ34" s="61">
        <v>0</v>
      </c>
      <c r="AR34" s="61">
        <v>0</v>
      </c>
      <c r="AS34" s="62">
        <v>1</v>
      </c>
      <c r="AT34" s="63">
        <v>2</v>
      </c>
      <c r="AU34" s="60">
        <v>0</v>
      </c>
      <c r="AV34" s="61">
        <v>1</v>
      </c>
      <c r="AW34" s="62">
        <v>1</v>
      </c>
      <c r="AX34" s="231"/>
      <c r="AY34" s="61">
        <v>1</v>
      </c>
      <c r="AZ34" s="61">
        <v>1</v>
      </c>
      <c r="BA34" s="61">
        <v>1</v>
      </c>
      <c r="BB34" s="61">
        <v>1</v>
      </c>
      <c r="BC34" s="61">
        <v>0</v>
      </c>
      <c r="BD34" s="62">
        <v>4</v>
      </c>
      <c r="BE34" s="63">
        <v>5</v>
      </c>
      <c r="BF34" s="60">
        <v>0</v>
      </c>
      <c r="BG34" s="61">
        <v>2</v>
      </c>
      <c r="BH34" s="62">
        <v>2</v>
      </c>
      <c r="BI34" s="231"/>
      <c r="BJ34" s="61">
        <v>3</v>
      </c>
      <c r="BK34" s="61">
        <v>2</v>
      </c>
      <c r="BL34" s="61">
        <v>1</v>
      </c>
      <c r="BM34" s="61">
        <v>1</v>
      </c>
      <c r="BN34" s="61">
        <v>0</v>
      </c>
      <c r="BO34" s="62">
        <v>7</v>
      </c>
      <c r="BP34" s="63">
        <v>9</v>
      </c>
      <c r="BQ34" s="60">
        <v>3</v>
      </c>
      <c r="BR34" s="61">
        <v>1</v>
      </c>
      <c r="BS34" s="62">
        <v>4</v>
      </c>
      <c r="BT34" s="231"/>
      <c r="BU34" s="61">
        <v>3</v>
      </c>
      <c r="BV34" s="61">
        <v>3</v>
      </c>
      <c r="BW34" s="61">
        <v>4</v>
      </c>
      <c r="BX34" s="61">
        <v>0</v>
      </c>
      <c r="BY34" s="61">
        <v>0</v>
      </c>
      <c r="BZ34" s="62">
        <v>10</v>
      </c>
      <c r="CA34" s="63">
        <v>14</v>
      </c>
      <c r="CB34" s="60">
        <v>0</v>
      </c>
      <c r="CC34" s="61">
        <v>0</v>
      </c>
      <c r="CD34" s="62">
        <v>0</v>
      </c>
      <c r="CE34" s="231"/>
      <c r="CF34" s="61">
        <v>0</v>
      </c>
      <c r="CG34" s="61">
        <v>0</v>
      </c>
      <c r="CH34" s="61">
        <v>0</v>
      </c>
      <c r="CI34" s="61">
        <v>0</v>
      </c>
      <c r="CJ34" s="61">
        <v>0</v>
      </c>
      <c r="CK34" s="62">
        <v>0</v>
      </c>
      <c r="CL34" s="63">
        <v>0</v>
      </c>
      <c r="CM34" s="60">
        <v>3</v>
      </c>
      <c r="CN34" s="61">
        <v>5</v>
      </c>
      <c r="CO34" s="62">
        <v>8</v>
      </c>
      <c r="CP34" s="231"/>
      <c r="CQ34" s="61">
        <v>8</v>
      </c>
      <c r="CR34" s="61">
        <v>6</v>
      </c>
      <c r="CS34" s="61">
        <v>7</v>
      </c>
      <c r="CT34" s="61">
        <v>2</v>
      </c>
      <c r="CU34" s="61">
        <v>0</v>
      </c>
      <c r="CV34" s="62">
        <v>23</v>
      </c>
      <c r="CW34" s="63">
        <v>31</v>
      </c>
      <c r="CX34" s="113">
        <v>3</v>
      </c>
      <c r="CY34" s="72">
        <v>0</v>
      </c>
      <c r="CZ34" s="73">
        <v>3</v>
      </c>
      <c r="DA34" s="228"/>
      <c r="DB34" s="72">
        <v>0</v>
      </c>
      <c r="DC34" s="72">
        <v>1</v>
      </c>
      <c r="DD34" s="72">
        <v>0</v>
      </c>
      <c r="DE34" s="72">
        <v>1</v>
      </c>
      <c r="DF34" s="72">
        <v>1</v>
      </c>
      <c r="DG34" s="74">
        <v>3</v>
      </c>
      <c r="DH34" s="75">
        <v>6</v>
      </c>
      <c r="DI34" s="60">
        <v>0</v>
      </c>
      <c r="DJ34" s="61">
        <v>0</v>
      </c>
      <c r="DK34" s="62">
        <v>0</v>
      </c>
      <c r="DL34" s="231"/>
      <c r="DM34" s="61">
        <v>0</v>
      </c>
      <c r="DN34" s="61">
        <v>0</v>
      </c>
      <c r="DO34" s="61">
        <v>0</v>
      </c>
      <c r="DP34" s="61">
        <v>0</v>
      </c>
      <c r="DQ34" s="61">
        <v>0</v>
      </c>
      <c r="DR34" s="62">
        <v>0</v>
      </c>
      <c r="DS34" s="63">
        <v>0</v>
      </c>
      <c r="DT34" s="60">
        <v>0</v>
      </c>
      <c r="DU34" s="61">
        <v>0</v>
      </c>
      <c r="DV34" s="62">
        <v>0</v>
      </c>
      <c r="DW34" s="231"/>
      <c r="DX34" s="61">
        <v>0</v>
      </c>
      <c r="DY34" s="61">
        <v>0</v>
      </c>
      <c r="DZ34" s="61">
        <v>0</v>
      </c>
      <c r="EA34" s="61">
        <v>0</v>
      </c>
      <c r="EB34" s="61">
        <v>0</v>
      </c>
      <c r="EC34" s="62">
        <v>0</v>
      </c>
      <c r="ED34" s="63">
        <v>0</v>
      </c>
      <c r="EE34" s="60">
        <v>0</v>
      </c>
      <c r="EF34" s="61">
        <v>0</v>
      </c>
      <c r="EG34" s="62">
        <v>0</v>
      </c>
      <c r="EH34" s="231"/>
      <c r="EI34" s="61">
        <v>0</v>
      </c>
      <c r="EJ34" s="61">
        <v>0</v>
      </c>
      <c r="EK34" s="61">
        <v>0</v>
      </c>
      <c r="EL34" s="61">
        <v>0</v>
      </c>
      <c r="EM34" s="61">
        <v>0</v>
      </c>
      <c r="EN34" s="62">
        <v>0</v>
      </c>
      <c r="EO34" s="63">
        <v>0</v>
      </c>
      <c r="EP34" s="60">
        <v>1</v>
      </c>
      <c r="EQ34" s="61">
        <v>0</v>
      </c>
      <c r="ER34" s="62">
        <v>1</v>
      </c>
      <c r="ES34" s="231"/>
      <c r="ET34" s="61">
        <v>0</v>
      </c>
      <c r="EU34" s="61">
        <v>1</v>
      </c>
      <c r="EV34" s="61">
        <v>0</v>
      </c>
      <c r="EW34" s="61">
        <v>0</v>
      </c>
      <c r="EX34" s="61">
        <v>0</v>
      </c>
      <c r="EY34" s="62">
        <v>1</v>
      </c>
      <c r="EZ34" s="63">
        <v>2</v>
      </c>
      <c r="FA34" s="60">
        <v>1</v>
      </c>
      <c r="FB34" s="61">
        <v>0</v>
      </c>
      <c r="FC34" s="62">
        <v>1</v>
      </c>
      <c r="FD34" s="231"/>
      <c r="FE34" s="61">
        <v>0</v>
      </c>
      <c r="FF34" s="61">
        <v>0</v>
      </c>
      <c r="FG34" s="61">
        <v>0</v>
      </c>
      <c r="FH34" s="61">
        <v>0</v>
      </c>
      <c r="FI34" s="61">
        <v>0</v>
      </c>
      <c r="FJ34" s="62">
        <v>0</v>
      </c>
      <c r="FK34" s="63">
        <v>1</v>
      </c>
      <c r="FL34" s="60">
        <v>1</v>
      </c>
      <c r="FM34" s="61">
        <v>0</v>
      </c>
      <c r="FN34" s="62">
        <v>1</v>
      </c>
      <c r="FO34" s="231"/>
      <c r="FP34" s="61">
        <v>0</v>
      </c>
      <c r="FQ34" s="61">
        <v>0</v>
      </c>
      <c r="FR34" s="61">
        <v>0</v>
      </c>
      <c r="FS34" s="61">
        <v>1</v>
      </c>
      <c r="FT34" s="61">
        <v>1</v>
      </c>
      <c r="FU34" s="62">
        <v>2</v>
      </c>
      <c r="FV34" s="63">
        <v>3</v>
      </c>
      <c r="FW34" s="60">
        <v>0</v>
      </c>
      <c r="FX34" s="61">
        <v>0</v>
      </c>
      <c r="FY34" s="62">
        <v>0</v>
      </c>
      <c r="FZ34" s="231"/>
      <c r="GA34" s="61">
        <v>0</v>
      </c>
      <c r="GB34" s="61">
        <v>0</v>
      </c>
      <c r="GC34" s="61">
        <v>0</v>
      </c>
      <c r="GD34" s="61">
        <v>0</v>
      </c>
      <c r="GE34" s="61">
        <v>0</v>
      </c>
      <c r="GF34" s="62">
        <v>0</v>
      </c>
      <c r="GG34" s="63">
        <v>0</v>
      </c>
      <c r="GH34" s="60">
        <v>3</v>
      </c>
      <c r="GI34" s="61">
        <v>0</v>
      </c>
      <c r="GJ34" s="62">
        <v>3</v>
      </c>
      <c r="GK34" s="231"/>
      <c r="GL34" s="61">
        <v>0</v>
      </c>
      <c r="GM34" s="61">
        <v>1</v>
      </c>
      <c r="GN34" s="61">
        <v>0</v>
      </c>
      <c r="GO34" s="61">
        <v>1</v>
      </c>
      <c r="GP34" s="61">
        <v>1</v>
      </c>
      <c r="GQ34" s="62">
        <v>3</v>
      </c>
      <c r="GR34" s="63">
        <v>6</v>
      </c>
      <c r="GS34" s="113">
        <v>6</v>
      </c>
      <c r="GT34" s="72">
        <v>5</v>
      </c>
      <c r="GU34" s="73">
        <v>11</v>
      </c>
      <c r="GV34" s="228"/>
      <c r="GW34" s="72">
        <v>8</v>
      </c>
      <c r="GX34" s="72">
        <v>7</v>
      </c>
      <c r="GY34" s="72">
        <v>7</v>
      </c>
      <c r="GZ34" s="72">
        <v>3</v>
      </c>
      <c r="HA34" s="72">
        <v>1</v>
      </c>
      <c r="HB34" s="74">
        <v>26</v>
      </c>
      <c r="HC34" s="75">
        <v>37</v>
      </c>
      <c r="HD34" s="60">
        <v>0</v>
      </c>
      <c r="HE34" s="61">
        <v>0</v>
      </c>
      <c r="HF34" s="62">
        <v>0</v>
      </c>
      <c r="HG34" s="231"/>
      <c r="HH34" s="61">
        <v>1</v>
      </c>
      <c r="HI34" s="61">
        <v>0</v>
      </c>
      <c r="HJ34" s="61">
        <v>0</v>
      </c>
      <c r="HK34" s="61">
        <v>0</v>
      </c>
      <c r="HL34" s="61">
        <v>0</v>
      </c>
      <c r="HM34" s="62">
        <v>1</v>
      </c>
      <c r="HN34" s="63">
        <v>1</v>
      </c>
      <c r="HO34" s="60">
        <v>0</v>
      </c>
      <c r="HP34" s="61">
        <v>0</v>
      </c>
      <c r="HQ34" s="62">
        <v>0</v>
      </c>
      <c r="HR34" s="231"/>
      <c r="HS34" s="61">
        <v>0</v>
      </c>
      <c r="HT34" s="61">
        <v>0</v>
      </c>
      <c r="HU34" s="61">
        <v>0</v>
      </c>
      <c r="HV34" s="61">
        <v>0</v>
      </c>
      <c r="HW34" s="61">
        <v>0</v>
      </c>
      <c r="HX34" s="62">
        <v>0</v>
      </c>
      <c r="HY34" s="63">
        <v>0</v>
      </c>
      <c r="HZ34" s="60">
        <v>0</v>
      </c>
      <c r="IA34" s="61">
        <v>1</v>
      </c>
      <c r="IB34" s="62">
        <v>1</v>
      </c>
      <c r="IC34" s="231"/>
      <c r="ID34" s="61">
        <v>0</v>
      </c>
      <c r="IE34" s="61">
        <v>0</v>
      </c>
      <c r="IF34" s="61">
        <v>1</v>
      </c>
      <c r="IG34" s="61">
        <v>0</v>
      </c>
      <c r="IH34" s="61">
        <v>0</v>
      </c>
      <c r="II34" s="62">
        <v>1</v>
      </c>
      <c r="IJ34" s="63">
        <v>2</v>
      </c>
      <c r="IK34" s="60">
        <v>1</v>
      </c>
      <c r="IL34" s="61">
        <v>1</v>
      </c>
      <c r="IM34" s="62">
        <v>2</v>
      </c>
      <c r="IN34" s="231"/>
      <c r="IO34" s="61">
        <v>1</v>
      </c>
      <c r="IP34" s="61">
        <v>2</v>
      </c>
      <c r="IQ34" s="61">
        <v>1</v>
      </c>
      <c r="IR34" s="61">
        <v>1</v>
      </c>
      <c r="IS34" s="61">
        <v>0</v>
      </c>
      <c r="IT34" s="62">
        <v>5</v>
      </c>
      <c r="IU34" s="63">
        <v>7</v>
      </c>
      <c r="IV34" s="60">
        <v>1</v>
      </c>
      <c r="IW34" s="61">
        <v>2</v>
      </c>
      <c r="IX34" s="62">
        <v>3</v>
      </c>
      <c r="IY34" s="231"/>
      <c r="IZ34" s="61">
        <v>3</v>
      </c>
      <c r="JA34" s="61">
        <v>2</v>
      </c>
      <c r="JB34" s="61">
        <v>1</v>
      </c>
      <c r="JC34" s="61">
        <v>1</v>
      </c>
      <c r="JD34" s="61">
        <v>0</v>
      </c>
      <c r="JE34" s="62">
        <v>7</v>
      </c>
      <c r="JF34" s="63">
        <v>10</v>
      </c>
      <c r="JG34" s="60">
        <v>4</v>
      </c>
      <c r="JH34" s="61">
        <v>1</v>
      </c>
      <c r="JI34" s="62">
        <v>5</v>
      </c>
      <c r="JJ34" s="231"/>
      <c r="JK34" s="61">
        <v>3</v>
      </c>
      <c r="JL34" s="61">
        <v>3</v>
      </c>
      <c r="JM34" s="61">
        <v>4</v>
      </c>
      <c r="JN34" s="61">
        <v>1</v>
      </c>
      <c r="JO34" s="61">
        <v>1</v>
      </c>
      <c r="JP34" s="62">
        <v>12</v>
      </c>
      <c r="JQ34" s="63">
        <v>17</v>
      </c>
      <c r="JR34" s="60">
        <v>0</v>
      </c>
      <c r="JS34" s="61">
        <v>0</v>
      </c>
      <c r="JT34" s="62">
        <v>0</v>
      </c>
      <c r="JU34" s="231"/>
      <c r="JV34" s="61">
        <v>0</v>
      </c>
      <c r="JW34" s="61">
        <v>0</v>
      </c>
      <c r="JX34" s="61">
        <v>0</v>
      </c>
      <c r="JY34" s="61">
        <v>0</v>
      </c>
      <c r="JZ34" s="61">
        <v>0</v>
      </c>
      <c r="KA34" s="62">
        <v>0</v>
      </c>
      <c r="KB34" s="63">
        <v>0</v>
      </c>
      <c r="KC34" s="60">
        <v>6</v>
      </c>
      <c r="KD34" s="61">
        <v>5</v>
      </c>
      <c r="KE34" s="62">
        <v>11</v>
      </c>
      <c r="KF34" s="231"/>
      <c r="KG34" s="61">
        <v>8</v>
      </c>
      <c r="KH34" s="61">
        <v>7</v>
      </c>
      <c r="KI34" s="61">
        <v>7</v>
      </c>
      <c r="KJ34" s="61">
        <v>3</v>
      </c>
      <c r="KK34" s="61">
        <v>1</v>
      </c>
      <c r="KL34" s="62">
        <v>26</v>
      </c>
      <c r="KM34" s="63">
        <v>37</v>
      </c>
    </row>
    <row r="35" spans="2:299" ht="21" customHeight="1" x14ac:dyDescent="0.2">
      <c r="B35" s="472" t="s">
        <v>32</v>
      </c>
      <c r="C35" s="293">
        <v>2</v>
      </c>
      <c r="D35" s="72">
        <v>5</v>
      </c>
      <c r="E35" s="73">
        <v>7</v>
      </c>
      <c r="F35" s="228"/>
      <c r="G35" s="72">
        <v>13</v>
      </c>
      <c r="H35" s="72">
        <v>11</v>
      </c>
      <c r="I35" s="72">
        <v>7</v>
      </c>
      <c r="J35" s="72">
        <v>5</v>
      </c>
      <c r="K35" s="72">
        <v>1</v>
      </c>
      <c r="L35" s="74">
        <v>37</v>
      </c>
      <c r="M35" s="75">
        <v>44</v>
      </c>
      <c r="N35" s="60">
        <v>1</v>
      </c>
      <c r="O35" s="61">
        <v>0</v>
      </c>
      <c r="P35" s="62">
        <v>1</v>
      </c>
      <c r="Q35" s="231"/>
      <c r="R35" s="61">
        <v>0</v>
      </c>
      <c r="S35" s="61">
        <v>0</v>
      </c>
      <c r="T35" s="61">
        <v>0</v>
      </c>
      <c r="U35" s="61">
        <v>0</v>
      </c>
      <c r="V35" s="61">
        <v>0</v>
      </c>
      <c r="W35" s="62">
        <v>0</v>
      </c>
      <c r="X35" s="63">
        <v>1</v>
      </c>
      <c r="Y35" s="60">
        <v>0</v>
      </c>
      <c r="Z35" s="61">
        <v>0</v>
      </c>
      <c r="AA35" s="62">
        <v>0</v>
      </c>
      <c r="AB35" s="231"/>
      <c r="AC35" s="61">
        <v>0</v>
      </c>
      <c r="AD35" s="61">
        <v>0</v>
      </c>
      <c r="AE35" s="61">
        <v>0</v>
      </c>
      <c r="AF35" s="61">
        <v>0</v>
      </c>
      <c r="AG35" s="61">
        <v>0</v>
      </c>
      <c r="AH35" s="62">
        <v>0</v>
      </c>
      <c r="AI35" s="63">
        <v>0</v>
      </c>
      <c r="AJ35" s="60">
        <v>0</v>
      </c>
      <c r="AK35" s="61">
        <v>0</v>
      </c>
      <c r="AL35" s="62">
        <v>0</v>
      </c>
      <c r="AM35" s="231"/>
      <c r="AN35" s="61">
        <v>0</v>
      </c>
      <c r="AO35" s="61">
        <v>2</v>
      </c>
      <c r="AP35" s="61">
        <v>0</v>
      </c>
      <c r="AQ35" s="61">
        <v>0</v>
      </c>
      <c r="AR35" s="61">
        <v>0</v>
      </c>
      <c r="AS35" s="62">
        <v>2</v>
      </c>
      <c r="AT35" s="63">
        <v>2</v>
      </c>
      <c r="AU35" s="60">
        <v>0</v>
      </c>
      <c r="AV35" s="61">
        <v>2</v>
      </c>
      <c r="AW35" s="62">
        <v>2</v>
      </c>
      <c r="AX35" s="231"/>
      <c r="AY35" s="61">
        <v>3</v>
      </c>
      <c r="AZ35" s="61">
        <v>0</v>
      </c>
      <c r="BA35" s="61">
        <v>3</v>
      </c>
      <c r="BB35" s="61">
        <v>1</v>
      </c>
      <c r="BC35" s="61">
        <v>0</v>
      </c>
      <c r="BD35" s="62">
        <v>7</v>
      </c>
      <c r="BE35" s="63">
        <v>9</v>
      </c>
      <c r="BF35" s="60">
        <v>0</v>
      </c>
      <c r="BG35" s="61">
        <v>1</v>
      </c>
      <c r="BH35" s="62">
        <v>1</v>
      </c>
      <c r="BI35" s="231"/>
      <c r="BJ35" s="61">
        <v>5</v>
      </c>
      <c r="BK35" s="61">
        <v>3</v>
      </c>
      <c r="BL35" s="61">
        <v>4</v>
      </c>
      <c r="BM35" s="61">
        <v>3</v>
      </c>
      <c r="BN35" s="61">
        <v>1</v>
      </c>
      <c r="BO35" s="62">
        <v>16</v>
      </c>
      <c r="BP35" s="63">
        <v>17</v>
      </c>
      <c r="BQ35" s="60">
        <v>1</v>
      </c>
      <c r="BR35" s="61">
        <v>2</v>
      </c>
      <c r="BS35" s="62">
        <v>3</v>
      </c>
      <c r="BT35" s="231"/>
      <c r="BU35" s="61">
        <v>5</v>
      </c>
      <c r="BV35" s="61">
        <v>6</v>
      </c>
      <c r="BW35" s="61">
        <v>0</v>
      </c>
      <c r="BX35" s="61">
        <v>1</v>
      </c>
      <c r="BY35" s="61">
        <v>0</v>
      </c>
      <c r="BZ35" s="62">
        <v>12</v>
      </c>
      <c r="CA35" s="63">
        <v>15</v>
      </c>
      <c r="CB35" s="60">
        <v>0</v>
      </c>
      <c r="CC35" s="61">
        <v>0</v>
      </c>
      <c r="CD35" s="62">
        <v>0</v>
      </c>
      <c r="CE35" s="231"/>
      <c r="CF35" s="61">
        <v>0</v>
      </c>
      <c r="CG35" s="61">
        <v>0</v>
      </c>
      <c r="CH35" s="61">
        <v>0</v>
      </c>
      <c r="CI35" s="61">
        <v>0</v>
      </c>
      <c r="CJ35" s="61">
        <v>0</v>
      </c>
      <c r="CK35" s="62">
        <v>0</v>
      </c>
      <c r="CL35" s="63">
        <v>0</v>
      </c>
      <c r="CM35" s="60">
        <v>2</v>
      </c>
      <c r="CN35" s="61">
        <v>5</v>
      </c>
      <c r="CO35" s="62">
        <v>7</v>
      </c>
      <c r="CP35" s="231"/>
      <c r="CQ35" s="61">
        <v>13</v>
      </c>
      <c r="CR35" s="61">
        <v>11</v>
      </c>
      <c r="CS35" s="61">
        <v>7</v>
      </c>
      <c r="CT35" s="61">
        <v>5</v>
      </c>
      <c r="CU35" s="61">
        <v>1</v>
      </c>
      <c r="CV35" s="62">
        <v>37</v>
      </c>
      <c r="CW35" s="63">
        <v>44</v>
      </c>
      <c r="CX35" s="113">
        <v>0</v>
      </c>
      <c r="CY35" s="72">
        <v>0</v>
      </c>
      <c r="CZ35" s="73">
        <v>0</v>
      </c>
      <c r="DA35" s="228"/>
      <c r="DB35" s="72">
        <v>1</v>
      </c>
      <c r="DC35" s="72">
        <v>3</v>
      </c>
      <c r="DD35" s="72">
        <v>2</v>
      </c>
      <c r="DE35" s="72">
        <v>2</v>
      </c>
      <c r="DF35" s="72">
        <v>3</v>
      </c>
      <c r="DG35" s="74">
        <v>11</v>
      </c>
      <c r="DH35" s="75">
        <v>11</v>
      </c>
      <c r="DI35" s="60">
        <v>0</v>
      </c>
      <c r="DJ35" s="61">
        <v>0</v>
      </c>
      <c r="DK35" s="62">
        <v>0</v>
      </c>
      <c r="DL35" s="231"/>
      <c r="DM35" s="61">
        <v>1</v>
      </c>
      <c r="DN35" s="61">
        <v>0</v>
      </c>
      <c r="DO35" s="61">
        <v>0</v>
      </c>
      <c r="DP35" s="61">
        <v>0</v>
      </c>
      <c r="DQ35" s="61">
        <v>0</v>
      </c>
      <c r="DR35" s="62">
        <v>1</v>
      </c>
      <c r="DS35" s="63">
        <v>1</v>
      </c>
      <c r="DT35" s="60">
        <v>0</v>
      </c>
      <c r="DU35" s="61">
        <v>0</v>
      </c>
      <c r="DV35" s="62">
        <v>0</v>
      </c>
      <c r="DW35" s="231"/>
      <c r="DX35" s="61">
        <v>0</v>
      </c>
      <c r="DY35" s="61">
        <v>0</v>
      </c>
      <c r="DZ35" s="61">
        <v>0</v>
      </c>
      <c r="EA35" s="61">
        <v>0</v>
      </c>
      <c r="EB35" s="61">
        <v>0</v>
      </c>
      <c r="EC35" s="62">
        <v>0</v>
      </c>
      <c r="ED35" s="63">
        <v>0</v>
      </c>
      <c r="EE35" s="60">
        <v>0</v>
      </c>
      <c r="EF35" s="61">
        <v>0</v>
      </c>
      <c r="EG35" s="62">
        <v>0</v>
      </c>
      <c r="EH35" s="231"/>
      <c r="EI35" s="61">
        <v>0</v>
      </c>
      <c r="EJ35" s="61">
        <v>0</v>
      </c>
      <c r="EK35" s="61">
        <v>0</v>
      </c>
      <c r="EL35" s="61">
        <v>0</v>
      </c>
      <c r="EM35" s="61">
        <v>0</v>
      </c>
      <c r="EN35" s="62">
        <v>0</v>
      </c>
      <c r="EO35" s="63">
        <v>0</v>
      </c>
      <c r="EP35" s="60">
        <v>0</v>
      </c>
      <c r="EQ35" s="61">
        <v>0</v>
      </c>
      <c r="ER35" s="62">
        <v>0</v>
      </c>
      <c r="ES35" s="231"/>
      <c r="ET35" s="61">
        <v>0</v>
      </c>
      <c r="EU35" s="61">
        <v>1</v>
      </c>
      <c r="EV35" s="61">
        <v>0</v>
      </c>
      <c r="EW35" s="61">
        <v>0</v>
      </c>
      <c r="EX35" s="61">
        <v>0</v>
      </c>
      <c r="EY35" s="62">
        <v>1</v>
      </c>
      <c r="EZ35" s="63">
        <v>1</v>
      </c>
      <c r="FA35" s="60">
        <v>0</v>
      </c>
      <c r="FB35" s="61">
        <v>0</v>
      </c>
      <c r="FC35" s="62">
        <v>0</v>
      </c>
      <c r="FD35" s="231"/>
      <c r="FE35" s="61">
        <v>0</v>
      </c>
      <c r="FF35" s="61">
        <v>1</v>
      </c>
      <c r="FG35" s="61">
        <v>1</v>
      </c>
      <c r="FH35" s="61">
        <v>1</v>
      </c>
      <c r="FI35" s="61">
        <v>1</v>
      </c>
      <c r="FJ35" s="62">
        <v>4</v>
      </c>
      <c r="FK35" s="63">
        <v>4</v>
      </c>
      <c r="FL35" s="60">
        <v>0</v>
      </c>
      <c r="FM35" s="61">
        <v>0</v>
      </c>
      <c r="FN35" s="62">
        <v>0</v>
      </c>
      <c r="FO35" s="231"/>
      <c r="FP35" s="61">
        <v>0</v>
      </c>
      <c r="FQ35" s="61">
        <v>1</v>
      </c>
      <c r="FR35" s="61">
        <v>1</v>
      </c>
      <c r="FS35" s="61">
        <v>1</v>
      </c>
      <c r="FT35" s="61">
        <v>2</v>
      </c>
      <c r="FU35" s="62">
        <v>5</v>
      </c>
      <c r="FV35" s="63">
        <v>5</v>
      </c>
      <c r="FW35" s="60">
        <v>0</v>
      </c>
      <c r="FX35" s="61">
        <v>0</v>
      </c>
      <c r="FY35" s="62">
        <v>0</v>
      </c>
      <c r="FZ35" s="231"/>
      <c r="GA35" s="61">
        <v>0</v>
      </c>
      <c r="GB35" s="61">
        <v>0</v>
      </c>
      <c r="GC35" s="61">
        <v>0</v>
      </c>
      <c r="GD35" s="61">
        <v>0</v>
      </c>
      <c r="GE35" s="61">
        <v>0</v>
      </c>
      <c r="GF35" s="62">
        <v>0</v>
      </c>
      <c r="GG35" s="63">
        <v>0</v>
      </c>
      <c r="GH35" s="60">
        <v>0</v>
      </c>
      <c r="GI35" s="61">
        <v>0</v>
      </c>
      <c r="GJ35" s="62">
        <v>0</v>
      </c>
      <c r="GK35" s="231"/>
      <c r="GL35" s="61">
        <v>1</v>
      </c>
      <c r="GM35" s="61">
        <v>3</v>
      </c>
      <c r="GN35" s="61">
        <v>2</v>
      </c>
      <c r="GO35" s="61">
        <v>2</v>
      </c>
      <c r="GP35" s="61">
        <v>3</v>
      </c>
      <c r="GQ35" s="62">
        <v>11</v>
      </c>
      <c r="GR35" s="63">
        <v>11</v>
      </c>
      <c r="GS35" s="113">
        <v>2</v>
      </c>
      <c r="GT35" s="72">
        <v>5</v>
      </c>
      <c r="GU35" s="73">
        <v>7</v>
      </c>
      <c r="GV35" s="228"/>
      <c r="GW35" s="72">
        <v>14</v>
      </c>
      <c r="GX35" s="72">
        <v>14</v>
      </c>
      <c r="GY35" s="72">
        <v>9</v>
      </c>
      <c r="GZ35" s="72">
        <v>7</v>
      </c>
      <c r="HA35" s="72">
        <v>4</v>
      </c>
      <c r="HB35" s="74">
        <v>48</v>
      </c>
      <c r="HC35" s="75">
        <v>55</v>
      </c>
      <c r="HD35" s="60">
        <v>1</v>
      </c>
      <c r="HE35" s="61">
        <v>0</v>
      </c>
      <c r="HF35" s="62">
        <v>1</v>
      </c>
      <c r="HG35" s="231"/>
      <c r="HH35" s="61">
        <v>1</v>
      </c>
      <c r="HI35" s="61">
        <v>0</v>
      </c>
      <c r="HJ35" s="61">
        <v>0</v>
      </c>
      <c r="HK35" s="61">
        <v>0</v>
      </c>
      <c r="HL35" s="61">
        <v>0</v>
      </c>
      <c r="HM35" s="62">
        <v>1</v>
      </c>
      <c r="HN35" s="63">
        <v>2</v>
      </c>
      <c r="HO35" s="60">
        <v>0</v>
      </c>
      <c r="HP35" s="61">
        <v>0</v>
      </c>
      <c r="HQ35" s="62">
        <v>0</v>
      </c>
      <c r="HR35" s="231"/>
      <c r="HS35" s="61">
        <v>0</v>
      </c>
      <c r="HT35" s="61">
        <v>0</v>
      </c>
      <c r="HU35" s="61">
        <v>0</v>
      </c>
      <c r="HV35" s="61">
        <v>0</v>
      </c>
      <c r="HW35" s="61">
        <v>0</v>
      </c>
      <c r="HX35" s="62">
        <v>0</v>
      </c>
      <c r="HY35" s="63">
        <v>0</v>
      </c>
      <c r="HZ35" s="60">
        <v>0</v>
      </c>
      <c r="IA35" s="61">
        <v>0</v>
      </c>
      <c r="IB35" s="62">
        <v>0</v>
      </c>
      <c r="IC35" s="231"/>
      <c r="ID35" s="61">
        <v>0</v>
      </c>
      <c r="IE35" s="61">
        <v>2</v>
      </c>
      <c r="IF35" s="61">
        <v>0</v>
      </c>
      <c r="IG35" s="61">
        <v>0</v>
      </c>
      <c r="IH35" s="61">
        <v>0</v>
      </c>
      <c r="II35" s="62">
        <v>2</v>
      </c>
      <c r="IJ35" s="63">
        <v>2</v>
      </c>
      <c r="IK35" s="60">
        <v>0</v>
      </c>
      <c r="IL35" s="61">
        <v>2</v>
      </c>
      <c r="IM35" s="62">
        <v>2</v>
      </c>
      <c r="IN35" s="231"/>
      <c r="IO35" s="61">
        <v>3</v>
      </c>
      <c r="IP35" s="61">
        <v>1</v>
      </c>
      <c r="IQ35" s="61">
        <v>3</v>
      </c>
      <c r="IR35" s="61">
        <v>1</v>
      </c>
      <c r="IS35" s="61">
        <v>0</v>
      </c>
      <c r="IT35" s="62">
        <v>8</v>
      </c>
      <c r="IU35" s="63">
        <v>10</v>
      </c>
      <c r="IV35" s="60">
        <v>0</v>
      </c>
      <c r="IW35" s="61">
        <v>1</v>
      </c>
      <c r="IX35" s="62">
        <v>1</v>
      </c>
      <c r="IY35" s="231"/>
      <c r="IZ35" s="61">
        <v>5</v>
      </c>
      <c r="JA35" s="61">
        <v>4</v>
      </c>
      <c r="JB35" s="61">
        <v>5</v>
      </c>
      <c r="JC35" s="61">
        <v>4</v>
      </c>
      <c r="JD35" s="61">
        <v>2</v>
      </c>
      <c r="JE35" s="62">
        <v>20</v>
      </c>
      <c r="JF35" s="63">
        <v>21</v>
      </c>
      <c r="JG35" s="60">
        <v>1</v>
      </c>
      <c r="JH35" s="61">
        <v>2</v>
      </c>
      <c r="JI35" s="62">
        <v>3</v>
      </c>
      <c r="JJ35" s="231"/>
      <c r="JK35" s="61">
        <v>5</v>
      </c>
      <c r="JL35" s="61">
        <v>7</v>
      </c>
      <c r="JM35" s="61">
        <v>1</v>
      </c>
      <c r="JN35" s="61">
        <v>2</v>
      </c>
      <c r="JO35" s="61">
        <v>2</v>
      </c>
      <c r="JP35" s="62">
        <v>17</v>
      </c>
      <c r="JQ35" s="63">
        <v>20</v>
      </c>
      <c r="JR35" s="60">
        <v>0</v>
      </c>
      <c r="JS35" s="61">
        <v>0</v>
      </c>
      <c r="JT35" s="62">
        <v>0</v>
      </c>
      <c r="JU35" s="231"/>
      <c r="JV35" s="61">
        <v>0</v>
      </c>
      <c r="JW35" s="61">
        <v>0</v>
      </c>
      <c r="JX35" s="61">
        <v>0</v>
      </c>
      <c r="JY35" s="61">
        <v>0</v>
      </c>
      <c r="JZ35" s="61">
        <v>0</v>
      </c>
      <c r="KA35" s="62">
        <v>0</v>
      </c>
      <c r="KB35" s="63">
        <v>0</v>
      </c>
      <c r="KC35" s="60">
        <v>2</v>
      </c>
      <c r="KD35" s="61">
        <v>5</v>
      </c>
      <c r="KE35" s="62">
        <v>7</v>
      </c>
      <c r="KF35" s="231"/>
      <c r="KG35" s="61">
        <v>14</v>
      </c>
      <c r="KH35" s="61">
        <v>14</v>
      </c>
      <c r="KI35" s="61">
        <v>9</v>
      </c>
      <c r="KJ35" s="61">
        <v>7</v>
      </c>
      <c r="KK35" s="61">
        <v>4</v>
      </c>
      <c r="KL35" s="62">
        <v>48</v>
      </c>
      <c r="KM35" s="63">
        <v>55</v>
      </c>
    </row>
    <row r="36" spans="2:299" ht="21" customHeight="1" x14ac:dyDescent="0.2">
      <c r="B36" s="472" t="s">
        <v>33</v>
      </c>
      <c r="C36" s="293">
        <v>6</v>
      </c>
      <c r="D36" s="72">
        <v>4</v>
      </c>
      <c r="E36" s="73">
        <v>10</v>
      </c>
      <c r="F36" s="228"/>
      <c r="G36" s="72">
        <v>5</v>
      </c>
      <c r="H36" s="72">
        <v>2</v>
      </c>
      <c r="I36" s="72">
        <v>4</v>
      </c>
      <c r="J36" s="72">
        <v>0</v>
      </c>
      <c r="K36" s="72">
        <v>1</v>
      </c>
      <c r="L36" s="74">
        <v>12</v>
      </c>
      <c r="M36" s="75">
        <v>22</v>
      </c>
      <c r="N36" s="60">
        <v>0</v>
      </c>
      <c r="O36" s="61">
        <v>0</v>
      </c>
      <c r="P36" s="62">
        <v>0</v>
      </c>
      <c r="Q36" s="231"/>
      <c r="R36" s="61">
        <v>0</v>
      </c>
      <c r="S36" s="61">
        <v>0</v>
      </c>
      <c r="T36" s="61">
        <v>0</v>
      </c>
      <c r="U36" s="61">
        <v>0</v>
      </c>
      <c r="V36" s="61">
        <v>0</v>
      </c>
      <c r="W36" s="62">
        <v>0</v>
      </c>
      <c r="X36" s="63">
        <v>0</v>
      </c>
      <c r="Y36" s="60">
        <v>0</v>
      </c>
      <c r="Z36" s="61">
        <v>0</v>
      </c>
      <c r="AA36" s="62">
        <v>0</v>
      </c>
      <c r="AB36" s="231"/>
      <c r="AC36" s="61">
        <v>0</v>
      </c>
      <c r="AD36" s="61">
        <v>0</v>
      </c>
      <c r="AE36" s="61">
        <v>0</v>
      </c>
      <c r="AF36" s="61">
        <v>0</v>
      </c>
      <c r="AG36" s="61">
        <v>0</v>
      </c>
      <c r="AH36" s="62">
        <v>0</v>
      </c>
      <c r="AI36" s="63">
        <v>0</v>
      </c>
      <c r="AJ36" s="60">
        <v>2</v>
      </c>
      <c r="AK36" s="61">
        <v>0</v>
      </c>
      <c r="AL36" s="62">
        <v>2</v>
      </c>
      <c r="AM36" s="231"/>
      <c r="AN36" s="61">
        <v>0</v>
      </c>
      <c r="AO36" s="61">
        <v>0</v>
      </c>
      <c r="AP36" s="61">
        <v>0</v>
      </c>
      <c r="AQ36" s="61">
        <v>0</v>
      </c>
      <c r="AR36" s="61">
        <v>1</v>
      </c>
      <c r="AS36" s="62">
        <v>1</v>
      </c>
      <c r="AT36" s="63">
        <v>3</v>
      </c>
      <c r="AU36" s="60">
        <v>1</v>
      </c>
      <c r="AV36" s="61">
        <v>1</v>
      </c>
      <c r="AW36" s="62">
        <v>2</v>
      </c>
      <c r="AX36" s="231"/>
      <c r="AY36" s="61">
        <v>0</v>
      </c>
      <c r="AZ36" s="61">
        <v>1</v>
      </c>
      <c r="BA36" s="61">
        <v>2</v>
      </c>
      <c r="BB36" s="61">
        <v>0</v>
      </c>
      <c r="BC36" s="61">
        <v>0</v>
      </c>
      <c r="BD36" s="62">
        <v>3</v>
      </c>
      <c r="BE36" s="63">
        <v>5</v>
      </c>
      <c r="BF36" s="60">
        <v>1</v>
      </c>
      <c r="BG36" s="61">
        <v>2</v>
      </c>
      <c r="BH36" s="62">
        <v>3</v>
      </c>
      <c r="BI36" s="231"/>
      <c r="BJ36" s="61">
        <v>1</v>
      </c>
      <c r="BK36" s="61">
        <v>0</v>
      </c>
      <c r="BL36" s="61">
        <v>2</v>
      </c>
      <c r="BM36" s="61">
        <v>0</v>
      </c>
      <c r="BN36" s="61">
        <v>0</v>
      </c>
      <c r="BO36" s="62">
        <v>3</v>
      </c>
      <c r="BP36" s="63">
        <v>6</v>
      </c>
      <c r="BQ36" s="60">
        <v>2</v>
      </c>
      <c r="BR36" s="61">
        <v>1</v>
      </c>
      <c r="BS36" s="62">
        <v>3</v>
      </c>
      <c r="BT36" s="231"/>
      <c r="BU36" s="61">
        <v>4</v>
      </c>
      <c r="BV36" s="61">
        <v>1</v>
      </c>
      <c r="BW36" s="61">
        <v>0</v>
      </c>
      <c r="BX36" s="61">
        <v>0</v>
      </c>
      <c r="BY36" s="61">
        <v>0</v>
      </c>
      <c r="BZ36" s="62">
        <v>5</v>
      </c>
      <c r="CA36" s="63">
        <v>8</v>
      </c>
      <c r="CB36" s="60">
        <v>0</v>
      </c>
      <c r="CC36" s="61">
        <v>0</v>
      </c>
      <c r="CD36" s="62">
        <v>0</v>
      </c>
      <c r="CE36" s="231"/>
      <c r="CF36" s="61">
        <v>0</v>
      </c>
      <c r="CG36" s="61">
        <v>0</v>
      </c>
      <c r="CH36" s="61">
        <v>0</v>
      </c>
      <c r="CI36" s="61">
        <v>0</v>
      </c>
      <c r="CJ36" s="61">
        <v>0</v>
      </c>
      <c r="CK36" s="62">
        <v>0</v>
      </c>
      <c r="CL36" s="63">
        <v>0</v>
      </c>
      <c r="CM36" s="60">
        <v>6</v>
      </c>
      <c r="CN36" s="61">
        <v>4</v>
      </c>
      <c r="CO36" s="62">
        <v>10</v>
      </c>
      <c r="CP36" s="231"/>
      <c r="CQ36" s="61">
        <v>5</v>
      </c>
      <c r="CR36" s="61">
        <v>2</v>
      </c>
      <c r="CS36" s="61">
        <v>4</v>
      </c>
      <c r="CT36" s="61">
        <v>0</v>
      </c>
      <c r="CU36" s="61">
        <v>1</v>
      </c>
      <c r="CV36" s="62">
        <v>12</v>
      </c>
      <c r="CW36" s="63">
        <v>22</v>
      </c>
      <c r="CX36" s="113">
        <v>1</v>
      </c>
      <c r="CY36" s="72">
        <v>3</v>
      </c>
      <c r="CZ36" s="73">
        <v>4</v>
      </c>
      <c r="DA36" s="228"/>
      <c r="DB36" s="72">
        <v>0</v>
      </c>
      <c r="DC36" s="72">
        <v>2</v>
      </c>
      <c r="DD36" s="72">
        <v>0</v>
      </c>
      <c r="DE36" s="72">
        <v>0</v>
      </c>
      <c r="DF36" s="72">
        <v>0</v>
      </c>
      <c r="DG36" s="74">
        <v>2</v>
      </c>
      <c r="DH36" s="75">
        <v>6</v>
      </c>
      <c r="DI36" s="60">
        <v>0</v>
      </c>
      <c r="DJ36" s="61">
        <v>0</v>
      </c>
      <c r="DK36" s="62">
        <v>0</v>
      </c>
      <c r="DL36" s="231"/>
      <c r="DM36" s="61">
        <v>0</v>
      </c>
      <c r="DN36" s="61">
        <v>0</v>
      </c>
      <c r="DO36" s="61">
        <v>0</v>
      </c>
      <c r="DP36" s="61">
        <v>0</v>
      </c>
      <c r="DQ36" s="61">
        <v>0</v>
      </c>
      <c r="DR36" s="62">
        <v>0</v>
      </c>
      <c r="DS36" s="63">
        <v>0</v>
      </c>
      <c r="DT36" s="60">
        <v>0</v>
      </c>
      <c r="DU36" s="61">
        <v>1</v>
      </c>
      <c r="DV36" s="62">
        <v>1</v>
      </c>
      <c r="DW36" s="231"/>
      <c r="DX36" s="61">
        <v>0</v>
      </c>
      <c r="DY36" s="61">
        <v>0</v>
      </c>
      <c r="DZ36" s="61">
        <v>0</v>
      </c>
      <c r="EA36" s="61">
        <v>0</v>
      </c>
      <c r="EB36" s="61">
        <v>0</v>
      </c>
      <c r="EC36" s="62">
        <v>0</v>
      </c>
      <c r="ED36" s="63">
        <v>1</v>
      </c>
      <c r="EE36" s="60">
        <v>0</v>
      </c>
      <c r="EF36" s="61">
        <v>0</v>
      </c>
      <c r="EG36" s="62">
        <v>0</v>
      </c>
      <c r="EH36" s="231"/>
      <c r="EI36" s="61">
        <v>0</v>
      </c>
      <c r="EJ36" s="61">
        <v>0</v>
      </c>
      <c r="EK36" s="61">
        <v>0</v>
      </c>
      <c r="EL36" s="61">
        <v>0</v>
      </c>
      <c r="EM36" s="61">
        <v>0</v>
      </c>
      <c r="EN36" s="62">
        <v>0</v>
      </c>
      <c r="EO36" s="63">
        <v>0</v>
      </c>
      <c r="EP36" s="60">
        <v>0</v>
      </c>
      <c r="EQ36" s="61">
        <v>0</v>
      </c>
      <c r="ER36" s="62">
        <v>0</v>
      </c>
      <c r="ES36" s="231"/>
      <c r="ET36" s="61">
        <v>0</v>
      </c>
      <c r="EU36" s="61">
        <v>0</v>
      </c>
      <c r="EV36" s="61">
        <v>0</v>
      </c>
      <c r="EW36" s="61">
        <v>0</v>
      </c>
      <c r="EX36" s="61">
        <v>0</v>
      </c>
      <c r="EY36" s="62">
        <v>0</v>
      </c>
      <c r="EZ36" s="63">
        <v>0</v>
      </c>
      <c r="FA36" s="60">
        <v>0</v>
      </c>
      <c r="FB36" s="61">
        <v>1</v>
      </c>
      <c r="FC36" s="62">
        <v>1</v>
      </c>
      <c r="FD36" s="231"/>
      <c r="FE36" s="61">
        <v>0</v>
      </c>
      <c r="FF36" s="61">
        <v>0</v>
      </c>
      <c r="FG36" s="61">
        <v>0</v>
      </c>
      <c r="FH36" s="61">
        <v>0</v>
      </c>
      <c r="FI36" s="61">
        <v>0</v>
      </c>
      <c r="FJ36" s="62">
        <v>0</v>
      </c>
      <c r="FK36" s="63">
        <v>1</v>
      </c>
      <c r="FL36" s="60">
        <v>1</v>
      </c>
      <c r="FM36" s="61">
        <v>1</v>
      </c>
      <c r="FN36" s="62">
        <v>2</v>
      </c>
      <c r="FO36" s="231"/>
      <c r="FP36" s="61">
        <v>0</v>
      </c>
      <c r="FQ36" s="61">
        <v>2</v>
      </c>
      <c r="FR36" s="61">
        <v>0</v>
      </c>
      <c r="FS36" s="61">
        <v>0</v>
      </c>
      <c r="FT36" s="61">
        <v>0</v>
      </c>
      <c r="FU36" s="62">
        <v>2</v>
      </c>
      <c r="FV36" s="63">
        <v>4</v>
      </c>
      <c r="FW36" s="60">
        <v>0</v>
      </c>
      <c r="FX36" s="61">
        <v>0</v>
      </c>
      <c r="FY36" s="62">
        <v>0</v>
      </c>
      <c r="FZ36" s="231"/>
      <c r="GA36" s="61">
        <v>0</v>
      </c>
      <c r="GB36" s="61">
        <v>0</v>
      </c>
      <c r="GC36" s="61">
        <v>0</v>
      </c>
      <c r="GD36" s="61">
        <v>0</v>
      </c>
      <c r="GE36" s="61">
        <v>0</v>
      </c>
      <c r="GF36" s="62">
        <v>0</v>
      </c>
      <c r="GG36" s="63">
        <v>0</v>
      </c>
      <c r="GH36" s="60">
        <v>1</v>
      </c>
      <c r="GI36" s="61">
        <v>3</v>
      </c>
      <c r="GJ36" s="62">
        <v>4</v>
      </c>
      <c r="GK36" s="231"/>
      <c r="GL36" s="61">
        <v>0</v>
      </c>
      <c r="GM36" s="61">
        <v>2</v>
      </c>
      <c r="GN36" s="61">
        <v>0</v>
      </c>
      <c r="GO36" s="61">
        <v>0</v>
      </c>
      <c r="GP36" s="61">
        <v>0</v>
      </c>
      <c r="GQ36" s="62">
        <v>2</v>
      </c>
      <c r="GR36" s="63">
        <v>6</v>
      </c>
      <c r="GS36" s="113">
        <v>7</v>
      </c>
      <c r="GT36" s="72">
        <v>7</v>
      </c>
      <c r="GU36" s="73">
        <v>14</v>
      </c>
      <c r="GV36" s="228"/>
      <c r="GW36" s="72">
        <v>5</v>
      </c>
      <c r="GX36" s="72">
        <v>4</v>
      </c>
      <c r="GY36" s="72">
        <v>4</v>
      </c>
      <c r="GZ36" s="72">
        <v>0</v>
      </c>
      <c r="HA36" s="72">
        <v>1</v>
      </c>
      <c r="HB36" s="74">
        <v>14</v>
      </c>
      <c r="HC36" s="75">
        <v>28</v>
      </c>
      <c r="HD36" s="60">
        <v>0</v>
      </c>
      <c r="HE36" s="61">
        <v>0</v>
      </c>
      <c r="HF36" s="62">
        <v>0</v>
      </c>
      <c r="HG36" s="231"/>
      <c r="HH36" s="61">
        <v>0</v>
      </c>
      <c r="HI36" s="61">
        <v>0</v>
      </c>
      <c r="HJ36" s="61">
        <v>0</v>
      </c>
      <c r="HK36" s="61">
        <v>0</v>
      </c>
      <c r="HL36" s="61">
        <v>0</v>
      </c>
      <c r="HM36" s="62">
        <v>0</v>
      </c>
      <c r="HN36" s="63">
        <v>0</v>
      </c>
      <c r="HO36" s="60">
        <v>0</v>
      </c>
      <c r="HP36" s="61">
        <v>1</v>
      </c>
      <c r="HQ36" s="62">
        <v>1</v>
      </c>
      <c r="HR36" s="231"/>
      <c r="HS36" s="61">
        <v>0</v>
      </c>
      <c r="HT36" s="61">
        <v>0</v>
      </c>
      <c r="HU36" s="61">
        <v>0</v>
      </c>
      <c r="HV36" s="61">
        <v>0</v>
      </c>
      <c r="HW36" s="61">
        <v>0</v>
      </c>
      <c r="HX36" s="62">
        <v>0</v>
      </c>
      <c r="HY36" s="63">
        <v>1</v>
      </c>
      <c r="HZ36" s="60">
        <v>2</v>
      </c>
      <c r="IA36" s="61">
        <v>0</v>
      </c>
      <c r="IB36" s="62">
        <v>2</v>
      </c>
      <c r="IC36" s="231"/>
      <c r="ID36" s="61">
        <v>0</v>
      </c>
      <c r="IE36" s="61">
        <v>0</v>
      </c>
      <c r="IF36" s="61">
        <v>0</v>
      </c>
      <c r="IG36" s="61">
        <v>0</v>
      </c>
      <c r="IH36" s="61">
        <v>1</v>
      </c>
      <c r="II36" s="62">
        <v>1</v>
      </c>
      <c r="IJ36" s="63">
        <v>3</v>
      </c>
      <c r="IK36" s="60">
        <v>1</v>
      </c>
      <c r="IL36" s="61">
        <v>1</v>
      </c>
      <c r="IM36" s="62">
        <v>2</v>
      </c>
      <c r="IN36" s="231"/>
      <c r="IO36" s="61">
        <v>0</v>
      </c>
      <c r="IP36" s="61">
        <v>1</v>
      </c>
      <c r="IQ36" s="61">
        <v>2</v>
      </c>
      <c r="IR36" s="61">
        <v>0</v>
      </c>
      <c r="IS36" s="61">
        <v>0</v>
      </c>
      <c r="IT36" s="62">
        <v>3</v>
      </c>
      <c r="IU36" s="63">
        <v>5</v>
      </c>
      <c r="IV36" s="60">
        <v>1</v>
      </c>
      <c r="IW36" s="61">
        <v>3</v>
      </c>
      <c r="IX36" s="62">
        <v>4</v>
      </c>
      <c r="IY36" s="231"/>
      <c r="IZ36" s="61">
        <v>1</v>
      </c>
      <c r="JA36" s="61">
        <v>0</v>
      </c>
      <c r="JB36" s="61">
        <v>2</v>
      </c>
      <c r="JC36" s="61">
        <v>0</v>
      </c>
      <c r="JD36" s="61">
        <v>0</v>
      </c>
      <c r="JE36" s="62">
        <v>3</v>
      </c>
      <c r="JF36" s="63">
        <v>7</v>
      </c>
      <c r="JG36" s="60">
        <v>3</v>
      </c>
      <c r="JH36" s="61">
        <v>2</v>
      </c>
      <c r="JI36" s="62">
        <v>5</v>
      </c>
      <c r="JJ36" s="231"/>
      <c r="JK36" s="61">
        <v>4</v>
      </c>
      <c r="JL36" s="61">
        <v>3</v>
      </c>
      <c r="JM36" s="61">
        <v>0</v>
      </c>
      <c r="JN36" s="61">
        <v>0</v>
      </c>
      <c r="JO36" s="61">
        <v>0</v>
      </c>
      <c r="JP36" s="62">
        <v>7</v>
      </c>
      <c r="JQ36" s="63">
        <v>12</v>
      </c>
      <c r="JR36" s="60">
        <v>0</v>
      </c>
      <c r="JS36" s="61">
        <v>0</v>
      </c>
      <c r="JT36" s="62">
        <v>0</v>
      </c>
      <c r="JU36" s="231"/>
      <c r="JV36" s="61">
        <v>0</v>
      </c>
      <c r="JW36" s="61">
        <v>0</v>
      </c>
      <c r="JX36" s="61">
        <v>0</v>
      </c>
      <c r="JY36" s="61">
        <v>0</v>
      </c>
      <c r="JZ36" s="61">
        <v>0</v>
      </c>
      <c r="KA36" s="62">
        <v>0</v>
      </c>
      <c r="KB36" s="63">
        <v>0</v>
      </c>
      <c r="KC36" s="60">
        <v>7</v>
      </c>
      <c r="KD36" s="61">
        <v>7</v>
      </c>
      <c r="KE36" s="62">
        <v>14</v>
      </c>
      <c r="KF36" s="231"/>
      <c r="KG36" s="61">
        <v>5</v>
      </c>
      <c r="KH36" s="61">
        <v>4</v>
      </c>
      <c r="KI36" s="61">
        <v>4</v>
      </c>
      <c r="KJ36" s="61">
        <v>0</v>
      </c>
      <c r="KK36" s="61">
        <v>1</v>
      </c>
      <c r="KL36" s="62">
        <v>14</v>
      </c>
      <c r="KM36" s="63">
        <v>28</v>
      </c>
    </row>
    <row r="37" spans="2:299" ht="21" customHeight="1" x14ac:dyDescent="0.2">
      <c r="B37" s="472" t="s">
        <v>34</v>
      </c>
      <c r="C37" s="293">
        <v>4</v>
      </c>
      <c r="D37" s="72">
        <v>2</v>
      </c>
      <c r="E37" s="73">
        <v>6</v>
      </c>
      <c r="F37" s="228"/>
      <c r="G37" s="72">
        <v>4</v>
      </c>
      <c r="H37" s="72">
        <v>8</v>
      </c>
      <c r="I37" s="72">
        <v>3</v>
      </c>
      <c r="J37" s="72">
        <v>0</v>
      </c>
      <c r="K37" s="72">
        <v>0</v>
      </c>
      <c r="L37" s="74">
        <v>15</v>
      </c>
      <c r="M37" s="75">
        <v>21</v>
      </c>
      <c r="N37" s="60">
        <v>0</v>
      </c>
      <c r="O37" s="61">
        <v>0</v>
      </c>
      <c r="P37" s="62">
        <v>0</v>
      </c>
      <c r="Q37" s="231"/>
      <c r="R37" s="61">
        <v>0</v>
      </c>
      <c r="S37" s="61">
        <v>0</v>
      </c>
      <c r="T37" s="61">
        <v>0</v>
      </c>
      <c r="U37" s="61">
        <v>0</v>
      </c>
      <c r="V37" s="61">
        <v>0</v>
      </c>
      <c r="W37" s="62">
        <v>0</v>
      </c>
      <c r="X37" s="63">
        <v>0</v>
      </c>
      <c r="Y37" s="60">
        <v>0</v>
      </c>
      <c r="Z37" s="61">
        <v>0</v>
      </c>
      <c r="AA37" s="62">
        <v>0</v>
      </c>
      <c r="AB37" s="231"/>
      <c r="AC37" s="61">
        <v>0</v>
      </c>
      <c r="AD37" s="61">
        <v>0</v>
      </c>
      <c r="AE37" s="61">
        <v>0</v>
      </c>
      <c r="AF37" s="61">
        <v>0</v>
      </c>
      <c r="AG37" s="61">
        <v>0</v>
      </c>
      <c r="AH37" s="62">
        <v>0</v>
      </c>
      <c r="AI37" s="63">
        <v>0</v>
      </c>
      <c r="AJ37" s="60">
        <v>0</v>
      </c>
      <c r="AK37" s="61">
        <v>0</v>
      </c>
      <c r="AL37" s="62">
        <v>0</v>
      </c>
      <c r="AM37" s="231"/>
      <c r="AN37" s="61">
        <v>0</v>
      </c>
      <c r="AO37" s="61">
        <v>0</v>
      </c>
      <c r="AP37" s="61">
        <v>0</v>
      </c>
      <c r="AQ37" s="61">
        <v>0</v>
      </c>
      <c r="AR37" s="61">
        <v>0</v>
      </c>
      <c r="AS37" s="62">
        <v>0</v>
      </c>
      <c r="AT37" s="63">
        <v>0</v>
      </c>
      <c r="AU37" s="60">
        <v>1</v>
      </c>
      <c r="AV37" s="61">
        <v>0</v>
      </c>
      <c r="AW37" s="62">
        <v>1</v>
      </c>
      <c r="AX37" s="231"/>
      <c r="AY37" s="61">
        <v>1</v>
      </c>
      <c r="AZ37" s="61">
        <v>4</v>
      </c>
      <c r="BA37" s="61">
        <v>0</v>
      </c>
      <c r="BB37" s="61">
        <v>0</v>
      </c>
      <c r="BC37" s="61">
        <v>0</v>
      </c>
      <c r="BD37" s="62">
        <v>5</v>
      </c>
      <c r="BE37" s="63">
        <v>6</v>
      </c>
      <c r="BF37" s="60">
        <v>2</v>
      </c>
      <c r="BG37" s="61">
        <v>1</v>
      </c>
      <c r="BH37" s="62">
        <v>3</v>
      </c>
      <c r="BI37" s="231"/>
      <c r="BJ37" s="61">
        <v>1</v>
      </c>
      <c r="BK37" s="61">
        <v>1</v>
      </c>
      <c r="BL37" s="61">
        <v>3</v>
      </c>
      <c r="BM37" s="61">
        <v>0</v>
      </c>
      <c r="BN37" s="61">
        <v>0</v>
      </c>
      <c r="BO37" s="62">
        <v>5</v>
      </c>
      <c r="BP37" s="63">
        <v>8</v>
      </c>
      <c r="BQ37" s="60">
        <v>1</v>
      </c>
      <c r="BR37" s="61">
        <v>1</v>
      </c>
      <c r="BS37" s="62">
        <v>2</v>
      </c>
      <c r="BT37" s="231"/>
      <c r="BU37" s="61">
        <v>2</v>
      </c>
      <c r="BV37" s="61">
        <v>3</v>
      </c>
      <c r="BW37" s="61">
        <v>0</v>
      </c>
      <c r="BX37" s="61">
        <v>0</v>
      </c>
      <c r="BY37" s="61">
        <v>0</v>
      </c>
      <c r="BZ37" s="62">
        <v>5</v>
      </c>
      <c r="CA37" s="63">
        <v>7</v>
      </c>
      <c r="CB37" s="60">
        <v>0</v>
      </c>
      <c r="CC37" s="61">
        <v>0</v>
      </c>
      <c r="CD37" s="62">
        <v>0</v>
      </c>
      <c r="CE37" s="231"/>
      <c r="CF37" s="61">
        <v>0</v>
      </c>
      <c r="CG37" s="61">
        <v>0</v>
      </c>
      <c r="CH37" s="61">
        <v>0</v>
      </c>
      <c r="CI37" s="61">
        <v>0</v>
      </c>
      <c r="CJ37" s="61">
        <v>0</v>
      </c>
      <c r="CK37" s="62">
        <v>0</v>
      </c>
      <c r="CL37" s="63">
        <v>0</v>
      </c>
      <c r="CM37" s="60">
        <v>4</v>
      </c>
      <c r="CN37" s="61">
        <v>2</v>
      </c>
      <c r="CO37" s="62">
        <v>6</v>
      </c>
      <c r="CP37" s="231"/>
      <c r="CQ37" s="61">
        <v>4</v>
      </c>
      <c r="CR37" s="61">
        <v>8</v>
      </c>
      <c r="CS37" s="61">
        <v>3</v>
      </c>
      <c r="CT37" s="61">
        <v>0</v>
      </c>
      <c r="CU37" s="61">
        <v>0</v>
      </c>
      <c r="CV37" s="62">
        <v>15</v>
      </c>
      <c r="CW37" s="63">
        <v>21</v>
      </c>
      <c r="CX37" s="113">
        <v>1</v>
      </c>
      <c r="CY37" s="72">
        <v>0</v>
      </c>
      <c r="CZ37" s="73">
        <v>1</v>
      </c>
      <c r="DA37" s="228"/>
      <c r="DB37" s="72">
        <v>0</v>
      </c>
      <c r="DC37" s="72">
        <v>0</v>
      </c>
      <c r="DD37" s="72">
        <v>1</v>
      </c>
      <c r="DE37" s="72">
        <v>1</v>
      </c>
      <c r="DF37" s="72">
        <v>2</v>
      </c>
      <c r="DG37" s="74">
        <v>4</v>
      </c>
      <c r="DH37" s="75">
        <v>5</v>
      </c>
      <c r="DI37" s="60">
        <v>0</v>
      </c>
      <c r="DJ37" s="61">
        <v>0</v>
      </c>
      <c r="DK37" s="62">
        <v>0</v>
      </c>
      <c r="DL37" s="231"/>
      <c r="DM37" s="61">
        <v>0</v>
      </c>
      <c r="DN37" s="61">
        <v>0</v>
      </c>
      <c r="DO37" s="61">
        <v>0</v>
      </c>
      <c r="DP37" s="61">
        <v>0</v>
      </c>
      <c r="DQ37" s="61">
        <v>0</v>
      </c>
      <c r="DR37" s="62">
        <v>0</v>
      </c>
      <c r="DS37" s="63">
        <v>0</v>
      </c>
      <c r="DT37" s="60">
        <v>0</v>
      </c>
      <c r="DU37" s="61">
        <v>0</v>
      </c>
      <c r="DV37" s="62">
        <v>0</v>
      </c>
      <c r="DW37" s="231"/>
      <c r="DX37" s="61">
        <v>0</v>
      </c>
      <c r="DY37" s="61">
        <v>0</v>
      </c>
      <c r="DZ37" s="61">
        <v>0</v>
      </c>
      <c r="EA37" s="61">
        <v>1</v>
      </c>
      <c r="EB37" s="61">
        <v>0</v>
      </c>
      <c r="EC37" s="62">
        <v>1</v>
      </c>
      <c r="ED37" s="63">
        <v>1</v>
      </c>
      <c r="EE37" s="60">
        <v>0</v>
      </c>
      <c r="EF37" s="61">
        <v>0</v>
      </c>
      <c r="EG37" s="62">
        <v>0</v>
      </c>
      <c r="EH37" s="231"/>
      <c r="EI37" s="61">
        <v>0</v>
      </c>
      <c r="EJ37" s="61">
        <v>0</v>
      </c>
      <c r="EK37" s="61">
        <v>0</v>
      </c>
      <c r="EL37" s="61">
        <v>0</v>
      </c>
      <c r="EM37" s="61">
        <v>0</v>
      </c>
      <c r="EN37" s="62">
        <v>0</v>
      </c>
      <c r="EO37" s="63">
        <v>0</v>
      </c>
      <c r="EP37" s="60">
        <v>0</v>
      </c>
      <c r="EQ37" s="61">
        <v>0</v>
      </c>
      <c r="ER37" s="62">
        <v>0</v>
      </c>
      <c r="ES37" s="231"/>
      <c r="ET37" s="61">
        <v>0</v>
      </c>
      <c r="EU37" s="61">
        <v>0</v>
      </c>
      <c r="EV37" s="61">
        <v>0</v>
      </c>
      <c r="EW37" s="61">
        <v>0</v>
      </c>
      <c r="EX37" s="61">
        <v>0</v>
      </c>
      <c r="EY37" s="62">
        <v>0</v>
      </c>
      <c r="EZ37" s="63">
        <v>0</v>
      </c>
      <c r="FA37" s="60">
        <v>1</v>
      </c>
      <c r="FB37" s="61">
        <v>0</v>
      </c>
      <c r="FC37" s="62">
        <v>1</v>
      </c>
      <c r="FD37" s="231"/>
      <c r="FE37" s="61">
        <v>0</v>
      </c>
      <c r="FF37" s="61">
        <v>0</v>
      </c>
      <c r="FG37" s="61">
        <v>1</v>
      </c>
      <c r="FH37" s="61">
        <v>0</v>
      </c>
      <c r="FI37" s="61">
        <v>0</v>
      </c>
      <c r="FJ37" s="62">
        <v>1</v>
      </c>
      <c r="FK37" s="63">
        <v>2</v>
      </c>
      <c r="FL37" s="60">
        <v>0</v>
      </c>
      <c r="FM37" s="61">
        <v>0</v>
      </c>
      <c r="FN37" s="62">
        <v>0</v>
      </c>
      <c r="FO37" s="231"/>
      <c r="FP37" s="61">
        <v>0</v>
      </c>
      <c r="FQ37" s="61">
        <v>0</v>
      </c>
      <c r="FR37" s="61">
        <v>0</v>
      </c>
      <c r="FS37" s="61">
        <v>0</v>
      </c>
      <c r="FT37" s="61">
        <v>2</v>
      </c>
      <c r="FU37" s="62">
        <v>2</v>
      </c>
      <c r="FV37" s="63">
        <v>2</v>
      </c>
      <c r="FW37" s="60">
        <v>0</v>
      </c>
      <c r="FX37" s="61">
        <v>0</v>
      </c>
      <c r="FY37" s="62">
        <v>0</v>
      </c>
      <c r="FZ37" s="231"/>
      <c r="GA37" s="61">
        <v>0</v>
      </c>
      <c r="GB37" s="61">
        <v>0</v>
      </c>
      <c r="GC37" s="61">
        <v>0</v>
      </c>
      <c r="GD37" s="61">
        <v>0</v>
      </c>
      <c r="GE37" s="61">
        <v>0</v>
      </c>
      <c r="GF37" s="62">
        <v>0</v>
      </c>
      <c r="GG37" s="63">
        <v>0</v>
      </c>
      <c r="GH37" s="60">
        <v>1</v>
      </c>
      <c r="GI37" s="61">
        <v>0</v>
      </c>
      <c r="GJ37" s="62">
        <v>1</v>
      </c>
      <c r="GK37" s="231"/>
      <c r="GL37" s="61">
        <v>0</v>
      </c>
      <c r="GM37" s="61">
        <v>0</v>
      </c>
      <c r="GN37" s="61">
        <v>1</v>
      </c>
      <c r="GO37" s="61">
        <v>1</v>
      </c>
      <c r="GP37" s="61">
        <v>2</v>
      </c>
      <c r="GQ37" s="62">
        <v>4</v>
      </c>
      <c r="GR37" s="63">
        <v>5</v>
      </c>
      <c r="GS37" s="113">
        <v>5</v>
      </c>
      <c r="GT37" s="72">
        <v>2</v>
      </c>
      <c r="GU37" s="73">
        <v>7</v>
      </c>
      <c r="GV37" s="228"/>
      <c r="GW37" s="72">
        <v>4</v>
      </c>
      <c r="GX37" s="72">
        <v>8</v>
      </c>
      <c r="GY37" s="72">
        <v>4</v>
      </c>
      <c r="GZ37" s="72">
        <v>1</v>
      </c>
      <c r="HA37" s="72">
        <v>2</v>
      </c>
      <c r="HB37" s="74">
        <v>19</v>
      </c>
      <c r="HC37" s="75">
        <v>26</v>
      </c>
      <c r="HD37" s="60">
        <v>0</v>
      </c>
      <c r="HE37" s="61">
        <v>0</v>
      </c>
      <c r="HF37" s="62">
        <v>0</v>
      </c>
      <c r="HG37" s="231"/>
      <c r="HH37" s="61">
        <v>0</v>
      </c>
      <c r="HI37" s="61">
        <v>0</v>
      </c>
      <c r="HJ37" s="61">
        <v>0</v>
      </c>
      <c r="HK37" s="61">
        <v>0</v>
      </c>
      <c r="HL37" s="61">
        <v>0</v>
      </c>
      <c r="HM37" s="62">
        <v>0</v>
      </c>
      <c r="HN37" s="63">
        <v>0</v>
      </c>
      <c r="HO37" s="60">
        <v>0</v>
      </c>
      <c r="HP37" s="61">
        <v>0</v>
      </c>
      <c r="HQ37" s="62">
        <v>0</v>
      </c>
      <c r="HR37" s="231"/>
      <c r="HS37" s="61">
        <v>0</v>
      </c>
      <c r="HT37" s="61">
        <v>0</v>
      </c>
      <c r="HU37" s="61">
        <v>0</v>
      </c>
      <c r="HV37" s="61">
        <v>1</v>
      </c>
      <c r="HW37" s="61">
        <v>0</v>
      </c>
      <c r="HX37" s="62">
        <v>1</v>
      </c>
      <c r="HY37" s="63">
        <v>1</v>
      </c>
      <c r="HZ37" s="60">
        <v>0</v>
      </c>
      <c r="IA37" s="61">
        <v>0</v>
      </c>
      <c r="IB37" s="62">
        <v>0</v>
      </c>
      <c r="IC37" s="231"/>
      <c r="ID37" s="61">
        <v>0</v>
      </c>
      <c r="IE37" s="61">
        <v>0</v>
      </c>
      <c r="IF37" s="61">
        <v>0</v>
      </c>
      <c r="IG37" s="61">
        <v>0</v>
      </c>
      <c r="IH37" s="61">
        <v>0</v>
      </c>
      <c r="II37" s="62">
        <v>0</v>
      </c>
      <c r="IJ37" s="63">
        <v>0</v>
      </c>
      <c r="IK37" s="60">
        <v>1</v>
      </c>
      <c r="IL37" s="61">
        <v>0</v>
      </c>
      <c r="IM37" s="62">
        <v>1</v>
      </c>
      <c r="IN37" s="231"/>
      <c r="IO37" s="61">
        <v>1</v>
      </c>
      <c r="IP37" s="61">
        <v>4</v>
      </c>
      <c r="IQ37" s="61">
        <v>0</v>
      </c>
      <c r="IR37" s="61">
        <v>0</v>
      </c>
      <c r="IS37" s="61">
        <v>0</v>
      </c>
      <c r="IT37" s="62">
        <v>5</v>
      </c>
      <c r="IU37" s="63">
        <v>6</v>
      </c>
      <c r="IV37" s="60">
        <v>3</v>
      </c>
      <c r="IW37" s="61">
        <v>1</v>
      </c>
      <c r="IX37" s="62">
        <v>4</v>
      </c>
      <c r="IY37" s="231"/>
      <c r="IZ37" s="61">
        <v>1</v>
      </c>
      <c r="JA37" s="61">
        <v>1</v>
      </c>
      <c r="JB37" s="61">
        <v>4</v>
      </c>
      <c r="JC37" s="61">
        <v>0</v>
      </c>
      <c r="JD37" s="61">
        <v>0</v>
      </c>
      <c r="JE37" s="62">
        <v>6</v>
      </c>
      <c r="JF37" s="63">
        <v>10</v>
      </c>
      <c r="JG37" s="60">
        <v>1</v>
      </c>
      <c r="JH37" s="61">
        <v>1</v>
      </c>
      <c r="JI37" s="62">
        <v>2</v>
      </c>
      <c r="JJ37" s="231"/>
      <c r="JK37" s="61">
        <v>2</v>
      </c>
      <c r="JL37" s="61">
        <v>3</v>
      </c>
      <c r="JM37" s="61">
        <v>0</v>
      </c>
      <c r="JN37" s="61">
        <v>0</v>
      </c>
      <c r="JO37" s="61">
        <v>2</v>
      </c>
      <c r="JP37" s="62">
        <v>7</v>
      </c>
      <c r="JQ37" s="63">
        <v>9</v>
      </c>
      <c r="JR37" s="60">
        <v>0</v>
      </c>
      <c r="JS37" s="61">
        <v>0</v>
      </c>
      <c r="JT37" s="62">
        <v>0</v>
      </c>
      <c r="JU37" s="231"/>
      <c r="JV37" s="61">
        <v>0</v>
      </c>
      <c r="JW37" s="61">
        <v>0</v>
      </c>
      <c r="JX37" s="61">
        <v>0</v>
      </c>
      <c r="JY37" s="61">
        <v>0</v>
      </c>
      <c r="JZ37" s="61">
        <v>0</v>
      </c>
      <c r="KA37" s="62">
        <v>0</v>
      </c>
      <c r="KB37" s="63">
        <v>0</v>
      </c>
      <c r="KC37" s="60">
        <v>5</v>
      </c>
      <c r="KD37" s="61">
        <v>2</v>
      </c>
      <c r="KE37" s="62">
        <v>7</v>
      </c>
      <c r="KF37" s="231"/>
      <c r="KG37" s="61">
        <v>4</v>
      </c>
      <c r="KH37" s="61">
        <v>8</v>
      </c>
      <c r="KI37" s="61">
        <v>4</v>
      </c>
      <c r="KJ37" s="61">
        <v>1</v>
      </c>
      <c r="KK37" s="61">
        <v>2</v>
      </c>
      <c r="KL37" s="62">
        <v>19</v>
      </c>
      <c r="KM37" s="63">
        <v>26</v>
      </c>
    </row>
    <row r="38" spans="2:299" ht="21" customHeight="1" x14ac:dyDescent="0.2">
      <c r="B38" s="472" t="s">
        <v>35</v>
      </c>
      <c r="C38" s="293">
        <v>9</v>
      </c>
      <c r="D38" s="72">
        <v>5</v>
      </c>
      <c r="E38" s="73">
        <v>14</v>
      </c>
      <c r="F38" s="228"/>
      <c r="G38" s="72">
        <v>20</v>
      </c>
      <c r="H38" s="72">
        <v>6</v>
      </c>
      <c r="I38" s="72">
        <v>6</v>
      </c>
      <c r="J38" s="72">
        <v>4</v>
      </c>
      <c r="K38" s="72">
        <v>3</v>
      </c>
      <c r="L38" s="74">
        <v>39</v>
      </c>
      <c r="M38" s="75">
        <v>53</v>
      </c>
      <c r="N38" s="60">
        <v>0</v>
      </c>
      <c r="O38" s="61">
        <v>0</v>
      </c>
      <c r="P38" s="62">
        <v>0</v>
      </c>
      <c r="Q38" s="231"/>
      <c r="R38" s="61">
        <v>1</v>
      </c>
      <c r="S38" s="61">
        <v>0</v>
      </c>
      <c r="T38" s="61">
        <v>0</v>
      </c>
      <c r="U38" s="61">
        <v>0</v>
      </c>
      <c r="V38" s="61">
        <v>0</v>
      </c>
      <c r="W38" s="62">
        <v>1</v>
      </c>
      <c r="X38" s="63">
        <v>1</v>
      </c>
      <c r="Y38" s="60">
        <v>0</v>
      </c>
      <c r="Z38" s="61">
        <v>0</v>
      </c>
      <c r="AA38" s="62">
        <v>0</v>
      </c>
      <c r="AB38" s="231"/>
      <c r="AC38" s="61">
        <v>1</v>
      </c>
      <c r="AD38" s="61">
        <v>0</v>
      </c>
      <c r="AE38" s="61">
        <v>0</v>
      </c>
      <c r="AF38" s="61">
        <v>0</v>
      </c>
      <c r="AG38" s="61">
        <v>0</v>
      </c>
      <c r="AH38" s="62">
        <v>1</v>
      </c>
      <c r="AI38" s="63">
        <v>1</v>
      </c>
      <c r="AJ38" s="60">
        <v>2</v>
      </c>
      <c r="AK38" s="61">
        <v>0</v>
      </c>
      <c r="AL38" s="62">
        <v>2</v>
      </c>
      <c r="AM38" s="231"/>
      <c r="AN38" s="61">
        <v>4</v>
      </c>
      <c r="AO38" s="61">
        <v>0</v>
      </c>
      <c r="AP38" s="61">
        <v>1</v>
      </c>
      <c r="AQ38" s="61">
        <v>0</v>
      </c>
      <c r="AR38" s="61">
        <v>0</v>
      </c>
      <c r="AS38" s="62">
        <v>5</v>
      </c>
      <c r="AT38" s="63">
        <v>7</v>
      </c>
      <c r="AU38" s="60">
        <v>3</v>
      </c>
      <c r="AV38" s="61">
        <v>3</v>
      </c>
      <c r="AW38" s="62">
        <v>6</v>
      </c>
      <c r="AX38" s="231"/>
      <c r="AY38" s="61">
        <v>3</v>
      </c>
      <c r="AZ38" s="61">
        <v>0</v>
      </c>
      <c r="BA38" s="61">
        <v>1</v>
      </c>
      <c r="BB38" s="61">
        <v>1</v>
      </c>
      <c r="BC38" s="61">
        <v>0</v>
      </c>
      <c r="BD38" s="62">
        <v>5</v>
      </c>
      <c r="BE38" s="63">
        <v>11</v>
      </c>
      <c r="BF38" s="60">
        <v>1</v>
      </c>
      <c r="BG38" s="61">
        <v>1</v>
      </c>
      <c r="BH38" s="62">
        <v>2</v>
      </c>
      <c r="BI38" s="231"/>
      <c r="BJ38" s="61">
        <v>7</v>
      </c>
      <c r="BK38" s="61">
        <v>3</v>
      </c>
      <c r="BL38" s="61">
        <v>0</v>
      </c>
      <c r="BM38" s="61">
        <v>0</v>
      </c>
      <c r="BN38" s="61">
        <v>2</v>
      </c>
      <c r="BO38" s="62">
        <v>12</v>
      </c>
      <c r="BP38" s="63">
        <v>14</v>
      </c>
      <c r="BQ38" s="60">
        <v>3</v>
      </c>
      <c r="BR38" s="61">
        <v>1</v>
      </c>
      <c r="BS38" s="62">
        <v>4</v>
      </c>
      <c r="BT38" s="231"/>
      <c r="BU38" s="61">
        <v>4</v>
      </c>
      <c r="BV38" s="61">
        <v>3</v>
      </c>
      <c r="BW38" s="61">
        <v>4</v>
      </c>
      <c r="BX38" s="61">
        <v>3</v>
      </c>
      <c r="BY38" s="61">
        <v>1</v>
      </c>
      <c r="BZ38" s="62">
        <v>15</v>
      </c>
      <c r="CA38" s="63">
        <v>19</v>
      </c>
      <c r="CB38" s="60">
        <v>0</v>
      </c>
      <c r="CC38" s="61">
        <v>0</v>
      </c>
      <c r="CD38" s="62">
        <v>0</v>
      </c>
      <c r="CE38" s="231"/>
      <c r="CF38" s="61">
        <v>0</v>
      </c>
      <c r="CG38" s="61">
        <v>0</v>
      </c>
      <c r="CH38" s="61">
        <v>0</v>
      </c>
      <c r="CI38" s="61">
        <v>0</v>
      </c>
      <c r="CJ38" s="61">
        <v>0</v>
      </c>
      <c r="CK38" s="62">
        <v>0</v>
      </c>
      <c r="CL38" s="63">
        <v>0</v>
      </c>
      <c r="CM38" s="60">
        <v>9</v>
      </c>
      <c r="CN38" s="61">
        <v>5</v>
      </c>
      <c r="CO38" s="62">
        <v>14</v>
      </c>
      <c r="CP38" s="231"/>
      <c r="CQ38" s="61">
        <v>20</v>
      </c>
      <c r="CR38" s="61">
        <v>6</v>
      </c>
      <c r="CS38" s="61">
        <v>6</v>
      </c>
      <c r="CT38" s="61">
        <v>4</v>
      </c>
      <c r="CU38" s="61">
        <v>3</v>
      </c>
      <c r="CV38" s="62">
        <v>39</v>
      </c>
      <c r="CW38" s="63">
        <v>53</v>
      </c>
      <c r="CX38" s="113">
        <v>0</v>
      </c>
      <c r="CY38" s="72">
        <v>1</v>
      </c>
      <c r="CZ38" s="73">
        <v>1</v>
      </c>
      <c r="DA38" s="228"/>
      <c r="DB38" s="72">
        <v>7</v>
      </c>
      <c r="DC38" s="72">
        <v>1</v>
      </c>
      <c r="DD38" s="72">
        <v>2</v>
      </c>
      <c r="DE38" s="72">
        <v>2</v>
      </c>
      <c r="DF38" s="72">
        <v>2</v>
      </c>
      <c r="DG38" s="74">
        <v>14</v>
      </c>
      <c r="DH38" s="75">
        <v>15</v>
      </c>
      <c r="DI38" s="60">
        <v>0</v>
      </c>
      <c r="DJ38" s="61">
        <v>0</v>
      </c>
      <c r="DK38" s="62">
        <v>0</v>
      </c>
      <c r="DL38" s="231"/>
      <c r="DM38" s="61">
        <v>0</v>
      </c>
      <c r="DN38" s="61">
        <v>0</v>
      </c>
      <c r="DO38" s="61">
        <v>0</v>
      </c>
      <c r="DP38" s="61">
        <v>0</v>
      </c>
      <c r="DQ38" s="61">
        <v>0</v>
      </c>
      <c r="DR38" s="62">
        <v>0</v>
      </c>
      <c r="DS38" s="63">
        <v>0</v>
      </c>
      <c r="DT38" s="60">
        <v>0</v>
      </c>
      <c r="DU38" s="61">
        <v>0</v>
      </c>
      <c r="DV38" s="62">
        <v>0</v>
      </c>
      <c r="DW38" s="231"/>
      <c r="DX38" s="61">
        <v>0</v>
      </c>
      <c r="DY38" s="61">
        <v>0</v>
      </c>
      <c r="DZ38" s="61">
        <v>1</v>
      </c>
      <c r="EA38" s="61">
        <v>0</v>
      </c>
      <c r="EB38" s="61">
        <v>0</v>
      </c>
      <c r="EC38" s="62">
        <v>1</v>
      </c>
      <c r="ED38" s="63">
        <v>1</v>
      </c>
      <c r="EE38" s="60">
        <v>0</v>
      </c>
      <c r="EF38" s="61">
        <v>0</v>
      </c>
      <c r="EG38" s="62">
        <v>0</v>
      </c>
      <c r="EH38" s="231"/>
      <c r="EI38" s="61">
        <v>0</v>
      </c>
      <c r="EJ38" s="61">
        <v>1</v>
      </c>
      <c r="EK38" s="61">
        <v>0</v>
      </c>
      <c r="EL38" s="61">
        <v>0</v>
      </c>
      <c r="EM38" s="61">
        <v>0</v>
      </c>
      <c r="EN38" s="62">
        <v>1</v>
      </c>
      <c r="EO38" s="63">
        <v>1</v>
      </c>
      <c r="EP38" s="60">
        <v>0</v>
      </c>
      <c r="EQ38" s="61">
        <v>0</v>
      </c>
      <c r="ER38" s="62">
        <v>0</v>
      </c>
      <c r="ES38" s="231"/>
      <c r="ET38" s="61">
        <v>2</v>
      </c>
      <c r="EU38" s="61">
        <v>0</v>
      </c>
      <c r="EV38" s="61">
        <v>0</v>
      </c>
      <c r="EW38" s="61">
        <v>0</v>
      </c>
      <c r="EX38" s="61">
        <v>0</v>
      </c>
      <c r="EY38" s="62">
        <v>2</v>
      </c>
      <c r="EZ38" s="63">
        <v>2</v>
      </c>
      <c r="FA38" s="60">
        <v>0</v>
      </c>
      <c r="FB38" s="61">
        <v>0</v>
      </c>
      <c r="FC38" s="62">
        <v>0</v>
      </c>
      <c r="FD38" s="231"/>
      <c r="FE38" s="61">
        <v>3</v>
      </c>
      <c r="FF38" s="61">
        <v>0</v>
      </c>
      <c r="FG38" s="61">
        <v>0</v>
      </c>
      <c r="FH38" s="61">
        <v>0</v>
      </c>
      <c r="FI38" s="61">
        <v>1</v>
      </c>
      <c r="FJ38" s="62">
        <v>4</v>
      </c>
      <c r="FK38" s="63">
        <v>4</v>
      </c>
      <c r="FL38" s="60">
        <v>0</v>
      </c>
      <c r="FM38" s="61">
        <v>1</v>
      </c>
      <c r="FN38" s="62">
        <v>1</v>
      </c>
      <c r="FO38" s="231"/>
      <c r="FP38" s="61">
        <v>2</v>
      </c>
      <c r="FQ38" s="61">
        <v>0</v>
      </c>
      <c r="FR38" s="61">
        <v>1</v>
      </c>
      <c r="FS38" s="61">
        <v>2</v>
      </c>
      <c r="FT38" s="61">
        <v>1</v>
      </c>
      <c r="FU38" s="62">
        <v>6</v>
      </c>
      <c r="FV38" s="63">
        <v>7</v>
      </c>
      <c r="FW38" s="60">
        <v>0</v>
      </c>
      <c r="FX38" s="61">
        <v>0</v>
      </c>
      <c r="FY38" s="62">
        <v>0</v>
      </c>
      <c r="FZ38" s="231"/>
      <c r="GA38" s="61">
        <v>0</v>
      </c>
      <c r="GB38" s="61">
        <v>0</v>
      </c>
      <c r="GC38" s="61">
        <v>0</v>
      </c>
      <c r="GD38" s="61">
        <v>0</v>
      </c>
      <c r="GE38" s="61">
        <v>0</v>
      </c>
      <c r="GF38" s="62">
        <v>0</v>
      </c>
      <c r="GG38" s="63">
        <v>0</v>
      </c>
      <c r="GH38" s="60">
        <v>0</v>
      </c>
      <c r="GI38" s="61">
        <v>1</v>
      </c>
      <c r="GJ38" s="62">
        <v>1</v>
      </c>
      <c r="GK38" s="231"/>
      <c r="GL38" s="61">
        <v>7</v>
      </c>
      <c r="GM38" s="61">
        <v>1</v>
      </c>
      <c r="GN38" s="61">
        <v>2</v>
      </c>
      <c r="GO38" s="61">
        <v>2</v>
      </c>
      <c r="GP38" s="61">
        <v>2</v>
      </c>
      <c r="GQ38" s="62">
        <v>14</v>
      </c>
      <c r="GR38" s="63">
        <v>15</v>
      </c>
      <c r="GS38" s="113">
        <v>9</v>
      </c>
      <c r="GT38" s="72">
        <v>6</v>
      </c>
      <c r="GU38" s="73">
        <v>15</v>
      </c>
      <c r="GV38" s="228"/>
      <c r="GW38" s="72">
        <v>27</v>
      </c>
      <c r="GX38" s="72">
        <v>7</v>
      </c>
      <c r="GY38" s="72">
        <v>8</v>
      </c>
      <c r="GZ38" s="72">
        <v>6</v>
      </c>
      <c r="HA38" s="72">
        <v>5</v>
      </c>
      <c r="HB38" s="74">
        <v>53</v>
      </c>
      <c r="HC38" s="75">
        <v>68</v>
      </c>
      <c r="HD38" s="60">
        <v>0</v>
      </c>
      <c r="HE38" s="61">
        <v>0</v>
      </c>
      <c r="HF38" s="62">
        <v>0</v>
      </c>
      <c r="HG38" s="231"/>
      <c r="HH38" s="61">
        <v>1</v>
      </c>
      <c r="HI38" s="61">
        <v>0</v>
      </c>
      <c r="HJ38" s="61">
        <v>0</v>
      </c>
      <c r="HK38" s="61">
        <v>0</v>
      </c>
      <c r="HL38" s="61">
        <v>0</v>
      </c>
      <c r="HM38" s="62">
        <v>1</v>
      </c>
      <c r="HN38" s="63">
        <v>1</v>
      </c>
      <c r="HO38" s="60">
        <v>0</v>
      </c>
      <c r="HP38" s="61">
        <v>0</v>
      </c>
      <c r="HQ38" s="62">
        <v>0</v>
      </c>
      <c r="HR38" s="231"/>
      <c r="HS38" s="61">
        <v>1</v>
      </c>
      <c r="HT38" s="61">
        <v>0</v>
      </c>
      <c r="HU38" s="61">
        <v>1</v>
      </c>
      <c r="HV38" s="61">
        <v>0</v>
      </c>
      <c r="HW38" s="61">
        <v>0</v>
      </c>
      <c r="HX38" s="62">
        <v>2</v>
      </c>
      <c r="HY38" s="63">
        <v>2</v>
      </c>
      <c r="HZ38" s="60">
        <v>2</v>
      </c>
      <c r="IA38" s="61">
        <v>0</v>
      </c>
      <c r="IB38" s="62">
        <v>2</v>
      </c>
      <c r="IC38" s="231"/>
      <c r="ID38" s="61">
        <v>4</v>
      </c>
      <c r="IE38" s="61">
        <v>1</v>
      </c>
      <c r="IF38" s="61">
        <v>1</v>
      </c>
      <c r="IG38" s="61">
        <v>0</v>
      </c>
      <c r="IH38" s="61">
        <v>0</v>
      </c>
      <c r="II38" s="62">
        <v>6</v>
      </c>
      <c r="IJ38" s="63">
        <v>8</v>
      </c>
      <c r="IK38" s="60">
        <v>3</v>
      </c>
      <c r="IL38" s="61">
        <v>3</v>
      </c>
      <c r="IM38" s="62">
        <v>6</v>
      </c>
      <c r="IN38" s="231"/>
      <c r="IO38" s="61">
        <v>5</v>
      </c>
      <c r="IP38" s="61">
        <v>0</v>
      </c>
      <c r="IQ38" s="61">
        <v>1</v>
      </c>
      <c r="IR38" s="61">
        <v>1</v>
      </c>
      <c r="IS38" s="61">
        <v>0</v>
      </c>
      <c r="IT38" s="62">
        <v>7</v>
      </c>
      <c r="IU38" s="63">
        <v>13</v>
      </c>
      <c r="IV38" s="60">
        <v>1</v>
      </c>
      <c r="IW38" s="61">
        <v>1</v>
      </c>
      <c r="IX38" s="62">
        <v>2</v>
      </c>
      <c r="IY38" s="231"/>
      <c r="IZ38" s="61">
        <v>10</v>
      </c>
      <c r="JA38" s="61">
        <v>3</v>
      </c>
      <c r="JB38" s="61">
        <v>0</v>
      </c>
      <c r="JC38" s="61">
        <v>0</v>
      </c>
      <c r="JD38" s="61">
        <v>3</v>
      </c>
      <c r="JE38" s="62">
        <v>16</v>
      </c>
      <c r="JF38" s="63">
        <v>18</v>
      </c>
      <c r="JG38" s="60">
        <v>3</v>
      </c>
      <c r="JH38" s="61">
        <v>2</v>
      </c>
      <c r="JI38" s="62">
        <v>5</v>
      </c>
      <c r="JJ38" s="231"/>
      <c r="JK38" s="61">
        <v>6</v>
      </c>
      <c r="JL38" s="61">
        <v>3</v>
      </c>
      <c r="JM38" s="61">
        <v>5</v>
      </c>
      <c r="JN38" s="61">
        <v>5</v>
      </c>
      <c r="JO38" s="61">
        <v>2</v>
      </c>
      <c r="JP38" s="62">
        <v>21</v>
      </c>
      <c r="JQ38" s="63">
        <v>26</v>
      </c>
      <c r="JR38" s="60">
        <v>0</v>
      </c>
      <c r="JS38" s="61">
        <v>0</v>
      </c>
      <c r="JT38" s="62">
        <v>0</v>
      </c>
      <c r="JU38" s="231"/>
      <c r="JV38" s="61">
        <v>0</v>
      </c>
      <c r="JW38" s="61">
        <v>0</v>
      </c>
      <c r="JX38" s="61">
        <v>0</v>
      </c>
      <c r="JY38" s="61">
        <v>0</v>
      </c>
      <c r="JZ38" s="61">
        <v>0</v>
      </c>
      <c r="KA38" s="62">
        <v>0</v>
      </c>
      <c r="KB38" s="63">
        <v>0</v>
      </c>
      <c r="KC38" s="60">
        <v>9</v>
      </c>
      <c r="KD38" s="61">
        <v>6</v>
      </c>
      <c r="KE38" s="62">
        <v>15</v>
      </c>
      <c r="KF38" s="231"/>
      <c r="KG38" s="61">
        <v>27</v>
      </c>
      <c r="KH38" s="61">
        <v>7</v>
      </c>
      <c r="KI38" s="61">
        <v>8</v>
      </c>
      <c r="KJ38" s="61">
        <v>6</v>
      </c>
      <c r="KK38" s="61">
        <v>5</v>
      </c>
      <c r="KL38" s="62">
        <v>53</v>
      </c>
      <c r="KM38" s="63">
        <v>68</v>
      </c>
    </row>
    <row r="39" spans="2:299" ht="21" customHeight="1" x14ac:dyDescent="0.2">
      <c r="B39" s="472" t="s">
        <v>36</v>
      </c>
      <c r="C39" s="293">
        <v>5</v>
      </c>
      <c r="D39" s="72">
        <v>5</v>
      </c>
      <c r="E39" s="73">
        <v>10</v>
      </c>
      <c r="F39" s="228"/>
      <c r="G39" s="72">
        <v>11</v>
      </c>
      <c r="H39" s="72">
        <v>5</v>
      </c>
      <c r="I39" s="72">
        <v>2</v>
      </c>
      <c r="J39" s="72">
        <v>9</v>
      </c>
      <c r="K39" s="72">
        <v>6</v>
      </c>
      <c r="L39" s="74">
        <v>33</v>
      </c>
      <c r="M39" s="75">
        <v>43</v>
      </c>
      <c r="N39" s="60">
        <v>1</v>
      </c>
      <c r="O39" s="61">
        <v>0</v>
      </c>
      <c r="P39" s="62">
        <v>1</v>
      </c>
      <c r="Q39" s="231"/>
      <c r="R39" s="61">
        <v>0</v>
      </c>
      <c r="S39" s="61">
        <v>1</v>
      </c>
      <c r="T39" s="61">
        <v>1</v>
      </c>
      <c r="U39" s="61">
        <v>0</v>
      </c>
      <c r="V39" s="61">
        <v>1</v>
      </c>
      <c r="W39" s="62">
        <v>3</v>
      </c>
      <c r="X39" s="63">
        <v>4</v>
      </c>
      <c r="Y39" s="60">
        <v>0</v>
      </c>
      <c r="Z39" s="61">
        <v>0</v>
      </c>
      <c r="AA39" s="62">
        <v>0</v>
      </c>
      <c r="AB39" s="231"/>
      <c r="AC39" s="61">
        <v>1</v>
      </c>
      <c r="AD39" s="61">
        <v>1</v>
      </c>
      <c r="AE39" s="61">
        <v>0</v>
      </c>
      <c r="AF39" s="61">
        <v>1</v>
      </c>
      <c r="AG39" s="61">
        <v>0</v>
      </c>
      <c r="AH39" s="62">
        <v>3</v>
      </c>
      <c r="AI39" s="63">
        <v>3</v>
      </c>
      <c r="AJ39" s="60">
        <v>1</v>
      </c>
      <c r="AK39" s="61">
        <v>1</v>
      </c>
      <c r="AL39" s="62">
        <v>2</v>
      </c>
      <c r="AM39" s="231"/>
      <c r="AN39" s="61">
        <v>0</v>
      </c>
      <c r="AO39" s="61">
        <v>0</v>
      </c>
      <c r="AP39" s="61">
        <v>0</v>
      </c>
      <c r="AQ39" s="61">
        <v>1</v>
      </c>
      <c r="AR39" s="61">
        <v>0</v>
      </c>
      <c r="AS39" s="62">
        <v>1</v>
      </c>
      <c r="AT39" s="63">
        <v>3</v>
      </c>
      <c r="AU39" s="60">
        <v>0</v>
      </c>
      <c r="AV39" s="61">
        <v>1</v>
      </c>
      <c r="AW39" s="62">
        <v>1</v>
      </c>
      <c r="AX39" s="231"/>
      <c r="AY39" s="61">
        <v>4</v>
      </c>
      <c r="AZ39" s="61">
        <v>0</v>
      </c>
      <c r="BA39" s="61">
        <v>0</v>
      </c>
      <c r="BB39" s="61">
        <v>1</v>
      </c>
      <c r="BC39" s="61">
        <v>1</v>
      </c>
      <c r="BD39" s="62">
        <v>6</v>
      </c>
      <c r="BE39" s="63">
        <v>7</v>
      </c>
      <c r="BF39" s="60">
        <v>3</v>
      </c>
      <c r="BG39" s="61">
        <v>0</v>
      </c>
      <c r="BH39" s="62">
        <v>3</v>
      </c>
      <c r="BI39" s="231"/>
      <c r="BJ39" s="61">
        <v>4</v>
      </c>
      <c r="BK39" s="61">
        <v>2</v>
      </c>
      <c r="BL39" s="61">
        <v>1</v>
      </c>
      <c r="BM39" s="61">
        <v>3</v>
      </c>
      <c r="BN39" s="61">
        <v>3</v>
      </c>
      <c r="BO39" s="62">
        <v>13</v>
      </c>
      <c r="BP39" s="63">
        <v>16</v>
      </c>
      <c r="BQ39" s="60">
        <v>0</v>
      </c>
      <c r="BR39" s="61">
        <v>3</v>
      </c>
      <c r="BS39" s="62">
        <v>3</v>
      </c>
      <c r="BT39" s="231"/>
      <c r="BU39" s="61">
        <v>2</v>
      </c>
      <c r="BV39" s="61">
        <v>1</v>
      </c>
      <c r="BW39" s="61">
        <v>0</v>
      </c>
      <c r="BX39" s="61">
        <v>3</v>
      </c>
      <c r="BY39" s="61">
        <v>1</v>
      </c>
      <c r="BZ39" s="62">
        <v>7</v>
      </c>
      <c r="CA39" s="63">
        <v>10</v>
      </c>
      <c r="CB39" s="60">
        <v>0</v>
      </c>
      <c r="CC39" s="61">
        <v>0</v>
      </c>
      <c r="CD39" s="62">
        <v>0</v>
      </c>
      <c r="CE39" s="231"/>
      <c r="CF39" s="61">
        <v>0</v>
      </c>
      <c r="CG39" s="61">
        <v>0</v>
      </c>
      <c r="CH39" s="61">
        <v>0</v>
      </c>
      <c r="CI39" s="61">
        <v>0</v>
      </c>
      <c r="CJ39" s="61">
        <v>0</v>
      </c>
      <c r="CK39" s="62">
        <v>0</v>
      </c>
      <c r="CL39" s="63">
        <v>0</v>
      </c>
      <c r="CM39" s="60">
        <v>5</v>
      </c>
      <c r="CN39" s="61">
        <v>5</v>
      </c>
      <c r="CO39" s="62">
        <v>10</v>
      </c>
      <c r="CP39" s="231"/>
      <c r="CQ39" s="61">
        <v>11</v>
      </c>
      <c r="CR39" s="61">
        <v>5</v>
      </c>
      <c r="CS39" s="61">
        <v>2</v>
      </c>
      <c r="CT39" s="61">
        <v>9</v>
      </c>
      <c r="CU39" s="61">
        <v>6</v>
      </c>
      <c r="CV39" s="62">
        <v>33</v>
      </c>
      <c r="CW39" s="63">
        <v>43</v>
      </c>
      <c r="CX39" s="113">
        <v>1</v>
      </c>
      <c r="CY39" s="72">
        <v>2</v>
      </c>
      <c r="CZ39" s="73">
        <v>3</v>
      </c>
      <c r="DA39" s="228"/>
      <c r="DB39" s="72">
        <v>3</v>
      </c>
      <c r="DC39" s="72">
        <v>1</v>
      </c>
      <c r="DD39" s="72">
        <v>1</v>
      </c>
      <c r="DE39" s="72">
        <v>0</v>
      </c>
      <c r="DF39" s="72">
        <v>2</v>
      </c>
      <c r="DG39" s="74">
        <v>7</v>
      </c>
      <c r="DH39" s="75">
        <v>10</v>
      </c>
      <c r="DI39" s="60">
        <v>0</v>
      </c>
      <c r="DJ39" s="61">
        <v>0</v>
      </c>
      <c r="DK39" s="62">
        <v>0</v>
      </c>
      <c r="DL39" s="231"/>
      <c r="DM39" s="61">
        <v>0</v>
      </c>
      <c r="DN39" s="61">
        <v>0</v>
      </c>
      <c r="DO39" s="61">
        <v>0</v>
      </c>
      <c r="DP39" s="61">
        <v>0</v>
      </c>
      <c r="DQ39" s="61">
        <v>0</v>
      </c>
      <c r="DR39" s="62">
        <v>0</v>
      </c>
      <c r="DS39" s="63">
        <v>0</v>
      </c>
      <c r="DT39" s="60">
        <v>0</v>
      </c>
      <c r="DU39" s="61">
        <v>0</v>
      </c>
      <c r="DV39" s="62">
        <v>0</v>
      </c>
      <c r="DW39" s="231"/>
      <c r="DX39" s="61">
        <v>0</v>
      </c>
      <c r="DY39" s="61">
        <v>0</v>
      </c>
      <c r="DZ39" s="61">
        <v>0</v>
      </c>
      <c r="EA39" s="61">
        <v>0</v>
      </c>
      <c r="EB39" s="61">
        <v>0</v>
      </c>
      <c r="EC39" s="62">
        <v>0</v>
      </c>
      <c r="ED39" s="63">
        <v>0</v>
      </c>
      <c r="EE39" s="60">
        <v>0</v>
      </c>
      <c r="EF39" s="61">
        <v>0</v>
      </c>
      <c r="EG39" s="62">
        <v>0</v>
      </c>
      <c r="EH39" s="231"/>
      <c r="EI39" s="61">
        <v>1</v>
      </c>
      <c r="EJ39" s="61">
        <v>0</v>
      </c>
      <c r="EK39" s="61">
        <v>0</v>
      </c>
      <c r="EL39" s="61">
        <v>0</v>
      </c>
      <c r="EM39" s="61">
        <v>0</v>
      </c>
      <c r="EN39" s="62">
        <v>1</v>
      </c>
      <c r="EO39" s="63">
        <v>1</v>
      </c>
      <c r="EP39" s="60">
        <v>0</v>
      </c>
      <c r="EQ39" s="61">
        <v>1</v>
      </c>
      <c r="ER39" s="62">
        <v>1</v>
      </c>
      <c r="ES39" s="231"/>
      <c r="ET39" s="61">
        <v>1</v>
      </c>
      <c r="EU39" s="61">
        <v>1</v>
      </c>
      <c r="EV39" s="61">
        <v>0</v>
      </c>
      <c r="EW39" s="61">
        <v>0</v>
      </c>
      <c r="EX39" s="61">
        <v>0</v>
      </c>
      <c r="EY39" s="62">
        <v>2</v>
      </c>
      <c r="EZ39" s="63">
        <v>3</v>
      </c>
      <c r="FA39" s="60">
        <v>0</v>
      </c>
      <c r="FB39" s="61">
        <v>1</v>
      </c>
      <c r="FC39" s="62">
        <v>1</v>
      </c>
      <c r="FD39" s="231"/>
      <c r="FE39" s="61">
        <v>0</v>
      </c>
      <c r="FF39" s="61">
        <v>0</v>
      </c>
      <c r="FG39" s="61">
        <v>1</v>
      </c>
      <c r="FH39" s="61">
        <v>0</v>
      </c>
      <c r="FI39" s="61">
        <v>0</v>
      </c>
      <c r="FJ39" s="62">
        <v>1</v>
      </c>
      <c r="FK39" s="63">
        <v>2</v>
      </c>
      <c r="FL39" s="60">
        <v>1</v>
      </c>
      <c r="FM39" s="61">
        <v>0</v>
      </c>
      <c r="FN39" s="62">
        <v>1</v>
      </c>
      <c r="FO39" s="231"/>
      <c r="FP39" s="61">
        <v>1</v>
      </c>
      <c r="FQ39" s="61">
        <v>0</v>
      </c>
      <c r="FR39" s="61">
        <v>0</v>
      </c>
      <c r="FS39" s="61">
        <v>0</v>
      </c>
      <c r="FT39" s="61">
        <v>2</v>
      </c>
      <c r="FU39" s="62">
        <v>3</v>
      </c>
      <c r="FV39" s="63">
        <v>4</v>
      </c>
      <c r="FW39" s="60">
        <v>0</v>
      </c>
      <c r="FX39" s="61">
        <v>0</v>
      </c>
      <c r="FY39" s="62">
        <v>0</v>
      </c>
      <c r="FZ39" s="231"/>
      <c r="GA39" s="61">
        <v>0</v>
      </c>
      <c r="GB39" s="61">
        <v>0</v>
      </c>
      <c r="GC39" s="61">
        <v>0</v>
      </c>
      <c r="GD39" s="61">
        <v>0</v>
      </c>
      <c r="GE39" s="61">
        <v>0</v>
      </c>
      <c r="GF39" s="62">
        <v>0</v>
      </c>
      <c r="GG39" s="63">
        <v>0</v>
      </c>
      <c r="GH39" s="60">
        <v>1</v>
      </c>
      <c r="GI39" s="61">
        <v>2</v>
      </c>
      <c r="GJ39" s="62">
        <v>3</v>
      </c>
      <c r="GK39" s="231"/>
      <c r="GL39" s="61">
        <v>3</v>
      </c>
      <c r="GM39" s="61">
        <v>1</v>
      </c>
      <c r="GN39" s="61">
        <v>1</v>
      </c>
      <c r="GO39" s="61">
        <v>0</v>
      </c>
      <c r="GP39" s="61">
        <v>2</v>
      </c>
      <c r="GQ39" s="62">
        <v>7</v>
      </c>
      <c r="GR39" s="63">
        <v>10</v>
      </c>
      <c r="GS39" s="113">
        <v>6</v>
      </c>
      <c r="GT39" s="72">
        <v>7</v>
      </c>
      <c r="GU39" s="73">
        <v>13</v>
      </c>
      <c r="GV39" s="228"/>
      <c r="GW39" s="72">
        <v>14</v>
      </c>
      <c r="GX39" s="72">
        <v>6</v>
      </c>
      <c r="GY39" s="72">
        <v>3</v>
      </c>
      <c r="GZ39" s="72">
        <v>9</v>
      </c>
      <c r="HA39" s="72">
        <v>8</v>
      </c>
      <c r="HB39" s="74">
        <v>40</v>
      </c>
      <c r="HC39" s="75">
        <v>53</v>
      </c>
      <c r="HD39" s="60">
        <v>1</v>
      </c>
      <c r="HE39" s="61">
        <v>0</v>
      </c>
      <c r="HF39" s="62">
        <v>1</v>
      </c>
      <c r="HG39" s="231"/>
      <c r="HH39" s="61">
        <v>0</v>
      </c>
      <c r="HI39" s="61">
        <v>1</v>
      </c>
      <c r="HJ39" s="61">
        <v>1</v>
      </c>
      <c r="HK39" s="61">
        <v>0</v>
      </c>
      <c r="HL39" s="61">
        <v>1</v>
      </c>
      <c r="HM39" s="62">
        <v>3</v>
      </c>
      <c r="HN39" s="63">
        <v>4</v>
      </c>
      <c r="HO39" s="60">
        <v>0</v>
      </c>
      <c r="HP39" s="61">
        <v>0</v>
      </c>
      <c r="HQ39" s="62">
        <v>0</v>
      </c>
      <c r="HR39" s="231"/>
      <c r="HS39" s="61">
        <v>1</v>
      </c>
      <c r="HT39" s="61">
        <v>1</v>
      </c>
      <c r="HU39" s="61">
        <v>0</v>
      </c>
      <c r="HV39" s="61">
        <v>1</v>
      </c>
      <c r="HW39" s="61">
        <v>0</v>
      </c>
      <c r="HX39" s="62">
        <v>3</v>
      </c>
      <c r="HY39" s="63">
        <v>3</v>
      </c>
      <c r="HZ39" s="60">
        <v>1</v>
      </c>
      <c r="IA39" s="61">
        <v>1</v>
      </c>
      <c r="IB39" s="62">
        <v>2</v>
      </c>
      <c r="IC39" s="231"/>
      <c r="ID39" s="61">
        <v>1</v>
      </c>
      <c r="IE39" s="61">
        <v>0</v>
      </c>
      <c r="IF39" s="61">
        <v>0</v>
      </c>
      <c r="IG39" s="61">
        <v>1</v>
      </c>
      <c r="IH39" s="61">
        <v>0</v>
      </c>
      <c r="II39" s="62">
        <v>2</v>
      </c>
      <c r="IJ39" s="63">
        <v>4</v>
      </c>
      <c r="IK39" s="60">
        <v>0</v>
      </c>
      <c r="IL39" s="61">
        <v>2</v>
      </c>
      <c r="IM39" s="62">
        <v>2</v>
      </c>
      <c r="IN39" s="231"/>
      <c r="IO39" s="61">
        <v>5</v>
      </c>
      <c r="IP39" s="61">
        <v>1</v>
      </c>
      <c r="IQ39" s="61">
        <v>0</v>
      </c>
      <c r="IR39" s="61">
        <v>1</v>
      </c>
      <c r="IS39" s="61">
        <v>1</v>
      </c>
      <c r="IT39" s="62">
        <v>8</v>
      </c>
      <c r="IU39" s="63">
        <v>10</v>
      </c>
      <c r="IV39" s="60">
        <v>3</v>
      </c>
      <c r="IW39" s="61">
        <v>1</v>
      </c>
      <c r="IX39" s="62">
        <v>4</v>
      </c>
      <c r="IY39" s="231"/>
      <c r="IZ39" s="61">
        <v>4</v>
      </c>
      <c r="JA39" s="61">
        <v>2</v>
      </c>
      <c r="JB39" s="61">
        <v>2</v>
      </c>
      <c r="JC39" s="61">
        <v>3</v>
      </c>
      <c r="JD39" s="61">
        <v>3</v>
      </c>
      <c r="JE39" s="62">
        <v>14</v>
      </c>
      <c r="JF39" s="63">
        <v>18</v>
      </c>
      <c r="JG39" s="60">
        <v>1</v>
      </c>
      <c r="JH39" s="61">
        <v>3</v>
      </c>
      <c r="JI39" s="62">
        <v>4</v>
      </c>
      <c r="JJ39" s="231"/>
      <c r="JK39" s="61">
        <v>3</v>
      </c>
      <c r="JL39" s="61">
        <v>1</v>
      </c>
      <c r="JM39" s="61">
        <v>0</v>
      </c>
      <c r="JN39" s="61">
        <v>3</v>
      </c>
      <c r="JO39" s="61">
        <v>3</v>
      </c>
      <c r="JP39" s="62">
        <v>10</v>
      </c>
      <c r="JQ39" s="63">
        <v>14</v>
      </c>
      <c r="JR39" s="60">
        <v>0</v>
      </c>
      <c r="JS39" s="61">
        <v>0</v>
      </c>
      <c r="JT39" s="62">
        <v>0</v>
      </c>
      <c r="JU39" s="231"/>
      <c r="JV39" s="61">
        <v>0</v>
      </c>
      <c r="JW39" s="61">
        <v>0</v>
      </c>
      <c r="JX39" s="61">
        <v>0</v>
      </c>
      <c r="JY39" s="61">
        <v>0</v>
      </c>
      <c r="JZ39" s="61">
        <v>0</v>
      </c>
      <c r="KA39" s="62">
        <v>0</v>
      </c>
      <c r="KB39" s="63">
        <v>0</v>
      </c>
      <c r="KC39" s="60">
        <v>6</v>
      </c>
      <c r="KD39" s="61">
        <v>7</v>
      </c>
      <c r="KE39" s="62">
        <v>13</v>
      </c>
      <c r="KF39" s="231"/>
      <c r="KG39" s="61">
        <v>14</v>
      </c>
      <c r="KH39" s="61">
        <v>6</v>
      </c>
      <c r="KI39" s="61">
        <v>3</v>
      </c>
      <c r="KJ39" s="61">
        <v>9</v>
      </c>
      <c r="KK39" s="61">
        <v>8</v>
      </c>
      <c r="KL39" s="62">
        <v>40</v>
      </c>
      <c r="KM39" s="63">
        <v>53</v>
      </c>
    </row>
    <row r="40" spans="2:299" ht="21" customHeight="1" thickBot="1" x14ac:dyDescent="0.25">
      <c r="B40" s="473" t="s">
        <v>37</v>
      </c>
      <c r="C40" s="294">
        <v>0</v>
      </c>
      <c r="D40" s="77">
        <v>0</v>
      </c>
      <c r="E40" s="78">
        <v>0</v>
      </c>
      <c r="F40" s="229"/>
      <c r="G40" s="77">
        <v>1</v>
      </c>
      <c r="H40" s="77">
        <v>1</v>
      </c>
      <c r="I40" s="77">
        <v>2</v>
      </c>
      <c r="J40" s="77">
        <v>1</v>
      </c>
      <c r="K40" s="77">
        <v>0</v>
      </c>
      <c r="L40" s="79">
        <v>5</v>
      </c>
      <c r="M40" s="80">
        <v>5</v>
      </c>
      <c r="N40" s="64">
        <v>0</v>
      </c>
      <c r="O40" s="65">
        <v>0</v>
      </c>
      <c r="P40" s="66">
        <v>0</v>
      </c>
      <c r="Q40" s="232"/>
      <c r="R40" s="65">
        <v>0</v>
      </c>
      <c r="S40" s="65">
        <v>0</v>
      </c>
      <c r="T40" s="65">
        <v>0</v>
      </c>
      <c r="U40" s="65">
        <v>0</v>
      </c>
      <c r="V40" s="65">
        <v>0</v>
      </c>
      <c r="W40" s="66">
        <v>0</v>
      </c>
      <c r="X40" s="67">
        <v>0</v>
      </c>
      <c r="Y40" s="64">
        <v>0</v>
      </c>
      <c r="Z40" s="65">
        <v>0</v>
      </c>
      <c r="AA40" s="66">
        <v>0</v>
      </c>
      <c r="AB40" s="232"/>
      <c r="AC40" s="65">
        <v>0</v>
      </c>
      <c r="AD40" s="65">
        <v>0</v>
      </c>
      <c r="AE40" s="65">
        <v>1</v>
      </c>
      <c r="AF40" s="65">
        <v>0</v>
      </c>
      <c r="AG40" s="65">
        <v>0</v>
      </c>
      <c r="AH40" s="66">
        <v>1</v>
      </c>
      <c r="AI40" s="67">
        <v>1</v>
      </c>
      <c r="AJ40" s="64">
        <v>0</v>
      </c>
      <c r="AK40" s="65">
        <v>0</v>
      </c>
      <c r="AL40" s="66">
        <v>0</v>
      </c>
      <c r="AM40" s="232"/>
      <c r="AN40" s="65">
        <v>1</v>
      </c>
      <c r="AO40" s="65">
        <v>0</v>
      </c>
      <c r="AP40" s="65">
        <v>1</v>
      </c>
      <c r="AQ40" s="65">
        <v>0</v>
      </c>
      <c r="AR40" s="65">
        <v>0</v>
      </c>
      <c r="AS40" s="66">
        <v>2</v>
      </c>
      <c r="AT40" s="67">
        <v>2</v>
      </c>
      <c r="AU40" s="64">
        <v>0</v>
      </c>
      <c r="AV40" s="65">
        <v>0</v>
      </c>
      <c r="AW40" s="66">
        <v>0</v>
      </c>
      <c r="AX40" s="232"/>
      <c r="AY40" s="65">
        <v>0</v>
      </c>
      <c r="AZ40" s="65">
        <v>0</v>
      </c>
      <c r="BA40" s="65">
        <v>0</v>
      </c>
      <c r="BB40" s="65">
        <v>0</v>
      </c>
      <c r="BC40" s="65">
        <v>0</v>
      </c>
      <c r="BD40" s="66">
        <v>0</v>
      </c>
      <c r="BE40" s="67">
        <v>0</v>
      </c>
      <c r="BF40" s="64">
        <v>0</v>
      </c>
      <c r="BG40" s="65">
        <v>0</v>
      </c>
      <c r="BH40" s="66">
        <v>0</v>
      </c>
      <c r="BI40" s="232"/>
      <c r="BJ40" s="65">
        <v>0</v>
      </c>
      <c r="BK40" s="65">
        <v>1</v>
      </c>
      <c r="BL40" s="65">
        <v>0</v>
      </c>
      <c r="BM40" s="65">
        <v>1</v>
      </c>
      <c r="BN40" s="65">
        <v>0</v>
      </c>
      <c r="BO40" s="66">
        <v>2</v>
      </c>
      <c r="BP40" s="67">
        <v>2</v>
      </c>
      <c r="BQ40" s="64">
        <v>0</v>
      </c>
      <c r="BR40" s="65">
        <v>0</v>
      </c>
      <c r="BS40" s="66">
        <v>0</v>
      </c>
      <c r="BT40" s="232"/>
      <c r="BU40" s="65">
        <v>0</v>
      </c>
      <c r="BV40" s="65">
        <v>0</v>
      </c>
      <c r="BW40" s="65">
        <v>0</v>
      </c>
      <c r="BX40" s="65">
        <v>0</v>
      </c>
      <c r="BY40" s="65">
        <v>0</v>
      </c>
      <c r="BZ40" s="66">
        <v>0</v>
      </c>
      <c r="CA40" s="67">
        <v>0</v>
      </c>
      <c r="CB40" s="64">
        <v>0</v>
      </c>
      <c r="CC40" s="65">
        <v>0</v>
      </c>
      <c r="CD40" s="66">
        <v>0</v>
      </c>
      <c r="CE40" s="232"/>
      <c r="CF40" s="65">
        <v>0</v>
      </c>
      <c r="CG40" s="65">
        <v>0</v>
      </c>
      <c r="CH40" s="65">
        <v>0</v>
      </c>
      <c r="CI40" s="65">
        <v>0</v>
      </c>
      <c r="CJ40" s="65">
        <v>0</v>
      </c>
      <c r="CK40" s="66">
        <v>0</v>
      </c>
      <c r="CL40" s="67">
        <v>0</v>
      </c>
      <c r="CM40" s="64">
        <v>0</v>
      </c>
      <c r="CN40" s="65">
        <v>0</v>
      </c>
      <c r="CO40" s="66">
        <v>0</v>
      </c>
      <c r="CP40" s="232"/>
      <c r="CQ40" s="65">
        <v>1</v>
      </c>
      <c r="CR40" s="65">
        <v>1</v>
      </c>
      <c r="CS40" s="65">
        <v>2</v>
      </c>
      <c r="CT40" s="65">
        <v>1</v>
      </c>
      <c r="CU40" s="65">
        <v>0</v>
      </c>
      <c r="CV40" s="66">
        <v>5</v>
      </c>
      <c r="CW40" s="67">
        <v>5</v>
      </c>
      <c r="CX40" s="114">
        <v>0</v>
      </c>
      <c r="CY40" s="77">
        <v>0</v>
      </c>
      <c r="CZ40" s="78">
        <v>0</v>
      </c>
      <c r="DA40" s="229"/>
      <c r="DB40" s="77">
        <v>0</v>
      </c>
      <c r="DC40" s="77">
        <v>0</v>
      </c>
      <c r="DD40" s="77">
        <v>0</v>
      </c>
      <c r="DE40" s="77">
        <v>0</v>
      </c>
      <c r="DF40" s="77">
        <v>0</v>
      </c>
      <c r="DG40" s="79">
        <v>0</v>
      </c>
      <c r="DH40" s="80">
        <v>0</v>
      </c>
      <c r="DI40" s="64">
        <v>0</v>
      </c>
      <c r="DJ40" s="65">
        <v>0</v>
      </c>
      <c r="DK40" s="66">
        <v>0</v>
      </c>
      <c r="DL40" s="232"/>
      <c r="DM40" s="65">
        <v>0</v>
      </c>
      <c r="DN40" s="65">
        <v>0</v>
      </c>
      <c r="DO40" s="65">
        <v>0</v>
      </c>
      <c r="DP40" s="65">
        <v>0</v>
      </c>
      <c r="DQ40" s="65">
        <v>0</v>
      </c>
      <c r="DR40" s="66">
        <v>0</v>
      </c>
      <c r="DS40" s="67">
        <v>0</v>
      </c>
      <c r="DT40" s="64">
        <v>0</v>
      </c>
      <c r="DU40" s="65">
        <v>0</v>
      </c>
      <c r="DV40" s="66">
        <v>0</v>
      </c>
      <c r="DW40" s="232"/>
      <c r="DX40" s="65">
        <v>0</v>
      </c>
      <c r="DY40" s="65">
        <v>0</v>
      </c>
      <c r="DZ40" s="65">
        <v>0</v>
      </c>
      <c r="EA40" s="65">
        <v>0</v>
      </c>
      <c r="EB40" s="65">
        <v>0</v>
      </c>
      <c r="EC40" s="66">
        <v>0</v>
      </c>
      <c r="ED40" s="67">
        <v>0</v>
      </c>
      <c r="EE40" s="64">
        <v>0</v>
      </c>
      <c r="EF40" s="65">
        <v>0</v>
      </c>
      <c r="EG40" s="66">
        <v>0</v>
      </c>
      <c r="EH40" s="232"/>
      <c r="EI40" s="65">
        <v>0</v>
      </c>
      <c r="EJ40" s="65">
        <v>0</v>
      </c>
      <c r="EK40" s="65">
        <v>0</v>
      </c>
      <c r="EL40" s="65">
        <v>0</v>
      </c>
      <c r="EM40" s="65">
        <v>0</v>
      </c>
      <c r="EN40" s="66">
        <v>0</v>
      </c>
      <c r="EO40" s="67">
        <v>0</v>
      </c>
      <c r="EP40" s="64">
        <v>0</v>
      </c>
      <c r="EQ40" s="65">
        <v>0</v>
      </c>
      <c r="ER40" s="66">
        <v>0</v>
      </c>
      <c r="ES40" s="232"/>
      <c r="ET40" s="65">
        <v>0</v>
      </c>
      <c r="EU40" s="65">
        <v>0</v>
      </c>
      <c r="EV40" s="65">
        <v>0</v>
      </c>
      <c r="EW40" s="65">
        <v>0</v>
      </c>
      <c r="EX40" s="65">
        <v>0</v>
      </c>
      <c r="EY40" s="66">
        <v>0</v>
      </c>
      <c r="EZ40" s="67">
        <v>0</v>
      </c>
      <c r="FA40" s="64">
        <v>0</v>
      </c>
      <c r="FB40" s="65">
        <v>0</v>
      </c>
      <c r="FC40" s="66">
        <v>0</v>
      </c>
      <c r="FD40" s="232"/>
      <c r="FE40" s="65">
        <v>0</v>
      </c>
      <c r="FF40" s="65">
        <v>0</v>
      </c>
      <c r="FG40" s="65">
        <v>0</v>
      </c>
      <c r="FH40" s="65">
        <v>0</v>
      </c>
      <c r="FI40" s="65">
        <v>0</v>
      </c>
      <c r="FJ40" s="66">
        <v>0</v>
      </c>
      <c r="FK40" s="67">
        <v>0</v>
      </c>
      <c r="FL40" s="64">
        <v>0</v>
      </c>
      <c r="FM40" s="65">
        <v>0</v>
      </c>
      <c r="FN40" s="66">
        <v>0</v>
      </c>
      <c r="FO40" s="232"/>
      <c r="FP40" s="65">
        <v>0</v>
      </c>
      <c r="FQ40" s="65">
        <v>0</v>
      </c>
      <c r="FR40" s="65">
        <v>0</v>
      </c>
      <c r="FS40" s="65">
        <v>0</v>
      </c>
      <c r="FT40" s="65">
        <v>0</v>
      </c>
      <c r="FU40" s="66">
        <v>0</v>
      </c>
      <c r="FV40" s="67">
        <v>0</v>
      </c>
      <c r="FW40" s="64">
        <v>0</v>
      </c>
      <c r="FX40" s="65">
        <v>0</v>
      </c>
      <c r="FY40" s="66">
        <v>0</v>
      </c>
      <c r="FZ40" s="232"/>
      <c r="GA40" s="65">
        <v>0</v>
      </c>
      <c r="GB40" s="65">
        <v>0</v>
      </c>
      <c r="GC40" s="65">
        <v>0</v>
      </c>
      <c r="GD40" s="65">
        <v>0</v>
      </c>
      <c r="GE40" s="65">
        <v>0</v>
      </c>
      <c r="GF40" s="66">
        <v>0</v>
      </c>
      <c r="GG40" s="67">
        <v>0</v>
      </c>
      <c r="GH40" s="64">
        <v>0</v>
      </c>
      <c r="GI40" s="65">
        <v>0</v>
      </c>
      <c r="GJ40" s="66">
        <v>0</v>
      </c>
      <c r="GK40" s="232"/>
      <c r="GL40" s="65">
        <v>0</v>
      </c>
      <c r="GM40" s="65">
        <v>0</v>
      </c>
      <c r="GN40" s="65">
        <v>0</v>
      </c>
      <c r="GO40" s="65">
        <v>0</v>
      </c>
      <c r="GP40" s="65">
        <v>0</v>
      </c>
      <c r="GQ40" s="66">
        <v>0</v>
      </c>
      <c r="GR40" s="67">
        <v>0</v>
      </c>
      <c r="GS40" s="114">
        <v>0</v>
      </c>
      <c r="GT40" s="77">
        <v>0</v>
      </c>
      <c r="GU40" s="78">
        <v>0</v>
      </c>
      <c r="GV40" s="229"/>
      <c r="GW40" s="77">
        <v>1</v>
      </c>
      <c r="GX40" s="77">
        <v>1</v>
      </c>
      <c r="GY40" s="77">
        <v>2</v>
      </c>
      <c r="GZ40" s="77">
        <v>1</v>
      </c>
      <c r="HA40" s="77">
        <v>0</v>
      </c>
      <c r="HB40" s="79">
        <v>5</v>
      </c>
      <c r="HC40" s="80">
        <v>5</v>
      </c>
      <c r="HD40" s="64">
        <v>0</v>
      </c>
      <c r="HE40" s="65">
        <v>0</v>
      </c>
      <c r="HF40" s="66">
        <v>0</v>
      </c>
      <c r="HG40" s="232"/>
      <c r="HH40" s="65">
        <v>0</v>
      </c>
      <c r="HI40" s="65">
        <v>0</v>
      </c>
      <c r="HJ40" s="65">
        <v>0</v>
      </c>
      <c r="HK40" s="65">
        <v>0</v>
      </c>
      <c r="HL40" s="65">
        <v>0</v>
      </c>
      <c r="HM40" s="66">
        <v>0</v>
      </c>
      <c r="HN40" s="67">
        <v>0</v>
      </c>
      <c r="HO40" s="64">
        <v>0</v>
      </c>
      <c r="HP40" s="65">
        <v>0</v>
      </c>
      <c r="HQ40" s="66">
        <v>0</v>
      </c>
      <c r="HR40" s="232"/>
      <c r="HS40" s="65">
        <v>0</v>
      </c>
      <c r="HT40" s="65">
        <v>0</v>
      </c>
      <c r="HU40" s="65">
        <v>1</v>
      </c>
      <c r="HV40" s="65">
        <v>0</v>
      </c>
      <c r="HW40" s="65">
        <v>0</v>
      </c>
      <c r="HX40" s="66">
        <v>1</v>
      </c>
      <c r="HY40" s="67">
        <v>1</v>
      </c>
      <c r="HZ40" s="64">
        <v>0</v>
      </c>
      <c r="IA40" s="65">
        <v>0</v>
      </c>
      <c r="IB40" s="66">
        <v>0</v>
      </c>
      <c r="IC40" s="232"/>
      <c r="ID40" s="65">
        <v>1</v>
      </c>
      <c r="IE40" s="65">
        <v>0</v>
      </c>
      <c r="IF40" s="65">
        <v>1</v>
      </c>
      <c r="IG40" s="65">
        <v>0</v>
      </c>
      <c r="IH40" s="65">
        <v>0</v>
      </c>
      <c r="II40" s="66">
        <v>2</v>
      </c>
      <c r="IJ40" s="67">
        <v>2</v>
      </c>
      <c r="IK40" s="64">
        <v>0</v>
      </c>
      <c r="IL40" s="65">
        <v>0</v>
      </c>
      <c r="IM40" s="66">
        <v>0</v>
      </c>
      <c r="IN40" s="232"/>
      <c r="IO40" s="65">
        <v>0</v>
      </c>
      <c r="IP40" s="65">
        <v>0</v>
      </c>
      <c r="IQ40" s="65">
        <v>0</v>
      </c>
      <c r="IR40" s="65">
        <v>0</v>
      </c>
      <c r="IS40" s="65">
        <v>0</v>
      </c>
      <c r="IT40" s="66">
        <v>0</v>
      </c>
      <c r="IU40" s="67">
        <v>0</v>
      </c>
      <c r="IV40" s="64">
        <v>0</v>
      </c>
      <c r="IW40" s="65">
        <v>0</v>
      </c>
      <c r="IX40" s="66">
        <v>0</v>
      </c>
      <c r="IY40" s="232"/>
      <c r="IZ40" s="65">
        <v>0</v>
      </c>
      <c r="JA40" s="65">
        <v>1</v>
      </c>
      <c r="JB40" s="65">
        <v>0</v>
      </c>
      <c r="JC40" s="65">
        <v>1</v>
      </c>
      <c r="JD40" s="65">
        <v>0</v>
      </c>
      <c r="JE40" s="66">
        <v>2</v>
      </c>
      <c r="JF40" s="67">
        <v>2</v>
      </c>
      <c r="JG40" s="64">
        <v>0</v>
      </c>
      <c r="JH40" s="65">
        <v>0</v>
      </c>
      <c r="JI40" s="66">
        <v>0</v>
      </c>
      <c r="JJ40" s="232"/>
      <c r="JK40" s="65">
        <v>0</v>
      </c>
      <c r="JL40" s="65">
        <v>0</v>
      </c>
      <c r="JM40" s="65">
        <v>0</v>
      </c>
      <c r="JN40" s="65">
        <v>0</v>
      </c>
      <c r="JO40" s="65">
        <v>0</v>
      </c>
      <c r="JP40" s="66">
        <v>0</v>
      </c>
      <c r="JQ40" s="67">
        <v>0</v>
      </c>
      <c r="JR40" s="64">
        <v>0</v>
      </c>
      <c r="JS40" s="65">
        <v>0</v>
      </c>
      <c r="JT40" s="66">
        <v>0</v>
      </c>
      <c r="JU40" s="232"/>
      <c r="JV40" s="65">
        <v>0</v>
      </c>
      <c r="JW40" s="65">
        <v>0</v>
      </c>
      <c r="JX40" s="65">
        <v>0</v>
      </c>
      <c r="JY40" s="65">
        <v>0</v>
      </c>
      <c r="JZ40" s="65">
        <v>0</v>
      </c>
      <c r="KA40" s="66">
        <v>0</v>
      </c>
      <c r="KB40" s="67">
        <v>0</v>
      </c>
      <c r="KC40" s="64">
        <v>0</v>
      </c>
      <c r="KD40" s="65">
        <v>0</v>
      </c>
      <c r="KE40" s="66">
        <v>0</v>
      </c>
      <c r="KF40" s="232"/>
      <c r="KG40" s="65">
        <v>1</v>
      </c>
      <c r="KH40" s="65">
        <v>1</v>
      </c>
      <c r="KI40" s="65">
        <v>2</v>
      </c>
      <c r="KJ40" s="65">
        <v>1</v>
      </c>
      <c r="KK40" s="65">
        <v>0</v>
      </c>
      <c r="KL40" s="66">
        <v>5</v>
      </c>
      <c r="KM40" s="67">
        <v>5</v>
      </c>
    </row>
    <row r="41" spans="2:299" ht="32.25" customHeight="1" x14ac:dyDescent="0.2">
      <c r="C41" s="289" t="s">
        <v>126</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1</v>
      </c>
      <c r="F1" s="501">
        <f>第１表!F2</f>
        <v>5</v>
      </c>
      <c r="G1" s="501"/>
      <c r="H1" s="235">
        <f>第１表!G2</f>
        <v>10</v>
      </c>
      <c r="I1" s="500">
        <f>H1</f>
        <v>10</v>
      </c>
      <c r="J1" s="500"/>
    </row>
    <row r="2" spans="2:299" ht="24" customHeight="1" thickBot="1" x14ac:dyDescent="0.25">
      <c r="B2" s="15" t="s">
        <v>152</v>
      </c>
    </row>
    <row r="3" spans="2:299" ht="21" customHeight="1" thickBot="1" x14ac:dyDescent="0.25">
      <c r="B3" s="487" t="s">
        <v>38</v>
      </c>
      <c r="C3" s="482" t="s">
        <v>96</v>
      </c>
      <c r="D3" s="482"/>
      <c r="E3" s="482"/>
      <c r="F3" s="482"/>
      <c r="G3" s="482"/>
      <c r="H3" s="482"/>
      <c r="I3" s="482"/>
      <c r="J3" s="482"/>
      <c r="K3" s="482"/>
      <c r="L3" s="482"/>
      <c r="M3" s="482"/>
      <c r="N3" s="482"/>
      <c r="O3" s="482"/>
      <c r="P3" s="482"/>
      <c r="Q3" s="482"/>
      <c r="R3" s="482"/>
      <c r="S3" s="482"/>
      <c r="T3" s="482"/>
      <c r="U3" s="482"/>
      <c r="V3" s="482"/>
      <c r="W3" s="482"/>
      <c r="X3" s="482"/>
      <c r="Y3" s="482"/>
      <c r="Z3" s="482"/>
      <c r="AA3" s="482"/>
      <c r="AB3" s="482"/>
      <c r="AC3" s="482"/>
      <c r="AD3" s="482"/>
      <c r="AE3" s="482"/>
      <c r="AF3" s="482"/>
      <c r="AG3" s="482"/>
      <c r="AH3" s="482"/>
      <c r="AI3" s="482"/>
      <c r="AJ3" s="482"/>
      <c r="AK3" s="482"/>
      <c r="AL3" s="482"/>
      <c r="AM3" s="482"/>
      <c r="AN3" s="482"/>
      <c r="AO3" s="482"/>
      <c r="AP3" s="482"/>
      <c r="AQ3" s="482"/>
      <c r="AR3" s="482"/>
      <c r="AS3" s="482"/>
      <c r="AT3" s="482"/>
      <c r="AU3" s="482"/>
      <c r="AV3" s="482"/>
      <c r="AW3" s="482"/>
      <c r="AX3" s="482"/>
      <c r="AY3" s="482"/>
      <c r="AZ3" s="482"/>
      <c r="BA3" s="482"/>
      <c r="BB3" s="482"/>
      <c r="BC3" s="482"/>
      <c r="BD3" s="482"/>
      <c r="BE3" s="482"/>
      <c r="BF3" s="482"/>
      <c r="BG3" s="482"/>
      <c r="BH3" s="482"/>
      <c r="BI3" s="482"/>
      <c r="BJ3" s="482"/>
      <c r="BK3" s="482"/>
      <c r="BL3" s="482"/>
      <c r="BM3" s="482"/>
      <c r="BN3" s="482"/>
      <c r="BO3" s="482"/>
      <c r="BP3" s="482"/>
      <c r="BQ3" s="482"/>
      <c r="BR3" s="482"/>
      <c r="BS3" s="482"/>
      <c r="BT3" s="482"/>
      <c r="BU3" s="482"/>
      <c r="BV3" s="482"/>
      <c r="BW3" s="482"/>
      <c r="BX3" s="482"/>
      <c r="BY3" s="482"/>
      <c r="BZ3" s="482"/>
      <c r="CA3" s="482"/>
      <c r="CB3" s="482"/>
      <c r="CC3" s="482"/>
      <c r="CD3" s="482"/>
      <c r="CE3" s="482"/>
      <c r="CF3" s="482"/>
      <c r="CG3" s="482"/>
      <c r="CH3" s="482"/>
      <c r="CI3" s="482"/>
      <c r="CJ3" s="482"/>
      <c r="CK3" s="482"/>
      <c r="CL3" s="482"/>
      <c r="CM3" s="482"/>
      <c r="CN3" s="482"/>
      <c r="CO3" s="482"/>
      <c r="CP3" s="482"/>
      <c r="CQ3" s="482"/>
      <c r="CR3" s="482"/>
      <c r="CS3" s="482"/>
      <c r="CT3" s="482"/>
      <c r="CU3" s="482"/>
      <c r="CV3" s="482"/>
      <c r="CW3" s="483"/>
      <c r="CX3" s="482" t="s">
        <v>103</v>
      </c>
      <c r="CY3" s="482"/>
      <c r="CZ3" s="482"/>
      <c r="DA3" s="482"/>
      <c r="DB3" s="482"/>
      <c r="DC3" s="482"/>
      <c r="DD3" s="482"/>
      <c r="DE3" s="482"/>
      <c r="DF3" s="482"/>
      <c r="DG3" s="482"/>
      <c r="DH3" s="482"/>
      <c r="DI3" s="482"/>
      <c r="DJ3" s="482"/>
      <c r="DK3" s="482"/>
      <c r="DL3" s="482"/>
      <c r="DM3" s="482"/>
      <c r="DN3" s="482"/>
      <c r="DO3" s="482"/>
      <c r="DP3" s="482"/>
      <c r="DQ3" s="482"/>
      <c r="DR3" s="482"/>
      <c r="DS3" s="482"/>
      <c r="DT3" s="482"/>
      <c r="DU3" s="482"/>
      <c r="DV3" s="482"/>
      <c r="DW3" s="482"/>
      <c r="DX3" s="482"/>
      <c r="DY3" s="482"/>
      <c r="DZ3" s="482"/>
      <c r="EA3" s="482"/>
      <c r="EB3" s="482"/>
      <c r="EC3" s="482"/>
      <c r="ED3" s="482"/>
      <c r="EE3" s="482"/>
      <c r="EF3" s="482"/>
      <c r="EG3" s="482"/>
      <c r="EH3" s="482"/>
      <c r="EI3" s="482"/>
      <c r="EJ3" s="482"/>
      <c r="EK3" s="482"/>
      <c r="EL3" s="482"/>
      <c r="EM3" s="482"/>
      <c r="EN3" s="482"/>
      <c r="EO3" s="482"/>
      <c r="EP3" s="482"/>
      <c r="EQ3" s="482"/>
      <c r="ER3" s="482"/>
      <c r="ES3" s="482"/>
      <c r="ET3" s="482"/>
      <c r="EU3" s="482"/>
      <c r="EV3" s="482"/>
      <c r="EW3" s="482"/>
      <c r="EX3" s="482"/>
      <c r="EY3" s="482"/>
      <c r="EZ3" s="482"/>
      <c r="FA3" s="482"/>
      <c r="FB3" s="482"/>
      <c r="FC3" s="482"/>
      <c r="FD3" s="482"/>
      <c r="FE3" s="482"/>
      <c r="FF3" s="482"/>
      <c r="FG3" s="482"/>
      <c r="FH3" s="482"/>
      <c r="FI3" s="482"/>
      <c r="FJ3" s="482"/>
      <c r="FK3" s="482"/>
      <c r="FL3" s="482"/>
      <c r="FM3" s="482"/>
      <c r="FN3" s="482"/>
      <c r="FO3" s="482"/>
      <c r="FP3" s="482"/>
      <c r="FQ3" s="482"/>
      <c r="FR3" s="482"/>
      <c r="FS3" s="482"/>
      <c r="FT3" s="482"/>
      <c r="FU3" s="482"/>
      <c r="FV3" s="482"/>
      <c r="FW3" s="482"/>
      <c r="FX3" s="482"/>
      <c r="FY3" s="482"/>
      <c r="FZ3" s="482"/>
      <c r="GA3" s="482"/>
      <c r="GB3" s="482"/>
      <c r="GC3" s="482"/>
      <c r="GD3" s="482"/>
      <c r="GE3" s="482"/>
      <c r="GF3" s="482"/>
      <c r="GG3" s="482"/>
      <c r="GH3" s="482"/>
      <c r="GI3" s="482"/>
      <c r="GJ3" s="482"/>
      <c r="GK3" s="482"/>
      <c r="GL3" s="482"/>
      <c r="GM3" s="482"/>
      <c r="GN3" s="482"/>
      <c r="GO3" s="482"/>
      <c r="GP3" s="482"/>
      <c r="GQ3" s="482"/>
      <c r="GR3" s="483"/>
      <c r="GS3" s="482" t="s">
        <v>104</v>
      </c>
      <c r="GT3" s="482"/>
      <c r="GU3" s="482"/>
      <c r="GV3" s="482"/>
      <c r="GW3" s="482"/>
      <c r="GX3" s="482"/>
      <c r="GY3" s="482"/>
      <c r="GZ3" s="482"/>
      <c r="HA3" s="482"/>
      <c r="HB3" s="482"/>
      <c r="HC3" s="482"/>
      <c r="HD3" s="482"/>
      <c r="HE3" s="482"/>
      <c r="HF3" s="482"/>
      <c r="HG3" s="482"/>
      <c r="HH3" s="482"/>
      <c r="HI3" s="482"/>
      <c r="HJ3" s="482"/>
      <c r="HK3" s="482"/>
      <c r="HL3" s="482"/>
      <c r="HM3" s="482"/>
      <c r="HN3" s="482"/>
      <c r="HO3" s="482"/>
      <c r="HP3" s="482"/>
      <c r="HQ3" s="482"/>
      <c r="HR3" s="482"/>
      <c r="HS3" s="482"/>
      <c r="HT3" s="482"/>
      <c r="HU3" s="482"/>
      <c r="HV3" s="482"/>
      <c r="HW3" s="482"/>
      <c r="HX3" s="482"/>
      <c r="HY3" s="482"/>
      <c r="HZ3" s="482"/>
      <c r="IA3" s="482"/>
      <c r="IB3" s="482"/>
      <c r="IC3" s="482"/>
      <c r="ID3" s="482"/>
      <c r="IE3" s="482"/>
      <c r="IF3" s="482"/>
      <c r="IG3" s="482"/>
      <c r="IH3" s="482"/>
      <c r="II3" s="482"/>
      <c r="IJ3" s="482"/>
      <c r="IK3" s="482"/>
      <c r="IL3" s="482"/>
      <c r="IM3" s="482"/>
      <c r="IN3" s="482"/>
      <c r="IO3" s="482"/>
      <c r="IP3" s="482"/>
      <c r="IQ3" s="482"/>
      <c r="IR3" s="482"/>
      <c r="IS3" s="482"/>
      <c r="IT3" s="482"/>
      <c r="IU3" s="482"/>
      <c r="IV3" s="482"/>
      <c r="IW3" s="482"/>
      <c r="IX3" s="482"/>
      <c r="IY3" s="482"/>
      <c r="IZ3" s="482"/>
      <c r="JA3" s="482"/>
      <c r="JB3" s="482"/>
      <c r="JC3" s="482"/>
      <c r="JD3" s="482"/>
      <c r="JE3" s="482"/>
      <c r="JF3" s="482"/>
      <c r="JG3" s="482"/>
      <c r="JH3" s="482"/>
      <c r="JI3" s="482"/>
      <c r="JJ3" s="482"/>
      <c r="JK3" s="482"/>
      <c r="JL3" s="482"/>
      <c r="JM3" s="482"/>
      <c r="JN3" s="482"/>
      <c r="JO3" s="482"/>
      <c r="JP3" s="482"/>
      <c r="JQ3" s="482"/>
      <c r="JR3" s="482"/>
      <c r="JS3" s="482"/>
      <c r="JT3" s="482"/>
      <c r="JU3" s="482"/>
      <c r="JV3" s="482"/>
      <c r="JW3" s="482"/>
      <c r="JX3" s="482"/>
      <c r="JY3" s="482"/>
      <c r="JZ3" s="482"/>
      <c r="KA3" s="482"/>
      <c r="KB3" s="482"/>
      <c r="KC3" s="482"/>
      <c r="KD3" s="482"/>
      <c r="KE3" s="482"/>
      <c r="KF3" s="482"/>
      <c r="KG3" s="482"/>
      <c r="KH3" s="482"/>
      <c r="KI3" s="482"/>
      <c r="KJ3" s="482"/>
      <c r="KK3" s="482"/>
      <c r="KL3" s="482"/>
      <c r="KM3" s="483"/>
    </row>
    <row r="4" spans="2:299" ht="21" customHeight="1" thickBot="1" x14ac:dyDescent="0.25">
      <c r="B4" s="499"/>
      <c r="C4" s="484" t="s">
        <v>39</v>
      </c>
      <c r="D4" s="485"/>
      <c r="E4" s="485"/>
      <c r="F4" s="485"/>
      <c r="G4" s="485"/>
      <c r="H4" s="485"/>
      <c r="I4" s="485"/>
      <c r="J4" s="485"/>
      <c r="K4" s="485"/>
      <c r="L4" s="485"/>
      <c r="M4" s="485"/>
      <c r="N4" s="485"/>
      <c r="O4" s="485"/>
      <c r="P4" s="485"/>
      <c r="Q4" s="485"/>
      <c r="R4" s="485"/>
      <c r="S4" s="485"/>
      <c r="T4" s="485"/>
      <c r="U4" s="485"/>
      <c r="V4" s="485"/>
      <c r="W4" s="485"/>
      <c r="X4" s="485"/>
      <c r="Y4" s="485"/>
      <c r="Z4" s="485"/>
      <c r="AA4" s="485"/>
      <c r="AB4" s="485"/>
      <c r="AC4" s="485"/>
      <c r="AD4" s="485"/>
      <c r="AE4" s="485"/>
      <c r="AF4" s="485"/>
      <c r="AG4" s="485"/>
      <c r="AH4" s="485"/>
      <c r="AI4" s="485"/>
      <c r="AJ4" s="485"/>
      <c r="AK4" s="485"/>
      <c r="AL4" s="485"/>
      <c r="AM4" s="485"/>
      <c r="AN4" s="485"/>
      <c r="AO4" s="485"/>
      <c r="AP4" s="485"/>
      <c r="AQ4" s="485"/>
      <c r="AR4" s="485"/>
      <c r="AS4" s="485"/>
      <c r="AT4" s="485"/>
      <c r="AU4" s="485"/>
      <c r="AV4" s="485"/>
      <c r="AW4" s="485"/>
      <c r="AX4" s="485"/>
      <c r="AY4" s="485"/>
      <c r="AZ4" s="485"/>
      <c r="BA4" s="485"/>
      <c r="BB4" s="485"/>
      <c r="BC4" s="485"/>
      <c r="BD4" s="485"/>
      <c r="BE4" s="485"/>
      <c r="BF4" s="485"/>
      <c r="BG4" s="485"/>
      <c r="BH4" s="485"/>
      <c r="BI4" s="485"/>
      <c r="BJ4" s="485"/>
      <c r="BK4" s="485"/>
      <c r="BL4" s="485"/>
      <c r="BM4" s="485"/>
      <c r="BN4" s="485"/>
      <c r="BO4" s="485"/>
      <c r="BP4" s="485"/>
      <c r="BQ4" s="485"/>
      <c r="BR4" s="485"/>
      <c r="BS4" s="485"/>
      <c r="BT4" s="485"/>
      <c r="BU4" s="485"/>
      <c r="BV4" s="485"/>
      <c r="BW4" s="485"/>
      <c r="BX4" s="485"/>
      <c r="BY4" s="485"/>
      <c r="BZ4" s="485"/>
      <c r="CA4" s="486"/>
      <c r="CB4" s="487" t="s">
        <v>40</v>
      </c>
      <c r="CC4" s="488"/>
      <c r="CD4" s="488"/>
      <c r="CE4" s="488"/>
      <c r="CF4" s="488"/>
      <c r="CG4" s="488"/>
      <c r="CH4" s="488"/>
      <c r="CI4" s="488"/>
      <c r="CJ4" s="488"/>
      <c r="CK4" s="488"/>
      <c r="CL4" s="489"/>
      <c r="CM4" s="487" t="s">
        <v>41</v>
      </c>
      <c r="CN4" s="488"/>
      <c r="CO4" s="488"/>
      <c r="CP4" s="488"/>
      <c r="CQ4" s="488"/>
      <c r="CR4" s="488"/>
      <c r="CS4" s="488"/>
      <c r="CT4" s="488"/>
      <c r="CU4" s="488"/>
      <c r="CV4" s="488"/>
      <c r="CW4" s="489"/>
      <c r="CX4" s="484" t="s">
        <v>39</v>
      </c>
      <c r="CY4" s="485"/>
      <c r="CZ4" s="485"/>
      <c r="DA4" s="485"/>
      <c r="DB4" s="485"/>
      <c r="DC4" s="485"/>
      <c r="DD4" s="485"/>
      <c r="DE4" s="485"/>
      <c r="DF4" s="485"/>
      <c r="DG4" s="485"/>
      <c r="DH4" s="485"/>
      <c r="DI4" s="485"/>
      <c r="DJ4" s="485"/>
      <c r="DK4" s="485"/>
      <c r="DL4" s="485"/>
      <c r="DM4" s="485"/>
      <c r="DN4" s="485"/>
      <c r="DO4" s="485"/>
      <c r="DP4" s="485"/>
      <c r="DQ4" s="485"/>
      <c r="DR4" s="485"/>
      <c r="DS4" s="485"/>
      <c r="DT4" s="485"/>
      <c r="DU4" s="485"/>
      <c r="DV4" s="485"/>
      <c r="DW4" s="485"/>
      <c r="DX4" s="485"/>
      <c r="DY4" s="485"/>
      <c r="DZ4" s="485"/>
      <c r="EA4" s="485"/>
      <c r="EB4" s="485"/>
      <c r="EC4" s="485"/>
      <c r="ED4" s="485"/>
      <c r="EE4" s="485"/>
      <c r="EF4" s="485"/>
      <c r="EG4" s="485"/>
      <c r="EH4" s="485"/>
      <c r="EI4" s="485"/>
      <c r="EJ4" s="485"/>
      <c r="EK4" s="485"/>
      <c r="EL4" s="485"/>
      <c r="EM4" s="485"/>
      <c r="EN4" s="485"/>
      <c r="EO4" s="485"/>
      <c r="EP4" s="485"/>
      <c r="EQ4" s="485"/>
      <c r="ER4" s="485"/>
      <c r="ES4" s="485"/>
      <c r="ET4" s="485"/>
      <c r="EU4" s="485"/>
      <c r="EV4" s="485"/>
      <c r="EW4" s="485"/>
      <c r="EX4" s="485"/>
      <c r="EY4" s="485"/>
      <c r="EZ4" s="485"/>
      <c r="FA4" s="485"/>
      <c r="FB4" s="485"/>
      <c r="FC4" s="485"/>
      <c r="FD4" s="485"/>
      <c r="FE4" s="485"/>
      <c r="FF4" s="485"/>
      <c r="FG4" s="485"/>
      <c r="FH4" s="485"/>
      <c r="FI4" s="485"/>
      <c r="FJ4" s="485"/>
      <c r="FK4" s="485"/>
      <c r="FL4" s="485"/>
      <c r="FM4" s="485"/>
      <c r="FN4" s="485"/>
      <c r="FO4" s="485"/>
      <c r="FP4" s="485"/>
      <c r="FQ4" s="485"/>
      <c r="FR4" s="485"/>
      <c r="FS4" s="485"/>
      <c r="FT4" s="485"/>
      <c r="FU4" s="485"/>
      <c r="FV4" s="486"/>
      <c r="FW4" s="487" t="s">
        <v>40</v>
      </c>
      <c r="FX4" s="488"/>
      <c r="FY4" s="488"/>
      <c r="FZ4" s="488"/>
      <c r="GA4" s="488"/>
      <c r="GB4" s="488"/>
      <c r="GC4" s="488"/>
      <c r="GD4" s="488"/>
      <c r="GE4" s="488"/>
      <c r="GF4" s="488"/>
      <c r="GG4" s="489"/>
      <c r="GH4" s="487" t="s">
        <v>41</v>
      </c>
      <c r="GI4" s="488"/>
      <c r="GJ4" s="488"/>
      <c r="GK4" s="488"/>
      <c r="GL4" s="488"/>
      <c r="GM4" s="488"/>
      <c r="GN4" s="488"/>
      <c r="GO4" s="488"/>
      <c r="GP4" s="488"/>
      <c r="GQ4" s="488"/>
      <c r="GR4" s="489"/>
      <c r="GS4" s="484" t="s">
        <v>39</v>
      </c>
      <c r="GT4" s="485"/>
      <c r="GU4" s="485"/>
      <c r="GV4" s="485"/>
      <c r="GW4" s="485"/>
      <c r="GX4" s="485"/>
      <c r="GY4" s="485"/>
      <c r="GZ4" s="485"/>
      <c r="HA4" s="485"/>
      <c r="HB4" s="485"/>
      <c r="HC4" s="485"/>
      <c r="HD4" s="485"/>
      <c r="HE4" s="485"/>
      <c r="HF4" s="485"/>
      <c r="HG4" s="485"/>
      <c r="HH4" s="485"/>
      <c r="HI4" s="485"/>
      <c r="HJ4" s="485"/>
      <c r="HK4" s="485"/>
      <c r="HL4" s="485"/>
      <c r="HM4" s="485"/>
      <c r="HN4" s="485"/>
      <c r="HO4" s="485"/>
      <c r="HP4" s="485"/>
      <c r="HQ4" s="485"/>
      <c r="HR4" s="485"/>
      <c r="HS4" s="485"/>
      <c r="HT4" s="485"/>
      <c r="HU4" s="485"/>
      <c r="HV4" s="485"/>
      <c r="HW4" s="485"/>
      <c r="HX4" s="485"/>
      <c r="HY4" s="485"/>
      <c r="HZ4" s="485"/>
      <c r="IA4" s="485"/>
      <c r="IB4" s="485"/>
      <c r="IC4" s="485"/>
      <c r="ID4" s="485"/>
      <c r="IE4" s="485"/>
      <c r="IF4" s="485"/>
      <c r="IG4" s="485"/>
      <c r="IH4" s="485"/>
      <c r="II4" s="485"/>
      <c r="IJ4" s="485"/>
      <c r="IK4" s="485"/>
      <c r="IL4" s="485"/>
      <c r="IM4" s="485"/>
      <c r="IN4" s="485"/>
      <c r="IO4" s="485"/>
      <c r="IP4" s="485"/>
      <c r="IQ4" s="485"/>
      <c r="IR4" s="485"/>
      <c r="IS4" s="485"/>
      <c r="IT4" s="485"/>
      <c r="IU4" s="485"/>
      <c r="IV4" s="485"/>
      <c r="IW4" s="485"/>
      <c r="IX4" s="485"/>
      <c r="IY4" s="485"/>
      <c r="IZ4" s="485"/>
      <c r="JA4" s="485"/>
      <c r="JB4" s="485"/>
      <c r="JC4" s="485"/>
      <c r="JD4" s="485"/>
      <c r="JE4" s="485"/>
      <c r="JF4" s="485"/>
      <c r="JG4" s="485"/>
      <c r="JH4" s="485"/>
      <c r="JI4" s="485"/>
      <c r="JJ4" s="485"/>
      <c r="JK4" s="485"/>
      <c r="JL4" s="485"/>
      <c r="JM4" s="485"/>
      <c r="JN4" s="485"/>
      <c r="JO4" s="485"/>
      <c r="JP4" s="485"/>
      <c r="JQ4" s="486"/>
      <c r="JR4" s="487" t="s">
        <v>40</v>
      </c>
      <c r="JS4" s="488"/>
      <c r="JT4" s="488"/>
      <c r="JU4" s="488"/>
      <c r="JV4" s="488"/>
      <c r="JW4" s="488"/>
      <c r="JX4" s="488"/>
      <c r="JY4" s="488"/>
      <c r="JZ4" s="488"/>
      <c r="KA4" s="488"/>
      <c r="KB4" s="489"/>
      <c r="KC4" s="487" t="s">
        <v>41</v>
      </c>
      <c r="KD4" s="488"/>
      <c r="KE4" s="488"/>
      <c r="KF4" s="488"/>
      <c r="KG4" s="488"/>
      <c r="KH4" s="488"/>
      <c r="KI4" s="488"/>
      <c r="KJ4" s="488"/>
      <c r="KK4" s="488"/>
      <c r="KL4" s="488"/>
      <c r="KM4" s="489"/>
    </row>
    <row r="5" spans="2:299" ht="21" customHeight="1" thickBot="1" x14ac:dyDescent="0.25">
      <c r="B5" s="493"/>
      <c r="C5" s="493"/>
      <c r="D5" s="494"/>
      <c r="E5" s="494"/>
      <c r="F5" s="494"/>
      <c r="G5" s="494"/>
      <c r="H5" s="494"/>
      <c r="I5" s="494"/>
      <c r="J5" s="494"/>
      <c r="K5" s="494"/>
      <c r="L5" s="494"/>
      <c r="M5" s="495"/>
      <c r="N5" s="496" t="s">
        <v>97</v>
      </c>
      <c r="O5" s="497"/>
      <c r="P5" s="497"/>
      <c r="Q5" s="497"/>
      <c r="R5" s="497"/>
      <c r="S5" s="497"/>
      <c r="T5" s="497"/>
      <c r="U5" s="497"/>
      <c r="V5" s="497"/>
      <c r="W5" s="497"/>
      <c r="X5" s="498"/>
      <c r="Y5" s="496" t="s">
        <v>98</v>
      </c>
      <c r="Z5" s="497"/>
      <c r="AA5" s="497"/>
      <c r="AB5" s="497"/>
      <c r="AC5" s="497"/>
      <c r="AD5" s="497"/>
      <c r="AE5" s="497"/>
      <c r="AF5" s="497"/>
      <c r="AG5" s="497"/>
      <c r="AH5" s="497"/>
      <c r="AI5" s="498"/>
      <c r="AJ5" s="496" t="s">
        <v>99</v>
      </c>
      <c r="AK5" s="497"/>
      <c r="AL5" s="497"/>
      <c r="AM5" s="497"/>
      <c r="AN5" s="497"/>
      <c r="AO5" s="497"/>
      <c r="AP5" s="497"/>
      <c r="AQ5" s="497"/>
      <c r="AR5" s="497"/>
      <c r="AS5" s="497"/>
      <c r="AT5" s="498"/>
      <c r="AU5" s="496" t="s">
        <v>100</v>
      </c>
      <c r="AV5" s="497"/>
      <c r="AW5" s="497"/>
      <c r="AX5" s="497"/>
      <c r="AY5" s="497"/>
      <c r="AZ5" s="497"/>
      <c r="BA5" s="497"/>
      <c r="BB5" s="497"/>
      <c r="BC5" s="497"/>
      <c r="BD5" s="497"/>
      <c r="BE5" s="498"/>
      <c r="BF5" s="496" t="s">
        <v>101</v>
      </c>
      <c r="BG5" s="497"/>
      <c r="BH5" s="497"/>
      <c r="BI5" s="497"/>
      <c r="BJ5" s="497"/>
      <c r="BK5" s="497"/>
      <c r="BL5" s="497"/>
      <c r="BM5" s="497"/>
      <c r="BN5" s="497"/>
      <c r="BO5" s="497"/>
      <c r="BP5" s="498"/>
      <c r="BQ5" s="496" t="s">
        <v>102</v>
      </c>
      <c r="BR5" s="497"/>
      <c r="BS5" s="497"/>
      <c r="BT5" s="497"/>
      <c r="BU5" s="497"/>
      <c r="BV5" s="497"/>
      <c r="BW5" s="497"/>
      <c r="BX5" s="497"/>
      <c r="BY5" s="497"/>
      <c r="BZ5" s="497"/>
      <c r="CA5" s="498"/>
      <c r="CB5" s="490"/>
      <c r="CC5" s="491"/>
      <c r="CD5" s="491"/>
      <c r="CE5" s="491"/>
      <c r="CF5" s="491"/>
      <c r="CG5" s="491"/>
      <c r="CH5" s="491"/>
      <c r="CI5" s="491"/>
      <c r="CJ5" s="491"/>
      <c r="CK5" s="491"/>
      <c r="CL5" s="492"/>
      <c r="CM5" s="490"/>
      <c r="CN5" s="491"/>
      <c r="CO5" s="491"/>
      <c r="CP5" s="491"/>
      <c r="CQ5" s="491"/>
      <c r="CR5" s="491"/>
      <c r="CS5" s="491"/>
      <c r="CT5" s="491"/>
      <c r="CU5" s="491"/>
      <c r="CV5" s="491"/>
      <c r="CW5" s="492"/>
      <c r="CX5" s="493"/>
      <c r="CY5" s="494"/>
      <c r="CZ5" s="494"/>
      <c r="DA5" s="494"/>
      <c r="DB5" s="494"/>
      <c r="DC5" s="494"/>
      <c r="DD5" s="494"/>
      <c r="DE5" s="494"/>
      <c r="DF5" s="494"/>
      <c r="DG5" s="494"/>
      <c r="DH5" s="495"/>
      <c r="DI5" s="496" t="s">
        <v>97</v>
      </c>
      <c r="DJ5" s="497"/>
      <c r="DK5" s="497"/>
      <c r="DL5" s="497"/>
      <c r="DM5" s="497"/>
      <c r="DN5" s="497"/>
      <c r="DO5" s="497"/>
      <c r="DP5" s="497"/>
      <c r="DQ5" s="497"/>
      <c r="DR5" s="497"/>
      <c r="DS5" s="498"/>
      <c r="DT5" s="496" t="s">
        <v>98</v>
      </c>
      <c r="DU5" s="497"/>
      <c r="DV5" s="497"/>
      <c r="DW5" s="497"/>
      <c r="DX5" s="497"/>
      <c r="DY5" s="497"/>
      <c r="DZ5" s="497"/>
      <c r="EA5" s="497"/>
      <c r="EB5" s="497"/>
      <c r="EC5" s="497"/>
      <c r="ED5" s="498"/>
      <c r="EE5" s="496" t="s">
        <v>99</v>
      </c>
      <c r="EF5" s="497"/>
      <c r="EG5" s="497"/>
      <c r="EH5" s="497"/>
      <c r="EI5" s="497"/>
      <c r="EJ5" s="497"/>
      <c r="EK5" s="497"/>
      <c r="EL5" s="497"/>
      <c r="EM5" s="497"/>
      <c r="EN5" s="497"/>
      <c r="EO5" s="498"/>
      <c r="EP5" s="496" t="s">
        <v>100</v>
      </c>
      <c r="EQ5" s="497"/>
      <c r="ER5" s="497"/>
      <c r="ES5" s="497"/>
      <c r="ET5" s="497"/>
      <c r="EU5" s="497"/>
      <c r="EV5" s="497"/>
      <c r="EW5" s="497"/>
      <c r="EX5" s="497"/>
      <c r="EY5" s="497"/>
      <c r="EZ5" s="498"/>
      <c r="FA5" s="496" t="s">
        <v>101</v>
      </c>
      <c r="FB5" s="497"/>
      <c r="FC5" s="497"/>
      <c r="FD5" s="497"/>
      <c r="FE5" s="497"/>
      <c r="FF5" s="497"/>
      <c r="FG5" s="497"/>
      <c r="FH5" s="497"/>
      <c r="FI5" s="497"/>
      <c r="FJ5" s="497"/>
      <c r="FK5" s="498"/>
      <c r="FL5" s="496" t="s">
        <v>102</v>
      </c>
      <c r="FM5" s="497"/>
      <c r="FN5" s="497"/>
      <c r="FO5" s="497"/>
      <c r="FP5" s="497"/>
      <c r="FQ5" s="497"/>
      <c r="FR5" s="497"/>
      <c r="FS5" s="497"/>
      <c r="FT5" s="497"/>
      <c r="FU5" s="497"/>
      <c r="FV5" s="498"/>
      <c r="FW5" s="490"/>
      <c r="FX5" s="491"/>
      <c r="FY5" s="491"/>
      <c r="FZ5" s="491"/>
      <c r="GA5" s="491"/>
      <c r="GB5" s="491"/>
      <c r="GC5" s="491"/>
      <c r="GD5" s="491"/>
      <c r="GE5" s="491"/>
      <c r="GF5" s="491"/>
      <c r="GG5" s="492"/>
      <c r="GH5" s="490"/>
      <c r="GI5" s="491"/>
      <c r="GJ5" s="491"/>
      <c r="GK5" s="491"/>
      <c r="GL5" s="491"/>
      <c r="GM5" s="491"/>
      <c r="GN5" s="491"/>
      <c r="GO5" s="491"/>
      <c r="GP5" s="491"/>
      <c r="GQ5" s="491"/>
      <c r="GR5" s="492"/>
      <c r="GS5" s="493"/>
      <c r="GT5" s="494"/>
      <c r="GU5" s="494"/>
      <c r="GV5" s="494"/>
      <c r="GW5" s="494"/>
      <c r="GX5" s="494"/>
      <c r="GY5" s="494"/>
      <c r="GZ5" s="494"/>
      <c r="HA5" s="494"/>
      <c r="HB5" s="494"/>
      <c r="HC5" s="495"/>
      <c r="HD5" s="496" t="s">
        <v>97</v>
      </c>
      <c r="HE5" s="497"/>
      <c r="HF5" s="497"/>
      <c r="HG5" s="497"/>
      <c r="HH5" s="497"/>
      <c r="HI5" s="497"/>
      <c r="HJ5" s="497"/>
      <c r="HK5" s="497"/>
      <c r="HL5" s="497"/>
      <c r="HM5" s="497"/>
      <c r="HN5" s="498"/>
      <c r="HO5" s="496" t="s">
        <v>98</v>
      </c>
      <c r="HP5" s="497"/>
      <c r="HQ5" s="497"/>
      <c r="HR5" s="497"/>
      <c r="HS5" s="497"/>
      <c r="HT5" s="497"/>
      <c r="HU5" s="497"/>
      <c r="HV5" s="497"/>
      <c r="HW5" s="497"/>
      <c r="HX5" s="497"/>
      <c r="HY5" s="498"/>
      <c r="HZ5" s="496" t="s">
        <v>99</v>
      </c>
      <c r="IA5" s="497"/>
      <c r="IB5" s="497"/>
      <c r="IC5" s="497"/>
      <c r="ID5" s="497"/>
      <c r="IE5" s="497"/>
      <c r="IF5" s="497"/>
      <c r="IG5" s="497"/>
      <c r="IH5" s="497"/>
      <c r="II5" s="497"/>
      <c r="IJ5" s="498"/>
      <c r="IK5" s="496" t="s">
        <v>100</v>
      </c>
      <c r="IL5" s="497"/>
      <c r="IM5" s="497"/>
      <c r="IN5" s="497"/>
      <c r="IO5" s="497"/>
      <c r="IP5" s="497"/>
      <c r="IQ5" s="497"/>
      <c r="IR5" s="497"/>
      <c r="IS5" s="497"/>
      <c r="IT5" s="497"/>
      <c r="IU5" s="498"/>
      <c r="IV5" s="496" t="s">
        <v>101</v>
      </c>
      <c r="IW5" s="497"/>
      <c r="IX5" s="497"/>
      <c r="IY5" s="497"/>
      <c r="IZ5" s="497"/>
      <c r="JA5" s="497"/>
      <c r="JB5" s="497"/>
      <c r="JC5" s="497"/>
      <c r="JD5" s="497"/>
      <c r="JE5" s="497"/>
      <c r="JF5" s="498"/>
      <c r="JG5" s="496" t="s">
        <v>102</v>
      </c>
      <c r="JH5" s="497"/>
      <c r="JI5" s="497"/>
      <c r="JJ5" s="497"/>
      <c r="JK5" s="497"/>
      <c r="JL5" s="497"/>
      <c r="JM5" s="497"/>
      <c r="JN5" s="497"/>
      <c r="JO5" s="497"/>
      <c r="JP5" s="497"/>
      <c r="JQ5" s="498"/>
      <c r="JR5" s="490"/>
      <c r="JS5" s="491"/>
      <c r="JT5" s="491"/>
      <c r="JU5" s="491"/>
      <c r="JV5" s="491"/>
      <c r="JW5" s="491"/>
      <c r="JX5" s="491"/>
      <c r="JY5" s="491"/>
      <c r="JZ5" s="491"/>
      <c r="KA5" s="491"/>
      <c r="KB5" s="492"/>
      <c r="KC5" s="490"/>
      <c r="KD5" s="491"/>
      <c r="KE5" s="491"/>
      <c r="KF5" s="491"/>
      <c r="KG5" s="491"/>
      <c r="KH5" s="491"/>
      <c r="KI5" s="491"/>
      <c r="KJ5" s="491"/>
      <c r="KK5" s="491"/>
      <c r="KL5" s="491"/>
      <c r="KM5" s="492"/>
    </row>
    <row r="6" spans="2:299" ht="30" customHeight="1" thickBot="1" x14ac:dyDescent="0.25">
      <c r="B6" s="329" t="s">
        <v>42</v>
      </c>
      <c r="C6" s="43" t="s">
        <v>43</v>
      </c>
      <c r="D6" s="41" t="s">
        <v>44</v>
      </c>
      <c r="E6" s="42" t="s">
        <v>45</v>
      </c>
      <c r="F6" s="44" t="s">
        <v>46</v>
      </c>
      <c r="G6" s="41" t="s">
        <v>47</v>
      </c>
      <c r="H6" s="41" t="s">
        <v>48</v>
      </c>
      <c r="I6" s="41" t="s">
        <v>49</v>
      </c>
      <c r="J6" s="41" t="s">
        <v>50</v>
      </c>
      <c r="K6" s="41" t="s">
        <v>51</v>
      </c>
      <c r="L6" s="42" t="s">
        <v>45</v>
      </c>
      <c r="M6" s="328"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328"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328"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3269</v>
      </c>
      <c r="D7" s="68">
        <v>3192</v>
      </c>
      <c r="E7" s="69">
        <v>6461</v>
      </c>
      <c r="F7" s="227">
        <v>0</v>
      </c>
      <c r="G7" s="68">
        <v>4281</v>
      </c>
      <c r="H7" s="68">
        <v>3981</v>
      </c>
      <c r="I7" s="68">
        <v>2381</v>
      </c>
      <c r="J7" s="68">
        <v>2010</v>
      </c>
      <c r="K7" s="68">
        <v>1325</v>
      </c>
      <c r="L7" s="70">
        <v>13978</v>
      </c>
      <c r="M7" s="71">
        <v>20439</v>
      </c>
      <c r="N7" s="56">
        <v>95</v>
      </c>
      <c r="O7" s="57">
        <v>121</v>
      </c>
      <c r="P7" s="58">
        <v>216</v>
      </c>
      <c r="Q7" s="227">
        <v>0</v>
      </c>
      <c r="R7" s="57">
        <v>105</v>
      </c>
      <c r="S7" s="57">
        <v>146</v>
      </c>
      <c r="T7" s="57">
        <v>79</v>
      </c>
      <c r="U7" s="57">
        <v>80</v>
      </c>
      <c r="V7" s="57">
        <v>69</v>
      </c>
      <c r="W7" s="58">
        <v>479</v>
      </c>
      <c r="X7" s="59">
        <v>695</v>
      </c>
      <c r="Y7" s="56">
        <v>246</v>
      </c>
      <c r="Z7" s="57">
        <v>255</v>
      </c>
      <c r="AA7" s="58">
        <v>501</v>
      </c>
      <c r="AB7" s="227">
        <v>0</v>
      </c>
      <c r="AC7" s="57">
        <v>257</v>
      </c>
      <c r="AD7" s="57">
        <v>296</v>
      </c>
      <c r="AE7" s="57">
        <v>153</v>
      </c>
      <c r="AF7" s="57">
        <v>126</v>
      </c>
      <c r="AG7" s="57">
        <v>134</v>
      </c>
      <c r="AH7" s="58">
        <v>966</v>
      </c>
      <c r="AI7" s="59">
        <v>1467</v>
      </c>
      <c r="AJ7" s="56">
        <v>346</v>
      </c>
      <c r="AK7" s="57">
        <v>410</v>
      </c>
      <c r="AL7" s="58">
        <v>756</v>
      </c>
      <c r="AM7" s="227">
        <v>0</v>
      </c>
      <c r="AN7" s="57">
        <v>482</v>
      </c>
      <c r="AO7" s="57">
        <v>428</v>
      </c>
      <c r="AP7" s="57">
        <v>250</v>
      </c>
      <c r="AQ7" s="57">
        <v>232</v>
      </c>
      <c r="AR7" s="57">
        <v>194</v>
      </c>
      <c r="AS7" s="58">
        <v>1586</v>
      </c>
      <c r="AT7" s="59">
        <v>2342</v>
      </c>
      <c r="AU7" s="56">
        <v>741</v>
      </c>
      <c r="AV7" s="57">
        <v>746</v>
      </c>
      <c r="AW7" s="58">
        <v>1487</v>
      </c>
      <c r="AX7" s="227">
        <v>0</v>
      </c>
      <c r="AY7" s="57">
        <v>992</v>
      </c>
      <c r="AZ7" s="57">
        <v>821</v>
      </c>
      <c r="BA7" s="57">
        <v>465</v>
      </c>
      <c r="BB7" s="57">
        <v>380</v>
      </c>
      <c r="BC7" s="57">
        <v>268</v>
      </c>
      <c r="BD7" s="58">
        <v>2926</v>
      </c>
      <c r="BE7" s="59">
        <v>4413</v>
      </c>
      <c r="BF7" s="56">
        <v>1069</v>
      </c>
      <c r="BG7" s="57">
        <v>869</v>
      </c>
      <c r="BH7" s="58">
        <v>1938</v>
      </c>
      <c r="BI7" s="227">
        <v>0</v>
      </c>
      <c r="BJ7" s="57">
        <v>1303</v>
      </c>
      <c r="BK7" s="57">
        <v>1115</v>
      </c>
      <c r="BL7" s="57">
        <v>650</v>
      </c>
      <c r="BM7" s="57">
        <v>541</v>
      </c>
      <c r="BN7" s="57">
        <v>317</v>
      </c>
      <c r="BO7" s="58">
        <v>3926</v>
      </c>
      <c r="BP7" s="59">
        <v>5864</v>
      </c>
      <c r="BQ7" s="56">
        <v>772</v>
      </c>
      <c r="BR7" s="57">
        <v>791</v>
      </c>
      <c r="BS7" s="58">
        <v>1563</v>
      </c>
      <c r="BT7" s="227">
        <v>0</v>
      </c>
      <c r="BU7" s="57">
        <v>1142</v>
      </c>
      <c r="BV7" s="57">
        <v>1175</v>
      </c>
      <c r="BW7" s="57">
        <v>784</v>
      </c>
      <c r="BX7" s="57">
        <v>651</v>
      </c>
      <c r="BY7" s="57">
        <v>343</v>
      </c>
      <c r="BZ7" s="58">
        <v>4095</v>
      </c>
      <c r="CA7" s="59">
        <v>5658</v>
      </c>
      <c r="CB7" s="56">
        <v>0</v>
      </c>
      <c r="CC7" s="57">
        <v>0</v>
      </c>
      <c r="CD7" s="58">
        <v>0</v>
      </c>
      <c r="CE7" s="227">
        <v>0</v>
      </c>
      <c r="CF7" s="57">
        <v>0</v>
      </c>
      <c r="CG7" s="57">
        <v>0</v>
      </c>
      <c r="CH7" s="57">
        <v>0</v>
      </c>
      <c r="CI7" s="57">
        <v>0</v>
      </c>
      <c r="CJ7" s="57">
        <v>0</v>
      </c>
      <c r="CK7" s="58">
        <v>0</v>
      </c>
      <c r="CL7" s="59">
        <v>0</v>
      </c>
      <c r="CM7" s="56">
        <v>3269</v>
      </c>
      <c r="CN7" s="57">
        <v>3192</v>
      </c>
      <c r="CO7" s="58">
        <v>6461</v>
      </c>
      <c r="CP7" s="227">
        <v>0</v>
      </c>
      <c r="CQ7" s="57">
        <v>4281</v>
      </c>
      <c r="CR7" s="57">
        <v>3981</v>
      </c>
      <c r="CS7" s="57">
        <v>2381</v>
      </c>
      <c r="CT7" s="57">
        <v>2010</v>
      </c>
      <c r="CU7" s="57">
        <v>1325</v>
      </c>
      <c r="CV7" s="58">
        <v>13978</v>
      </c>
      <c r="CW7" s="59">
        <v>20439</v>
      </c>
      <c r="CX7" s="112">
        <v>1173</v>
      </c>
      <c r="CY7" s="68">
        <v>1372</v>
      </c>
      <c r="CZ7" s="69">
        <v>2545</v>
      </c>
      <c r="DA7" s="227">
        <v>0</v>
      </c>
      <c r="DB7" s="68">
        <v>1770</v>
      </c>
      <c r="DC7" s="68">
        <v>1597</v>
      </c>
      <c r="DD7" s="68">
        <v>1087</v>
      </c>
      <c r="DE7" s="68">
        <v>1078</v>
      </c>
      <c r="DF7" s="68">
        <v>714</v>
      </c>
      <c r="DG7" s="70">
        <v>6246</v>
      </c>
      <c r="DH7" s="71">
        <v>8791</v>
      </c>
      <c r="DI7" s="56">
        <v>33</v>
      </c>
      <c r="DJ7" s="57">
        <v>31</v>
      </c>
      <c r="DK7" s="58">
        <v>64</v>
      </c>
      <c r="DL7" s="227">
        <v>0</v>
      </c>
      <c r="DM7" s="57">
        <v>33</v>
      </c>
      <c r="DN7" s="57">
        <v>22</v>
      </c>
      <c r="DO7" s="57">
        <v>19</v>
      </c>
      <c r="DP7" s="57">
        <v>14</v>
      </c>
      <c r="DQ7" s="57">
        <v>15</v>
      </c>
      <c r="DR7" s="58">
        <v>103</v>
      </c>
      <c r="DS7" s="59">
        <v>167</v>
      </c>
      <c r="DT7" s="56">
        <v>97</v>
      </c>
      <c r="DU7" s="57">
        <v>92</v>
      </c>
      <c r="DV7" s="58">
        <v>189</v>
      </c>
      <c r="DW7" s="227">
        <v>0</v>
      </c>
      <c r="DX7" s="57">
        <v>75</v>
      </c>
      <c r="DY7" s="57">
        <v>67</v>
      </c>
      <c r="DZ7" s="57">
        <v>46</v>
      </c>
      <c r="EA7" s="57">
        <v>31</v>
      </c>
      <c r="EB7" s="57">
        <v>28</v>
      </c>
      <c r="EC7" s="58">
        <v>247</v>
      </c>
      <c r="ED7" s="59">
        <v>436</v>
      </c>
      <c r="EE7" s="56">
        <v>156</v>
      </c>
      <c r="EF7" s="57">
        <v>200</v>
      </c>
      <c r="EG7" s="58">
        <v>356</v>
      </c>
      <c r="EH7" s="227">
        <v>0</v>
      </c>
      <c r="EI7" s="57">
        <v>193</v>
      </c>
      <c r="EJ7" s="57">
        <v>154</v>
      </c>
      <c r="EK7" s="57">
        <v>80</v>
      </c>
      <c r="EL7" s="57">
        <v>65</v>
      </c>
      <c r="EM7" s="57">
        <v>67</v>
      </c>
      <c r="EN7" s="58">
        <v>559</v>
      </c>
      <c r="EO7" s="59">
        <v>915</v>
      </c>
      <c r="EP7" s="56">
        <v>353</v>
      </c>
      <c r="EQ7" s="57">
        <v>317</v>
      </c>
      <c r="ER7" s="58">
        <v>670</v>
      </c>
      <c r="ES7" s="227">
        <v>0</v>
      </c>
      <c r="ET7" s="57">
        <v>345</v>
      </c>
      <c r="EU7" s="57">
        <v>288</v>
      </c>
      <c r="EV7" s="57">
        <v>155</v>
      </c>
      <c r="EW7" s="57">
        <v>146</v>
      </c>
      <c r="EX7" s="57">
        <v>102</v>
      </c>
      <c r="EY7" s="58">
        <v>1036</v>
      </c>
      <c r="EZ7" s="59">
        <v>1706</v>
      </c>
      <c r="FA7" s="56">
        <v>310</v>
      </c>
      <c r="FB7" s="57">
        <v>428</v>
      </c>
      <c r="FC7" s="58">
        <v>738</v>
      </c>
      <c r="FD7" s="227">
        <v>0</v>
      </c>
      <c r="FE7" s="57">
        <v>552</v>
      </c>
      <c r="FF7" s="57">
        <v>458</v>
      </c>
      <c r="FG7" s="57">
        <v>294</v>
      </c>
      <c r="FH7" s="57">
        <v>272</v>
      </c>
      <c r="FI7" s="57">
        <v>171</v>
      </c>
      <c r="FJ7" s="58">
        <v>1747</v>
      </c>
      <c r="FK7" s="59">
        <v>2485</v>
      </c>
      <c r="FL7" s="56">
        <v>224</v>
      </c>
      <c r="FM7" s="57">
        <v>304</v>
      </c>
      <c r="FN7" s="58">
        <v>528</v>
      </c>
      <c r="FO7" s="227">
        <v>0</v>
      </c>
      <c r="FP7" s="57">
        <v>572</v>
      </c>
      <c r="FQ7" s="57">
        <v>608</v>
      </c>
      <c r="FR7" s="57">
        <v>493</v>
      </c>
      <c r="FS7" s="57">
        <v>550</v>
      </c>
      <c r="FT7" s="57">
        <v>331</v>
      </c>
      <c r="FU7" s="58">
        <v>2554</v>
      </c>
      <c r="FV7" s="59">
        <v>3082</v>
      </c>
      <c r="FW7" s="56">
        <v>0</v>
      </c>
      <c r="FX7" s="57">
        <v>0</v>
      </c>
      <c r="FY7" s="58">
        <v>0</v>
      </c>
      <c r="FZ7" s="227">
        <v>0</v>
      </c>
      <c r="GA7" s="57">
        <v>0</v>
      </c>
      <c r="GB7" s="57">
        <v>0</v>
      </c>
      <c r="GC7" s="57">
        <v>0</v>
      </c>
      <c r="GD7" s="57">
        <v>0</v>
      </c>
      <c r="GE7" s="57">
        <v>0</v>
      </c>
      <c r="GF7" s="58">
        <v>0</v>
      </c>
      <c r="GG7" s="59">
        <v>0</v>
      </c>
      <c r="GH7" s="56">
        <v>1173</v>
      </c>
      <c r="GI7" s="57">
        <v>1372</v>
      </c>
      <c r="GJ7" s="58">
        <v>2545</v>
      </c>
      <c r="GK7" s="227">
        <v>0</v>
      </c>
      <c r="GL7" s="57">
        <v>1770</v>
      </c>
      <c r="GM7" s="57">
        <v>1597</v>
      </c>
      <c r="GN7" s="57">
        <v>1087</v>
      </c>
      <c r="GO7" s="57">
        <v>1078</v>
      </c>
      <c r="GP7" s="57">
        <v>714</v>
      </c>
      <c r="GQ7" s="58">
        <v>6246</v>
      </c>
      <c r="GR7" s="59">
        <v>8791</v>
      </c>
      <c r="GS7" s="112">
        <v>4442</v>
      </c>
      <c r="GT7" s="68">
        <v>4564</v>
      </c>
      <c r="GU7" s="69">
        <v>9006</v>
      </c>
      <c r="GV7" s="227">
        <v>0</v>
      </c>
      <c r="GW7" s="68">
        <v>6051</v>
      </c>
      <c r="GX7" s="68">
        <v>5578</v>
      </c>
      <c r="GY7" s="68">
        <v>3468</v>
      </c>
      <c r="GZ7" s="68">
        <v>3088</v>
      </c>
      <c r="HA7" s="68">
        <v>2039</v>
      </c>
      <c r="HB7" s="70">
        <v>20224</v>
      </c>
      <c r="HC7" s="71">
        <v>29230</v>
      </c>
      <c r="HD7" s="56">
        <v>128</v>
      </c>
      <c r="HE7" s="57">
        <v>152</v>
      </c>
      <c r="HF7" s="58">
        <v>280</v>
      </c>
      <c r="HG7" s="227">
        <v>0</v>
      </c>
      <c r="HH7" s="57">
        <v>138</v>
      </c>
      <c r="HI7" s="57">
        <v>168</v>
      </c>
      <c r="HJ7" s="57">
        <v>98</v>
      </c>
      <c r="HK7" s="57">
        <v>94</v>
      </c>
      <c r="HL7" s="57">
        <v>84</v>
      </c>
      <c r="HM7" s="58">
        <v>582</v>
      </c>
      <c r="HN7" s="59">
        <v>862</v>
      </c>
      <c r="HO7" s="56">
        <v>343</v>
      </c>
      <c r="HP7" s="57">
        <v>347</v>
      </c>
      <c r="HQ7" s="58">
        <v>690</v>
      </c>
      <c r="HR7" s="227">
        <v>0</v>
      </c>
      <c r="HS7" s="57">
        <v>332</v>
      </c>
      <c r="HT7" s="57">
        <v>363</v>
      </c>
      <c r="HU7" s="57">
        <v>199</v>
      </c>
      <c r="HV7" s="57">
        <v>157</v>
      </c>
      <c r="HW7" s="57">
        <v>162</v>
      </c>
      <c r="HX7" s="58">
        <v>1213</v>
      </c>
      <c r="HY7" s="59">
        <v>1903</v>
      </c>
      <c r="HZ7" s="56">
        <v>502</v>
      </c>
      <c r="IA7" s="57">
        <v>610</v>
      </c>
      <c r="IB7" s="58">
        <v>1112</v>
      </c>
      <c r="IC7" s="227">
        <v>0</v>
      </c>
      <c r="ID7" s="57">
        <v>675</v>
      </c>
      <c r="IE7" s="57">
        <v>582</v>
      </c>
      <c r="IF7" s="57">
        <v>330</v>
      </c>
      <c r="IG7" s="57">
        <v>297</v>
      </c>
      <c r="IH7" s="57">
        <v>261</v>
      </c>
      <c r="II7" s="58">
        <v>2145</v>
      </c>
      <c r="IJ7" s="59">
        <v>3257</v>
      </c>
      <c r="IK7" s="56">
        <v>1094</v>
      </c>
      <c r="IL7" s="57">
        <v>1063</v>
      </c>
      <c r="IM7" s="58">
        <v>2157</v>
      </c>
      <c r="IN7" s="227">
        <v>0</v>
      </c>
      <c r="IO7" s="57">
        <v>1337</v>
      </c>
      <c r="IP7" s="57">
        <v>1109</v>
      </c>
      <c r="IQ7" s="57">
        <v>620</v>
      </c>
      <c r="IR7" s="57">
        <v>526</v>
      </c>
      <c r="IS7" s="57">
        <v>370</v>
      </c>
      <c r="IT7" s="58">
        <v>3962</v>
      </c>
      <c r="IU7" s="59">
        <v>6119</v>
      </c>
      <c r="IV7" s="56">
        <v>1379</v>
      </c>
      <c r="IW7" s="57">
        <v>1297</v>
      </c>
      <c r="IX7" s="58">
        <v>2676</v>
      </c>
      <c r="IY7" s="227">
        <v>0</v>
      </c>
      <c r="IZ7" s="57">
        <v>1855</v>
      </c>
      <c r="JA7" s="57">
        <v>1573</v>
      </c>
      <c r="JB7" s="57">
        <v>944</v>
      </c>
      <c r="JC7" s="57">
        <v>813</v>
      </c>
      <c r="JD7" s="57">
        <v>488</v>
      </c>
      <c r="JE7" s="58">
        <v>5673</v>
      </c>
      <c r="JF7" s="59">
        <v>8349</v>
      </c>
      <c r="JG7" s="56">
        <v>996</v>
      </c>
      <c r="JH7" s="57">
        <v>1095</v>
      </c>
      <c r="JI7" s="58">
        <v>2091</v>
      </c>
      <c r="JJ7" s="227">
        <v>0</v>
      </c>
      <c r="JK7" s="57">
        <v>1714</v>
      </c>
      <c r="JL7" s="57">
        <v>1783</v>
      </c>
      <c r="JM7" s="57">
        <v>1277</v>
      </c>
      <c r="JN7" s="57">
        <v>1201</v>
      </c>
      <c r="JO7" s="57">
        <v>674</v>
      </c>
      <c r="JP7" s="58">
        <v>6649</v>
      </c>
      <c r="JQ7" s="59">
        <v>8740</v>
      </c>
      <c r="JR7" s="56">
        <v>0</v>
      </c>
      <c r="JS7" s="57">
        <v>0</v>
      </c>
      <c r="JT7" s="58">
        <v>0</v>
      </c>
      <c r="JU7" s="227">
        <v>0</v>
      </c>
      <c r="JV7" s="57">
        <v>0</v>
      </c>
      <c r="JW7" s="57">
        <v>0</v>
      </c>
      <c r="JX7" s="57">
        <v>0</v>
      </c>
      <c r="JY7" s="57">
        <v>0</v>
      </c>
      <c r="JZ7" s="57">
        <v>0</v>
      </c>
      <c r="KA7" s="58">
        <v>0</v>
      </c>
      <c r="KB7" s="59">
        <v>0</v>
      </c>
      <c r="KC7" s="56">
        <v>4442</v>
      </c>
      <c r="KD7" s="57">
        <v>4564</v>
      </c>
      <c r="KE7" s="58">
        <v>9006</v>
      </c>
      <c r="KF7" s="227">
        <v>0</v>
      </c>
      <c r="KG7" s="57">
        <v>6051</v>
      </c>
      <c r="KH7" s="57">
        <v>5578</v>
      </c>
      <c r="KI7" s="57">
        <v>3468</v>
      </c>
      <c r="KJ7" s="57">
        <v>3088</v>
      </c>
      <c r="KK7" s="57">
        <v>2039</v>
      </c>
      <c r="KL7" s="58">
        <v>20224</v>
      </c>
      <c r="KM7" s="59">
        <v>29230</v>
      </c>
    </row>
    <row r="8" spans="2:299" ht="21" customHeight="1" x14ac:dyDescent="0.2">
      <c r="B8" s="471" t="s">
        <v>5</v>
      </c>
      <c r="C8" s="293">
        <v>1486</v>
      </c>
      <c r="D8" s="72">
        <v>1592</v>
      </c>
      <c r="E8" s="73">
        <v>3078</v>
      </c>
      <c r="F8" s="228">
        <v>0</v>
      </c>
      <c r="G8" s="72">
        <v>1571</v>
      </c>
      <c r="H8" s="72">
        <v>1945</v>
      </c>
      <c r="I8" s="72">
        <v>1084</v>
      </c>
      <c r="J8" s="72">
        <v>903</v>
      </c>
      <c r="K8" s="72">
        <v>577</v>
      </c>
      <c r="L8" s="74">
        <v>6080</v>
      </c>
      <c r="M8" s="75">
        <v>9158</v>
      </c>
      <c r="N8" s="60">
        <v>41</v>
      </c>
      <c r="O8" s="61">
        <v>50</v>
      </c>
      <c r="P8" s="62">
        <v>91</v>
      </c>
      <c r="Q8" s="228">
        <v>0</v>
      </c>
      <c r="R8" s="61">
        <v>35</v>
      </c>
      <c r="S8" s="61">
        <v>67</v>
      </c>
      <c r="T8" s="61">
        <v>37</v>
      </c>
      <c r="U8" s="61">
        <v>33</v>
      </c>
      <c r="V8" s="61">
        <v>25</v>
      </c>
      <c r="W8" s="62">
        <v>197</v>
      </c>
      <c r="X8" s="63">
        <v>288</v>
      </c>
      <c r="Y8" s="60">
        <v>99</v>
      </c>
      <c r="Z8" s="61">
        <v>128</v>
      </c>
      <c r="AA8" s="62">
        <v>227</v>
      </c>
      <c r="AB8" s="228">
        <v>0</v>
      </c>
      <c r="AC8" s="61">
        <v>71</v>
      </c>
      <c r="AD8" s="61">
        <v>126</v>
      </c>
      <c r="AE8" s="61">
        <v>57</v>
      </c>
      <c r="AF8" s="61">
        <v>66</v>
      </c>
      <c r="AG8" s="61">
        <v>52</v>
      </c>
      <c r="AH8" s="62">
        <v>372</v>
      </c>
      <c r="AI8" s="63">
        <v>599</v>
      </c>
      <c r="AJ8" s="60">
        <v>146</v>
      </c>
      <c r="AK8" s="61">
        <v>202</v>
      </c>
      <c r="AL8" s="62">
        <v>348</v>
      </c>
      <c r="AM8" s="228">
        <v>0</v>
      </c>
      <c r="AN8" s="61">
        <v>157</v>
      </c>
      <c r="AO8" s="61">
        <v>190</v>
      </c>
      <c r="AP8" s="61">
        <v>100</v>
      </c>
      <c r="AQ8" s="61">
        <v>98</v>
      </c>
      <c r="AR8" s="61">
        <v>82</v>
      </c>
      <c r="AS8" s="62">
        <v>627</v>
      </c>
      <c r="AT8" s="63">
        <v>975</v>
      </c>
      <c r="AU8" s="60">
        <v>345</v>
      </c>
      <c r="AV8" s="61">
        <v>377</v>
      </c>
      <c r="AW8" s="62">
        <v>722</v>
      </c>
      <c r="AX8" s="228">
        <v>0</v>
      </c>
      <c r="AY8" s="61">
        <v>319</v>
      </c>
      <c r="AZ8" s="61">
        <v>408</v>
      </c>
      <c r="BA8" s="61">
        <v>216</v>
      </c>
      <c r="BB8" s="61">
        <v>170</v>
      </c>
      <c r="BC8" s="61">
        <v>109</v>
      </c>
      <c r="BD8" s="62">
        <v>1222</v>
      </c>
      <c r="BE8" s="63">
        <v>1944</v>
      </c>
      <c r="BF8" s="60">
        <v>515</v>
      </c>
      <c r="BG8" s="61">
        <v>444</v>
      </c>
      <c r="BH8" s="62">
        <v>959</v>
      </c>
      <c r="BI8" s="228">
        <v>0</v>
      </c>
      <c r="BJ8" s="61">
        <v>546</v>
      </c>
      <c r="BK8" s="61">
        <v>548</v>
      </c>
      <c r="BL8" s="61">
        <v>300</v>
      </c>
      <c r="BM8" s="61">
        <v>244</v>
      </c>
      <c r="BN8" s="61">
        <v>142</v>
      </c>
      <c r="BO8" s="62">
        <v>1780</v>
      </c>
      <c r="BP8" s="63">
        <v>2739</v>
      </c>
      <c r="BQ8" s="60">
        <v>340</v>
      </c>
      <c r="BR8" s="61">
        <v>391</v>
      </c>
      <c r="BS8" s="62">
        <v>731</v>
      </c>
      <c r="BT8" s="228">
        <v>0</v>
      </c>
      <c r="BU8" s="61">
        <v>443</v>
      </c>
      <c r="BV8" s="61">
        <v>606</v>
      </c>
      <c r="BW8" s="61">
        <v>374</v>
      </c>
      <c r="BX8" s="61">
        <v>292</v>
      </c>
      <c r="BY8" s="61">
        <v>167</v>
      </c>
      <c r="BZ8" s="62">
        <v>1882</v>
      </c>
      <c r="CA8" s="63">
        <v>2613</v>
      </c>
      <c r="CB8" s="60">
        <v>0</v>
      </c>
      <c r="CC8" s="61">
        <v>0</v>
      </c>
      <c r="CD8" s="62">
        <v>0</v>
      </c>
      <c r="CE8" s="228">
        <v>0</v>
      </c>
      <c r="CF8" s="61">
        <v>0</v>
      </c>
      <c r="CG8" s="61">
        <v>0</v>
      </c>
      <c r="CH8" s="61">
        <v>0</v>
      </c>
      <c r="CI8" s="61">
        <v>0</v>
      </c>
      <c r="CJ8" s="61">
        <v>0</v>
      </c>
      <c r="CK8" s="62">
        <v>0</v>
      </c>
      <c r="CL8" s="63">
        <v>0</v>
      </c>
      <c r="CM8" s="60">
        <v>1486</v>
      </c>
      <c r="CN8" s="61">
        <v>1592</v>
      </c>
      <c r="CO8" s="62">
        <v>3078</v>
      </c>
      <c r="CP8" s="228">
        <v>0</v>
      </c>
      <c r="CQ8" s="61">
        <v>1571</v>
      </c>
      <c r="CR8" s="61">
        <v>1945</v>
      </c>
      <c r="CS8" s="61">
        <v>1084</v>
      </c>
      <c r="CT8" s="61">
        <v>903</v>
      </c>
      <c r="CU8" s="61">
        <v>577</v>
      </c>
      <c r="CV8" s="62">
        <v>6080</v>
      </c>
      <c r="CW8" s="63">
        <v>9158</v>
      </c>
      <c r="CX8" s="113">
        <v>457</v>
      </c>
      <c r="CY8" s="72">
        <v>635</v>
      </c>
      <c r="CZ8" s="73">
        <v>1092</v>
      </c>
      <c r="DA8" s="228">
        <v>0</v>
      </c>
      <c r="DB8" s="72">
        <v>644</v>
      </c>
      <c r="DC8" s="72">
        <v>741</v>
      </c>
      <c r="DD8" s="72">
        <v>478</v>
      </c>
      <c r="DE8" s="72">
        <v>471</v>
      </c>
      <c r="DF8" s="72">
        <v>307</v>
      </c>
      <c r="DG8" s="74">
        <v>2641</v>
      </c>
      <c r="DH8" s="75">
        <v>3733</v>
      </c>
      <c r="DI8" s="60">
        <v>12</v>
      </c>
      <c r="DJ8" s="61">
        <v>12</v>
      </c>
      <c r="DK8" s="62">
        <v>24</v>
      </c>
      <c r="DL8" s="228">
        <v>0</v>
      </c>
      <c r="DM8" s="61">
        <v>11</v>
      </c>
      <c r="DN8" s="61">
        <v>9</v>
      </c>
      <c r="DO8" s="61">
        <v>7</v>
      </c>
      <c r="DP8" s="61">
        <v>8</v>
      </c>
      <c r="DQ8" s="61">
        <v>7</v>
      </c>
      <c r="DR8" s="62">
        <v>42</v>
      </c>
      <c r="DS8" s="63">
        <v>66</v>
      </c>
      <c r="DT8" s="60">
        <v>43</v>
      </c>
      <c r="DU8" s="61">
        <v>44</v>
      </c>
      <c r="DV8" s="62">
        <v>87</v>
      </c>
      <c r="DW8" s="228">
        <v>0</v>
      </c>
      <c r="DX8" s="61">
        <v>15</v>
      </c>
      <c r="DY8" s="61">
        <v>27</v>
      </c>
      <c r="DZ8" s="61">
        <v>23</v>
      </c>
      <c r="EA8" s="61">
        <v>15</v>
      </c>
      <c r="EB8" s="61">
        <v>12</v>
      </c>
      <c r="EC8" s="62">
        <v>92</v>
      </c>
      <c r="ED8" s="63">
        <v>179</v>
      </c>
      <c r="EE8" s="60">
        <v>54</v>
      </c>
      <c r="EF8" s="61">
        <v>91</v>
      </c>
      <c r="EG8" s="62">
        <v>145</v>
      </c>
      <c r="EH8" s="228">
        <v>0</v>
      </c>
      <c r="EI8" s="61">
        <v>75</v>
      </c>
      <c r="EJ8" s="61">
        <v>75</v>
      </c>
      <c r="EK8" s="61">
        <v>33</v>
      </c>
      <c r="EL8" s="61">
        <v>34</v>
      </c>
      <c r="EM8" s="61">
        <v>32</v>
      </c>
      <c r="EN8" s="62">
        <v>249</v>
      </c>
      <c r="EO8" s="63">
        <v>394</v>
      </c>
      <c r="EP8" s="60">
        <v>138</v>
      </c>
      <c r="EQ8" s="61">
        <v>149</v>
      </c>
      <c r="ER8" s="62">
        <v>287</v>
      </c>
      <c r="ES8" s="228">
        <v>0</v>
      </c>
      <c r="ET8" s="61">
        <v>134</v>
      </c>
      <c r="EU8" s="61">
        <v>128</v>
      </c>
      <c r="EV8" s="61">
        <v>64</v>
      </c>
      <c r="EW8" s="61">
        <v>64</v>
      </c>
      <c r="EX8" s="61">
        <v>40</v>
      </c>
      <c r="EY8" s="62">
        <v>430</v>
      </c>
      <c r="EZ8" s="63">
        <v>717</v>
      </c>
      <c r="FA8" s="60">
        <v>117</v>
      </c>
      <c r="FB8" s="61">
        <v>207</v>
      </c>
      <c r="FC8" s="62">
        <v>324</v>
      </c>
      <c r="FD8" s="228">
        <v>0</v>
      </c>
      <c r="FE8" s="61">
        <v>206</v>
      </c>
      <c r="FF8" s="61">
        <v>219</v>
      </c>
      <c r="FG8" s="61">
        <v>128</v>
      </c>
      <c r="FH8" s="61">
        <v>124</v>
      </c>
      <c r="FI8" s="61">
        <v>69</v>
      </c>
      <c r="FJ8" s="62">
        <v>746</v>
      </c>
      <c r="FK8" s="63">
        <v>1070</v>
      </c>
      <c r="FL8" s="60">
        <v>93</v>
      </c>
      <c r="FM8" s="61">
        <v>132</v>
      </c>
      <c r="FN8" s="62">
        <v>225</v>
      </c>
      <c r="FO8" s="228">
        <v>0</v>
      </c>
      <c r="FP8" s="61">
        <v>203</v>
      </c>
      <c r="FQ8" s="61">
        <v>283</v>
      </c>
      <c r="FR8" s="61">
        <v>223</v>
      </c>
      <c r="FS8" s="61">
        <v>226</v>
      </c>
      <c r="FT8" s="61">
        <v>147</v>
      </c>
      <c r="FU8" s="62">
        <v>1082</v>
      </c>
      <c r="FV8" s="63">
        <v>1307</v>
      </c>
      <c r="FW8" s="60">
        <v>0</v>
      </c>
      <c r="FX8" s="61">
        <v>0</v>
      </c>
      <c r="FY8" s="62">
        <v>0</v>
      </c>
      <c r="FZ8" s="228">
        <v>0</v>
      </c>
      <c r="GA8" s="61">
        <v>0</v>
      </c>
      <c r="GB8" s="61">
        <v>0</v>
      </c>
      <c r="GC8" s="61">
        <v>0</v>
      </c>
      <c r="GD8" s="61">
        <v>0</v>
      </c>
      <c r="GE8" s="61">
        <v>0</v>
      </c>
      <c r="GF8" s="62">
        <v>0</v>
      </c>
      <c r="GG8" s="63">
        <v>0</v>
      </c>
      <c r="GH8" s="60">
        <v>457</v>
      </c>
      <c r="GI8" s="61">
        <v>635</v>
      </c>
      <c r="GJ8" s="62">
        <v>1092</v>
      </c>
      <c r="GK8" s="228">
        <v>0</v>
      </c>
      <c r="GL8" s="61">
        <v>644</v>
      </c>
      <c r="GM8" s="61">
        <v>741</v>
      </c>
      <c r="GN8" s="61">
        <v>478</v>
      </c>
      <c r="GO8" s="61">
        <v>471</v>
      </c>
      <c r="GP8" s="61">
        <v>307</v>
      </c>
      <c r="GQ8" s="62">
        <v>2641</v>
      </c>
      <c r="GR8" s="63">
        <v>3733</v>
      </c>
      <c r="GS8" s="113">
        <v>1943</v>
      </c>
      <c r="GT8" s="72">
        <v>2227</v>
      </c>
      <c r="GU8" s="73">
        <v>4170</v>
      </c>
      <c r="GV8" s="228">
        <v>0</v>
      </c>
      <c r="GW8" s="72">
        <v>2215</v>
      </c>
      <c r="GX8" s="72">
        <v>2686</v>
      </c>
      <c r="GY8" s="72">
        <v>1562</v>
      </c>
      <c r="GZ8" s="72">
        <v>1374</v>
      </c>
      <c r="HA8" s="72">
        <v>884</v>
      </c>
      <c r="HB8" s="74">
        <v>8721</v>
      </c>
      <c r="HC8" s="75">
        <v>12891</v>
      </c>
      <c r="HD8" s="60">
        <v>53</v>
      </c>
      <c r="HE8" s="61">
        <v>62</v>
      </c>
      <c r="HF8" s="62">
        <v>115</v>
      </c>
      <c r="HG8" s="228">
        <v>0</v>
      </c>
      <c r="HH8" s="61">
        <v>46</v>
      </c>
      <c r="HI8" s="61">
        <v>76</v>
      </c>
      <c r="HJ8" s="61">
        <v>44</v>
      </c>
      <c r="HK8" s="61">
        <v>41</v>
      </c>
      <c r="HL8" s="61">
        <v>32</v>
      </c>
      <c r="HM8" s="62">
        <v>239</v>
      </c>
      <c r="HN8" s="63">
        <v>354</v>
      </c>
      <c r="HO8" s="60">
        <v>142</v>
      </c>
      <c r="HP8" s="61">
        <v>172</v>
      </c>
      <c r="HQ8" s="62">
        <v>314</v>
      </c>
      <c r="HR8" s="228">
        <v>0</v>
      </c>
      <c r="HS8" s="61">
        <v>86</v>
      </c>
      <c r="HT8" s="61">
        <v>153</v>
      </c>
      <c r="HU8" s="61">
        <v>80</v>
      </c>
      <c r="HV8" s="61">
        <v>81</v>
      </c>
      <c r="HW8" s="61">
        <v>64</v>
      </c>
      <c r="HX8" s="62">
        <v>464</v>
      </c>
      <c r="HY8" s="63">
        <v>778</v>
      </c>
      <c r="HZ8" s="60">
        <v>200</v>
      </c>
      <c r="IA8" s="61">
        <v>293</v>
      </c>
      <c r="IB8" s="62">
        <v>493</v>
      </c>
      <c r="IC8" s="228">
        <v>0</v>
      </c>
      <c r="ID8" s="61">
        <v>232</v>
      </c>
      <c r="IE8" s="61">
        <v>265</v>
      </c>
      <c r="IF8" s="61">
        <v>133</v>
      </c>
      <c r="IG8" s="61">
        <v>132</v>
      </c>
      <c r="IH8" s="61">
        <v>114</v>
      </c>
      <c r="II8" s="62">
        <v>876</v>
      </c>
      <c r="IJ8" s="63">
        <v>1369</v>
      </c>
      <c r="IK8" s="60">
        <v>483</v>
      </c>
      <c r="IL8" s="61">
        <v>526</v>
      </c>
      <c r="IM8" s="62">
        <v>1009</v>
      </c>
      <c r="IN8" s="228">
        <v>0</v>
      </c>
      <c r="IO8" s="61">
        <v>453</v>
      </c>
      <c r="IP8" s="61">
        <v>536</v>
      </c>
      <c r="IQ8" s="61">
        <v>280</v>
      </c>
      <c r="IR8" s="61">
        <v>234</v>
      </c>
      <c r="IS8" s="61">
        <v>149</v>
      </c>
      <c r="IT8" s="62">
        <v>1652</v>
      </c>
      <c r="IU8" s="63">
        <v>2661</v>
      </c>
      <c r="IV8" s="60">
        <v>632</v>
      </c>
      <c r="IW8" s="61">
        <v>651</v>
      </c>
      <c r="IX8" s="62">
        <v>1283</v>
      </c>
      <c r="IY8" s="228">
        <v>0</v>
      </c>
      <c r="IZ8" s="61">
        <v>752</v>
      </c>
      <c r="JA8" s="61">
        <v>767</v>
      </c>
      <c r="JB8" s="61">
        <v>428</v>
      </c>
      <c r="JC8" s="61">
        <v>368</v>
      </c>
      <c r="JD8" s="61">
        <v>211</v>
      </c>
      <c r="JE8" s="62">
        <v>2526</v>
      </c>
      <c r="JF8" s="63">
        <v>3809</v>
      </c>
      <c r="JG8" s="60">
        <v>433</v>
      </c>
      <c r="JH8" s="61">
        <v>523</v>
      </c>
      <c r="JI8" s="62">
        <v>956</v>
      </c>
      <c r="JJ8" s="228">
        <v>0</v>
      </c>
      <c r="JK8" s="61">
        <v>646</v>
      </c>
      <c r="JL8" s="61">
        <v>889</v>
      </c>
      <c r="JM8" s="61">
        <v>597</v>
      </c>
      <c r="JN8" s="61">
        <v>518</v>
      </c>
      <c r="JO8" s="61">
        <v>314</v>
      </c>
      <c r="JP8" s="62">
        <v>2964</v>
      </c>
      <c r="JQ8" s="63">
        <v>3920</v>
      </c>
      <c r="JR8" s="60">
        <v>0</v>
      </c>
      <c r="JS8" s="61">
        <v>0</v>
      </c>
      <c r="JT8" s="62">
        <v>0</v>
      </c>
      <c r="JU8" s="228">
        <v>0</v>
      </c>
      <c r="JV8" s="61">
        <v>0</v>
      </c>
      <c r="JW8" s="61">
        <v>0</v>
      </c>
      <c r="JX8" s="61">
        <v>0</v>
      </c>
      <c r="JY8" s="61">
        <v>0</v>
      </c>
      <c r="JZ8" s="61">
        <v>0</v>
      </c>
      <c r="KA8" s="62">
        <v>0</v>
      </c>
      <c r="KB8" s="63">
        <v>0</v>
      </c>
      <c r="KC8" s="60">
        <v>1943</v>
      </c>
      <c r="KD8" s="61">
        <v>2227</v>
      </c>
      <c r="KE8" s="62">
        <v>4170</v>
      </c>
      <c r="KF8" s="228">
        <v>0</v>
      </c>
      <c r="KG8" s="61">
        <v>2215</v>
      </c>
      <c r="KH8" s="61">
        <v>2686</v>
      </c>
      <c r="KI8" s="61">
        <v>1562</v>
      </c>
      <c r="KJ8" s="61">
        <v>1374</v>
      </c>
      <c r="KK8" s="61">
        <v>884</v>
      </c>
      <c r="KL8" s="62">
        <v>8721</v>
      </c>
      <c r="KM8" s="63">
        <v>12891</v>
      </c>
    </row>
    <row r="9" spans="2:299" ht="21" customHeight="1" x14ac:dyDescent="0.2">
      <c r="B9" s="472" t="s">
        <v>6</v>
      </c>
      <c r="C9" s="293">
        <v>409</v>
      </c>
      <c r="D9" s="72">
        <v>420</v>
      </c>
      <c r="E9" s="73">
        <v>829</v>
      </c>
      <c r="F9" s="228">
        <v>0</v>
      </c>
      <c r="G9" s="72">
        <v>757</v>
      </c>
      <c r="H9" s="72">
        <v>560</v>
      </c>
      <c r="I9" s="72">
        <v>361</v>
      </c>
      <c r="J9" s="72">
        <v>310</v>
      </c>
      <c r="K9" s="72">
        <v>226</v>
      </c>
      <c r="L9" s="74">
        <v>2214</v>
      </c>
      <c r="M9" s="75">
        <v>3043</v>
      </c>
      <c r="N9" s="60">
        <v>20</v>
      </c>
      <c r="O9" s="61">
        <v>21</v>
      </c>
      <c r="P9" s="62">
        <v>41</v>
      </c>
      <c r="Q9" s="228">
        <v>0</v>
      </c>
      <c r="R9" s="61">
        <v>17</v>
      </c>
      <c r="S9" s="61">
        <v>30</v>
      </c>
      <c r="T9" s="61">
        <v>10</v>
      </c>
      <c r="U9" s="61">
        <v>11</v>
      </c>
      <c r="V9" s="61">
        <v>14</v>
      </c>
      <c r="W9" s="62">
        <v>82</v>
      </c>
      <c r="X9" s="63">
        <v>123</v>
      </c>
      <c r="Y9" s="60">
        <v>35</v>
      </c>
      <c r="Z9" s="61">
        <v>29</v>
      </c>
      <c r="AA9" s="62">
        <v>64</v>
      </c>
      <c r="AB9" s="228">
        <v>0</v>
      </c>
      <c r="AC9" s="61">
        <v>47</v>
      </c>
      <c r="AD9" s="61">
        <v>44</v>
      </c>
      <c r="AE9" s="61">
        <v>27</v>
      </c>
      <c r="AF9" s="61">
        <v>18</v>
      </c>
      <c r="AG9" s="61">
        <v>22</v>
      </c>
      <c r="AH9" s="62">
        <v>158</v>
      </c>
      <c r="AI9" s="63">
        <v>222</v>
      </c>
      <c r="AJ9" s="60">
        <v>54</v>
      </c>
      <c r="AK9" s="61">
        <v>55</v>
      </c>
      <c r="AL9" s="62">
        <v>109</v>
      </c>
      <c r="AM9" s="228">
        <v>0</v>
      </c>
      <c r="AN9" s="61">
        <v>89</v>
      </c>
      <c r="AO9" s="61">
        <v>70</v>
      </c>
      <c r="AP9" s="61">
        <v>48</v>
      </c>
      <c r="AQ9" s="61">
        <v>38</v>
      </c>
      <c r="AR9" s="61">
        <v>33</v>
      </c>
      <c r="AS9" s="62">
        <v>278</v>
      </c>
      <c r="AT9" s="63">
        <v>387</v>
      </c>
      <c r="AU9" s="60">
        <v>85</v>
      </c>
      <c r="AV9" s="61">
        <v>90</v>
      </c>
      <c r="AW9" s="62">
        <v>175</v>
      </c>
      <c r="AX9" s="228">
        <v>0</v>
      </c>
      <c r="AY9" s="61">
        <v>186</v>
      </c>
      <c r="AZ9" s="61">
        <v>109</v>
      </c>
      <c r="BA9" s="61">
        <v>56</v>
      </c>
      <c r="BB9" s="61">
        <v>60</v>
      </c>
      <c r="BC9" s="61">
        <v>47</v>
      </c>
      <c r="BD9" s="62">
        <v>458</v>
      </c>
      <c r="BE9" s="63">
        <v>633</v>
      </c>
      <c r="BF9" s="60">
        <v>116</v>
      </c>
      <c r="BG9" s="61">
        <v>105</v>
      </c>
      <c r="BH9" s="62">
        <v>221</v>
      </c>
      <c r="BI9" s="228">
        <v>0</v>
      </c>
      <c r="BJ9" s="61">
        <v>217</v>
      </c>
      <c r="BK9" s="61">
        <v>147</v>
      </c>
      <c r="BL9" s="61">
        <v>97</v>
      </c>
      <c r="BM9" s="61">
        <v>79</v>
      </c>
      <c r="BN9" s="61">
        <v>48</v>
      </c>
      <c r="BO9" s="62">
        <v>588</v>
      </c>
      <c r="BP9" s="63">
        <v>809</v>
      </c>
      <c r="BQ9" s="60">
        <v>99</v>
      </c>
      <c r="BR9" s="61">
        <v>120</v>
      </c>
      <c r="BS9" s="62">
        <v>219</v>
      </c>
      <c r="BT9" s="228">
        <v>0</v>
      </c>
      <c r="BU9" s="61">
        <v>201</v>
      </c>
      <c r="BV9" s="61">
        <v>160</v>
      </c>
      <c r="BW9" s="61">
        <v>123</v>
      </c>
      <c r="BX9" s="61">
        <v>104</v>
      </c>
      <c r="BY9" s="61">
        <v>62</v>
      </c>
      <c r="BZ9" s="62">
        <v>650</v>
      </c>
      <c r="CA9" s="63">
        <v>869</v>
      </c>
      <c r="CB9" s="60">
        <v>0</v>
      </c>
      <c r="CC9" s="61">
        <v>0</v>
      </c>
      <c r="CD9" s="62">
        <v>0</v>
      </c>
      <c r="CE9" s="228">
        <v>0</v>
      </c>
      <c r="CF9" s="61">
        <v>0</v>
      </c>
      <c r="CG9" s="61">
        <v>0</v>
      </c>
      <c r="CH9" s="61">
        <v>0</v>
      </c>
      <c r="CI9" s="61">
        <v>0</v>
      </c>
      <c r="CJ9" s="61">
        <v>0</v>
      </c>
      <c r="CK9" s="62">
        <v>0</v>
      </c>
      <c r="CL9" s="63">
        <v>0</v>
      </c>
      <c r="CM9" s="60">
        <v>409</v>
      </c>
      <c r="CN9" s="61">
        <v>420</v>
      </c>
      <c r="CO9" s="62">
        <v>829</v>
      </c>
      <c r="CP9" s="228">
        <v>0</v>
      </c>
      <c r="CQ9" s="61">
        <v>757</v>
      </c>
      <c r="CR9" s="61">
        <v>560</v>
      </c>
      <c r="CS9" s="61">
        <v>361</v>
      </c>
      <c r="CT9" s="61">
        <v>310</v>
      </c>
      <c r="CU9" s="61">
        <v>226</v>
      </c>
      <c r="CV9" s="62">
        <v>2214</v>
      </c>
      <c r="CW9" s="63">
        <v>3043</v>
      </c>
      <c r="CX9" s="113">
        <v>204</v>
      </c>
      <c r="CY9" s="72">
        <v>234</v>
      </c>
      <c r="CZ9" s="73">
        <v>438</v>
      </c>
      <c r="DA9" s="228">
        <v>0</v>
      </c>
      <c r="DB9" s="72">
        <v>368</v>
      </c>
      <c r="DC9" s="72">
        <v>285</v>
      </c>
      <c r="DD9" s="72">
        <v>175</v>
      </c>
      <c r="DE9" s="72">
        <v>193</v>
      </c>
      <c r="DF9" s="72">
        <v>122</v>
      </c>
      <c r="DG9" s="74">
        <v>1143</v>
      </c>
      <c r="DH9" s="75">
        <v>1581</v>
      </c>
      <c r="DI9" s="60">
        <v>5</v>
      </c>
      <c r="DJ9" s="61">
        <v>5</v>
      </c>
      <c r="DK9" s="62">
        <v>10</v>
      </c>
      <c r="DL9" s="228">
        <v>0</v>
      </c>
      <c r="DM9" s="61">
        <v>7</v>
      </c>
      <c r="DN9" s="61">
        <v>5</v>
      </c>
      <c r="DO9" s="61">
        <v>5</v>
      </c>
      <c r="DP9" s="61">
        <v>1</v>
      </c>
      <c r="DQ9" s="61">
        <v>2</v>
      </c>
      <c r="DR9" s="62">
        <v>20</v>
      </c>
      <c r="DS9" s="63">
        <v>30</v>
      </c>
      <c r="DT9" s="60">
        <v>11</v>
      </c>
      <c r="DU9" s="61">
        <v>22</v>
      </c>
      <c r="DV9" s="62">
        <v>33</v>
      </c>
      <c r="DW9" s="228">
        <v>0</v>
      </c>
      <c r="DX9" s="61">
        <v>18</v>
      </c>
      <c r="DY9" s="61">
        <v>12</v>
      </c>
      <c r="DZ9" s="61">
        <v>9</v>
      </c>
      <c r="EA9" s="61">
        <v>6</v>
      </c>
      <c r="EB9" s="61">
        <v>1</v>
      </c>
      <c r="EC9" s="62">
        <v>46</v>
      </c>
      <c r="ED9" s="63">
        <v>79</v>
      </c>
      <c r="EE9" s="60">
        <v>26</v>
      </c>
      <c r="EF9" s="61">
        <v>30</v>
      </c>
      <c r="EG9" s="62">
        <v>56</v>
      </c>
      <c r="EH9" s="228">
        <v>0</v>
      </c>
      <c r="EI9" s="61">
        <v>42</v>
      </c>
      <c r="EJ9" s="61">
        <v>23</v>
      </c>
      <c r="EK9" s="61">
        <v>13</v>
      </c>
      <c r="EL9" s="61">
        <v>11</v>
      </c>
      <c r="EM9" s="61">
        <v>14</v>
      </c>
      <c r="EN9" s="62">
        <v>103</v>
      </c>
      <c r="EO9" s="63">
        <v>159</v>
      </c>
      <c r="EP9" s="60">
        <v>68</v>
      </c>
      <c r="EQ9" s="61">
        <v>39</v>
      </c>
      <c r="ER9" s="62">
        <v>107</v>
      </c>
      <c r="ES9" s="228">
        <v>0</v>
      </c>
      <c r="ET9" s="61">
        <v>72</v>
      </c>
      <c r="EU9" s="61">
        <v>56</v>
      </c>
      <c r="EV9" s="61">
        <v>26</v>
      </c>
      <c r="EW9" s="61">
        <v>24</v>
      </c>
      <c r="EX9" s="61">
        <v>21</v>
      </c>
      <c r="EY9" s="62">
        <v>199</v>
      </c>
      <c r="EZ9" s="63">
        <v>306</v>
      </c>
      <c r="FA9" s="60">
        <v>51</v>
      </c>
      <c r="FB9" s="61">
        <v>83</v>
      </c>
      <c r="FC9" s="62">
        <v>134</v>
      </c>
      <c r="FD9" s="228">
        <v>0</v>
      </c>
      <c r="FE9" s="61">
        <v>109</v>
      </c>
      <c r="FF9" s="61">
        <v>80</v>
      </c>
      <c r="FG9" s="61">
        <v>56</v>
      </c>
      <c r="FH9" s="61">
        <v>50</v>
      </c>
      <c r="FI9" s="61">
        <v>35</v>
      </c>
      <c r="FJ9" s="62">
        <v>330</v>
      </c>
      <c r="FK9" s="63">
        <v>464</v>
      </c>
      <c r="FL9" s="60">
        <v>43</v>
      </c>
      <c r="FM9" s="61">
        <v>55</v>
      </c>
      <c r="FN9" s="62">
        <v>98</v>
      </c>
      <c r="FO9" s="228">
        <v>0</v>
      </c>
      <c r="FP9" s="61">
        <v>120</v>
      </c>
      <c r="FQ9" s="61">
        <v>109</v>
      </c>
      <c r="FR9" s="61">
        <v>66</v>
      </c>
      <c r="FS9" s="61">
        <v>101</v>
      </c>
      <c r="FT9" s="61">
        <v>49</v>
      </c>
      <c r="FU9" s="62">
        <v>445</v>
      </c>
      <c r="FV9" s="63">
        <v>543</v>
      </c>
      <c r="FW9" s="60">
        <v>0</v>
      </c>
      <c r="FX9" s="61">
        <v>0</v>
      </c>
      <c r="FY9" s="62">
        <v>0</v>
      </c>
      <c r="FZ9" s="228">
        <v>0</v>
      </c>
      <c r="GA9" s="61">
        <v>0</v>
      </c>
      <c r="GB9" s="61">
        <v>0</v>
      </c>
      <c r="GC9" s="61">
        <v>0</v>
      </c>
      <c r="GD9" s="61">
        <v>0</v>
      </c>
      <c r="GE9" s="61">
        <v>0</v>
      </c>
      <c r="GF9" s="62">
        <v>0</v>
      </c>
      <c r="GG9" s="63">
        <v>0</v>
      </c>
      <c r="GH9" s="60">
        <v>204</v>
      </c>
      <c r="GI9" s="61">
        <v>234</v>
      </c>
      <c r="GJ9" s="62">
        <v>438</v>
      </c>
      <c r="GK9" s="228">
        <v>0</v>
      </c>
      <c r="GL9" s="61">
        <v>368</v>
      </c>
      <c r="GM9" s="61">
        <v>285</v>
      </c>
      <c r="GN9" s="61">
        <v>175</v>
      </c>
      <c r="GO9" s="61">
        <v>193</v>
      </c>
      <c r="GP9" s="61">
        <v>122</v>
      </c>
      <c r="GQ9" s="62">
        <v>1143</v>
      </c>
      <c r="GR9" s="63">
        <v>1581</v>
      </c>
      <c r="GS9" s="113">
        <v>613</v>
      </c>
      <c r="GT9" s="72">
        <v>654</v>
      </c>
      <c r="GU9" s="73">
        <v>1267</v>
      </c>
      <c r="GV9" s="228">
        <v>0</v>
      </c>
      <c r="GW9" s="72">
        <v>1125</v>
      </c>
      <c r="GX9" s="72">
        <v>845</v>
      </c>
      <c r="GY9" s="72">
        <v>536</v>
      </c>
      <c r="GZ9" s="72">
        <v>503</v>
      </c>
      <c r="HA9" s="72">
        <v>348</v>
      </c>
      <c r="HB9" s="74">
        <v>3357</v>
      </c>
      <c r="HC9" s="75">
        <v>4624</v>
      </c>
      <c r="HD9" s="60">
        <v>25</v>
      </c>
      <c r="HE9" s="61">
        <v>26</v>
      </c>
      <c r="HF9" s="62">
        <v>51</v>
      </c>
      <c r="HG9" s="228">
        <v>0</v>
      </c>
      <c r="HH9" s="61">
        <v>24</v>
      </c>
      <c r="HI9" s="61">
        <v>35</v>
      </c>
      <c r="HJ9" s="61">
        <v>15</v>
      </c>
      <c r="HK9" s="61">
        <v>12</v>
      </c>
      <c r="HL9" s="61">
        <v>16</v>
      </c>
      <c r="HM9" s="62">
        <v>102</v>
      </c>
      <c r="HN9" s="63">
        <v>153</v>
      </c>
      <c r="HO9" s="60">
        <v>46</v>
      </c>
      <c r="HP9" s="61">
        <v>51</v>
      </c>
      <c r="HQ9" s="62">
        <v>97</v>
      </c>
      <c r="HR9" s="228">
        <v>0</v>
      </c>
      <c r="HS9" s="61">
        <v>65</v>
      </c>
      <c r="HT9" s="61">
        <v>56</v>
      </c>
      <c r="HU9" s="61">
        <v>36</v>
      </c>
      <c r="HV9" s="61">
        <v>24</v>
      </c>
      <c r="HW9" s="61">
        <v>23</v>
      </c>
      <c r="HX9" s="62">
        <v>204</v>
      </c>
      <c r="HY9" s="63">
        <v>301</v>
      </c>
      <c r="HZ9" s="60">
        <v>80</v>
      </c>
      <c r="IA9" s="61">
        <v>85</v>
      </c>
      <c r="IB9" s="62">
        <v>165</v>
      </c>
      <c r="IC9" s="228">
        <v>0</v>
      </c>
      <c r="ID9" s="61">
        <v>131</v>
      </c>
      <c r="IE9" s="61">
        <v>93</v>
      </c>
      <c r="IF9" s="61">
        <v>61</v>
      </c>
      <c r="IG9" s="61">
        <v>49</v>
      </c>
      <c r="IH9" s="61">
        <v>47</v>
      </c>
      <c r="II9" s="62">
        <v>381</v>
      </c>
      <c r="IJ9" s="63">
        <v>546</v>
      </c>
      <c r="IK9" s="60">
        <v>153</v>
      </c>
      <c r="IL9" s="61">
        <v>129</v>
      </c>
      <c r="IM9" s="62">
        <v>282</v>
      </c>
      <c r="IN9" s="228">
        <v>0</v>
      </c>
      <c r="IO9" s="61">
        <v>258</v>
      </c>
      <c r="IP9" s="61">
        <v>165</v>
      </c>
      <c r="IQ9" s="61">
        <v>82</v>
      </c>
      <c r="IR9" s="61">
        <v>84</v>
      </c>
      <c r="IS9" s="61">
        <v>68</v>
      </c>
      <c r="IT9" s="62">
        <v>657</v>
      </c>
      <c r="IU9" s="63">
        <v>939</v>
      </c>
      <c r="IV9" s="60">
        <v>167</v>
      </c>
      <c r="IW9" s="61">
        <v>188</v>
      </c>
      <c r="IX9" s="62">
        <v>355</v>
      </c>
      <c r="IY9" s="228">
        <v>0</v>
      </c>
      <c r="IZ9" s="61">
        <v>326</v>
      </c>
      <c r="JA9" s="61">
        <v>227</v>
      </c>
      <c r="JB9" s="61">
        <v>153</v>
      </c>
      <c r="JC9" s="61">
        <v>129</v>
      </c>
      <c r="JD9" s="61">
        <v>83</v>
      </c>
      <c r="JE9" s="62">
        <v>918</v>
      </c>
      <c r="JF9" s="63">
        <v>1273</v>
      </c>
      <c r="JG9" s="60">
        <v>142</v>
      </c>
      <c r="JH9" s="61">
        <v>175</v>
      </c>
      <c r="JI9" s="62">
        <v>317</v>
      </c>
      <c r="JJ9" s="228">
        <v>0</v>
      </c>
      <c r="JK9" s="61">
        <v>321</v>
      </c>
      <c r="JL9" s="61">
        <v>269</v>
      </c>
      <c r="JM9" s="61">
        <v>189</v>
      </c>
      <c r="JN9" s="61">
        <v>205</v>
      </c>
      <c r="JO9" s="61">
        <v>111</v>
      </c>
      <c r="JP9" s="62">
        <v>1095</v>
      </c>
      <c r="JQ9" s="63">
        <v>1412</v>
      </c>
      <c r="JR9" s="60">
        <v>0</v>
      </c>
      <c r="JS9" s="61">
        <v>0</v>
      </c>
      <c r="JT9" s="62">
        <v>0</v>
      </c>
      <c r="JU9" s="228">
        <v>0</v>
      </c>
      <c r="JV9" s="61">
        <v>0</v>
      </c>
      <c r="JW9" s="61">
        <v>0</v>
      </c>
      <c r="JX9" s="61">
        <v>0</v>
      </c>
      <c r="JY9" s="61">
        <v>0</v>
      </c>
      <c r="JZ9" s="61">
        <v>0</v>
      </c>
      <c r="KA9" s="62">
        <v>0</v>
      </c>
      <c r="KB9" s="63">
        <v>0</v>
      </c>
      <c r="KC9" s="60">
        <v>613</v>
      </c>
      <c r="KD9" s="61">
        <v>654</v>
      </c>
      <c r="KE9" s="62">
        <v>1267</v>
      </c>
      <c r="KF9" s="228">
        <v>0</v>
      </c>
      <c r="KG9" s="61">
        <v>1125</v>
      </c>
      <c r="KH9" s="61">
        <v>845</v>
      </c>
      <c r="KI9" s="61">
        <v>536</v>
      </c>
      <c r="KJ9" s="61">
        <v>503</v>
      </c>
      <c r="KK9" s="61">
        <v>348</v>
      </c>
      <c r="KL9" s="62">
        <v>3357</v>
      </c>
      <c r="KM9" s="63">
        <v>4624</v>
      </c>
    </row>
    <row r="10" spans="2:299" ht="21" customHeight="1" x14ac:dyDescent="0.2">
      <c r="B10" s="472" t="s">
        <v>14</v>
      </c>
      <c r="C10" s="293">
        <v>190</v>
      </c>
      <c r="D10" s="72">
        <v>192</v>
      </c>
      <c r="E10" s="73">
        <v>382</v>
      </c>
      <c r="F10" s="228">
        <v>0</v>
      </c>
      <c r="G10" s="72">
        <v>224</v>
      </c>
      <c r="H10" s="72">
        <v>255</v>
      </c>
      <c r="I10" s="72">
        <v>156</v>
      </c>
      <c r="J10" s="72">
        <v>133</v>
      </c>
      <c r="K10" s="72">
        <v>84</v>
      </c>
      <c r="L10" s="74">
        <v>852</v>
      </c>
      <c r="M10" s="75">
        <v>1234</v>
      </c>
      <c r="N10" s="60">
        <v>0</v>
      </c>
      <c r="O10" s="61">
        <v>8</v>
      </c>
      <c r="P10" s="62">
        <v>8</v>
      </c>
      <c r="Q10" s="228">
        <v>0</v>
      </c>
      <c r="R10" s="61">
        <v>6</v>
      </c>
      <c r="S10" s="61">
        <v>9</v>
      </c>
      <c r="T10" s="61">
        <v>6</v>
      </c>
      <c r="U10" s="61">
        <v>5</v>
      </c>
      <c r="V10" s="61">
        <v>7</v>
      </c>
      <c r="W10" s="62">
        <v>33</v>
      </c>
      <c r="X10" s="63">
        <v>41</v>
      </c>
      <c r="Y10" s="60">
        <v>22</v>
      </c>
      <c r="Z10" s="61">
        <v>19</v>
      </c>
      <c r="AA10" s="62">
        <v>41</v>
      </c>
      <c r="AB10" s="228">
        <v>0</v>
      </c>
      <c r="AC10" s="61">
        <v>16</v>
      </c>
      <c r="AD10" s="61">
        <v>22</v>
      </c>
      <c r="AE10" s="61">
        <v>12</v>
      </c>
      <c r="AF10" s="61">
        <v>6</v>
      </c>
      <c r="AG10" s="61">
        <v>9</v>
      </c>
      <c r="AH10" s="62">
        <v>65</v>
      </c>
      <c r="AI10" s="63">
        <v>106</v>
      </c>
      <c r="AJ10" s="60">
        <v>19</v>
      </c>
      <c r="AK10" s="61">
        <v>34</v>
      </c>
      <c r="AL10" s="62">
        <v>53</v>
      </c>
      <c r="AM10" s="228">
        <v>0</v>
      </c>
      <c r="AN10" s="61">
        <v>24</v>
      </c>
      <c r="AO10" s="61">
        <v>37</v>
      </c>
      <c r="AP10" s="61">
        <v>15</v>
      </c>
      <c r="AQ10" s="61">
        <v>16</v>
      </c>
      <c r="AR10" s="61">
        <v>16</v>
      </c>
      <c r="AS10" s="62">
        <v>108</v>
      </c>
      <c r="AT10" s="63">
        <v>161</v>
      </c>
      <c r="AU10" s="60">
        <v>44</v>
      </c>
      <c r="AV10" s="61">
        <v>45</v>
      </c>
      <c r="AW10" s="62">
        <v>89</v>
      </c>
      <c r="AX10" s="228">
        <v>0</v>
      </c>
      <c r="AY10" s="61">
        <v>58</v>
      </c>
      <c r="AZ10" s="61">
        <v>53</v>
      </c>
      <c r="BA10" s="61">
        <v>29</v>
      </c>
      <c r="BB10" s="61">
        <v>26</v>
      </c>
      <c r="BC10" s="61">
        <v>15</v>
      </c>
      <c r="BD10" s="62">
        <v>181</v>
      </c>
      <c r="BE10" s="63">
        <v>270</v>
      </c>
      <c r="BF10" s="60">
        <v>63</v>
      </c>
      <c r="BG10" s="61">
        <v>44</v>
      </c>
      <c r="BH10" s="62">
        <v>107</v>
      </c>
      <c r="BI10" s="228">
        <v>0</v>
      </c>
      <c r="BJ10" s="61">
        <v>64</v>
      </c>
      <c r="BK10" s="61">
        <v>72</v>
      </c>
      <c r="BL10" s="61">
        <v>56</v>
      </c>
      <c r="BM10" s="61">
        <v>37</v>
      </c>
      <c r="BN10" s="61">
        <v>20</v>
      </c>
      <c r="BO10" s="62">
        <v>249</v>
      </c>
      <c r="BP10" s="63">
        <v>356</v>
      </c>
      <c r="BQ10" s="60">
        <v>42</v>
      </c>
      <c r="BR10" s="61">
        <v>42</v>
      </c>
      <c r="BS10" s="62">
        <v>84</v>
      </c>
      <c r="BT10" s="228">
        <v>0</v>
      </c>
      <c r="BU10" s="61">
        <v>56</v>
      </c>
      <c r="BV10" s="61">
        <v>62</v>
      </c>
      <c r="BW10" s="61">
        <v>38</v>
      </c>
      <c r="BX10" s="61">
        <v>43</v>
      </c>
      <c r="BY10" s="61">
        <v>17</v>
      </c>
      <c r="BZ10" s="62">
        <v>216</v>
      </c>
      <c r="CA10" s="63">
        <v>300</v>
      </c>
      <c r="CB10" s="60">
        <v>0</v>
      </c>
      <c r="CC10" s="61">
        <v>0</v>
      </c>
      <c r="CD10" s="62">
        <v>0</v>
      </c>
      <c r="CE10" s="228">
        <v>0</v>
      </c>
      <c r="CF10" s="61">
        <v>0</v>
      </c>
      <c r="CG10" s="61">
        <v>0</v>
      </c>
      <c r="CH10" s="61">
        <v>0</v>
      </c>
      <c r="CI10" s="61">
        <v>0</v>
      </c>
      <c r="CJ10" s="61">
        <v>0</v>
      </c>
      <c r="CK10" s="62">
        <v>0</v>
      </c>
      <c r="CL10" s="63">
        <v>0</v>
      </c>
      <c r="CM10" s="60">
        <v>190</v>
      </c>
      <c r="CN10" s="61">
        <v>192</v>
      </c>
      <c r="CO10" s="62">
        <v>382</v>
      </c>
      <c r="CP10" s="228">
        <v>0</v>
      </c>
      <c r="CQ10" s="61">
        <v>224</v>
      </c>
      <c r="CR10" s="61">
        <v>255</v>
      </c>
      <c r="CS10" s="61">
        <v>156</v>
      </c>
      <c r="CT10" s="61">
        <v>133</v>
      </c>
      <c r="CU10" s="61">
        <v>84</v>
      </c>
      <c r="CV10" s="62">
        <v>852</v>
      </c>
      <c r="CW10" s="63">
        <v>1234</v>
      </c>
      <c r="CX10" s="113">
        <v>57</v>
      </c>
      <c r="CY10" s="72">
        <v>79</v>
      </c>
      <c r="CZ10" s="73">
        <v>136</v>
      </c>
      <c r="DA10" s="228">
        <v>0</v>
      </c>
      <c r="DB10" s="72">
        <v>100</v>
      </c>
      <c r="DC10" s="72">
        <v>127</v>
      </c>
      <c r="DD10" s="72">
        <v>76</v>
      </c>
      <c r="DE10" s="72">
        <v>68</v>
      </c>
      <c r="DF10" s="72">
        <v>46</v>
      </c>
      <c r="DG10" s="74">
        <v>417</v>
      </c>
      <c r="DH10" s="75">
        <v>553</v>
      </c>
      <c r="DI10" s="60">
        <v>0</v>
      </c>
      <c r="DJ10" s="61">
        <v>2</v>
      </c>
      <c r="DK10" s="62">
        <v>2</v>
      </c>
      <c r="DL10" s="228">
        <v>0</v>
      </c>
      <c r="DM10" s="61">
        <v>2</v>
      </c>
      <c r="DN10" s="61">
        <v>4</v>
      </c>
      <c r="DO10" s="61">
        <v>1</v>
      </c>
      <c r="DP10" s="61">
        <v>1</v>
      </c>
      <c r="DQ10" s="61">
        <v>2</v>
      </c>
      <c r="DR10" s="62">
        <v>10</v>
      </c>
      <c r="DS10" s="63">
        <v>12</v>
      </c>
      <c r="DT10" s="60">
        <v>8</v>
      </c>
      <c r="DU10" s="61">
        <v>2</v>
      </c>
      <c r="DV10" s="62">
        <v>10</v>
      </c>
      <c r="DW10" s="228">
        <v>0</v>
      </c>
      <c r="DX10" s="61">
        <v>6</v>
      </c>
      <c r="DY10" s="61">
        <v>8</v>
      </c>
      <c r="DZ10" s="61">
        <v>3</v>
      </c>
      <c r="EA10" s="61">
        <v>0</v>
      </c>
      <c r="EB10" s="61">
        <v>0</v>
      </c>
      <c r="EC10" s="62">
        <v>17</v>
      </c>
      <c r="ED10" s="63">
        <v>27</v>
      </c>
      <c r="EE10" s="60">
        <v>10</v>
      </c>
      <c r="EF10" s="61">
        <v>15</v>
      </c>
      <c r="EG10" s="62">
        <v>25</v>
      </c>
      <c r="EH10" s="228">
        <v>0</v>
      </c>
      <c r="EI10" s="61">
        <v>9</v>
      </c>
      <c r="EJ10" s="61">
        <v>11</v>
      </c>
      <c r="EK10" s="61">
        <v>5</v>
      </c>
      <c r="EL10" s="61">
        <v>3</v>
      </c>
      <c r="EM10" s="61">
        <v>5</v>
      </c>
      <c r="EN10" s="62">
        <v>33</v>
      </c>
      <c r="EO10" s="63">
        <v>58</v>
      </c>
      <c r="EP10" s="60">
        <v>18</v>
      </c>
      <c r="EQ10" s="61">
        <v>18</v>
      </c>
      <c r="ER10" s="62">
        <v>36</v>
      </c>
      <c r="ES10" s="228">
        <v>0</v>
      </c>
      <c r="ET10" s="61">
        <v>14</v>
      </c>
      <c r="EU10" s="61">
        <v>28</v>
      </c>
      <c r="EV10" s="61">
        <v>13</v>
      </c>
      <c r="EW10" s="61">
        <v>12</v>
      </c>
      <c r="EX10" s="61">
        <v>8</v>
      </c>
      <c r="EY10" s="62">
        <v>75</v>
      </c>
      <c r="EZ10" s="63">
        <v>111</v>
      </c>
      <c r="FA10" s="60">
        <v>11</v>
      </c>
      <c r="FB10" s="61">
        <v>27</v>
      </c>
      <c r="FC10" s="62">
        <v>38</v>
      </c>
      <c r="FD10" s="228">
        <v>0</v>
      </c>
      <c r="FE10" s="61">
        <v>34</v>
      </c>
      <c r="FF10" s="61">
        <v>36</v>
      </c>
      <c r="FG10" s="61">
        <v>13</v>
      </c>
      <c r="FH10" s="61">
        <v>19</v>
      </c>
      <c r="FI10" s="61">
        <v>14</v>
      </c>
      <c r="FJ10" s="62">
        <v>116</v>
      </c>
      <c r="FK10" s="63">
        <v>154</v>
      </c>
      <c r="FL10" s="60">
        <v>10</v>
      </c>
      <c r="FM10" s="61">
        <v>15</v>
      </c>
      <c r="FN10" s="62">
        <v>25</v>
      </c>
      <c r="FO10" s="228">
        <v>0</v>
      </c>
      <c r="FP10" s="61">
        <v>35</v>
      </c>
      <c r="FQ10" s="61">
        <v>40</v>
      </c>
      <c r="FR10" s="61">
        <v>41</v>
      </c>
      <c r="FS10" s="61">
        <v>33</v>
      </c>
      <c r="FT10" s="61">
        <v>17</v>
      </c>
      <c r="FU10" s="62">
        <v>166</v>
      </c>
      <c r="FV10" s="63">
        <v>191</v>
      </c>
      <c r="FW10" s="60">
        <v>0</v>
      </c>
      <c r="FX10" s="61">
        <v>0</v>
      </c>
      <c r="FY10" s="62">
        <v>0</v>
      </c>
      <c r="FZ10" s="228">
        <v>0</v>
      </c>
      <c r="GA10" s="61">
        <v>0</v>
      </c>
      <c r="GB10" s="61">
        <v>0</v>
      </c>
      <c r="GC10" s="61">
        <v>0</v>
      </c>
      <c r="GD10" s="61">
        <v>0</v>
      </c>
      <c r="GE10" s="61">
        <v>0</v>
      </c>
      <c r="GF10" s="62">
        <v>0</v>
      </c>
      <c r="GG10" s="63">
        <v>0</v>
      </c>
      <c r="GH10" s="60">
        <v>57</v>
      </c>
      <c r="GI10" s="61">
        <v>79</v>
      </c>
      <c r="GJ10" s="62">
        <v>136</v>
      </c>
      <c r="GK10" s="228">
        <v>0</v>
      </c>
      <c r="GL10" s="61">
        <v>100</v>
      </c>
      <c r="GM10" s="61">
        <v>127</v>
      </c>
      <c r="GN10" s="61">
        <v>76</v>
      </c>
      <c r="GO10" s="61">
        <v>68</v>
      </c>
      <c r="GP10" s="61">
        <v>46</v>
      </c>
      <c r="GQ10" s="62">
        <v>417</v>
      </c>
      <c r="GR10" s="63">
        <v>553</v>
      </c>
      <c r="GS10" s="113">
        <v>247</v>
      </c>
      <c r="GT10" s="72">
        <v>271</v>
      </c>
      <c r="GU10" s="73">
        <v>518</v>
      </c>
      <c r="GV10" s="228">
        <v>0</v>
      </c>
      <c r="GW10" s="72">
        <v>324</v>
      </c>
      <c r="GX10" s="72">
        <v>382</v>
      </c>
      <c r="GY10" s="72">
        <v>232</v>
      </c>
      <c r="GZ10" s="72">
        <v>201</v>
      </c>
      <c r="HA10" s="72">
        <v>130</v>
      </c>
      <c r="HB10" s="74">
        <v>1269</v>
      </c>
      <c r="HC10" s="75">
        <v>1787</v>
      </c>
      <c r="HD10" s="60">
        <v>0</v>
      </c>
      <c r="HE10" s="61">
        <v>10</v>
      </c>
      <c r="HF10" s="62">
        <v>10</v>
      </c>
      <c r="HG10" s="228">
        <v>0</v>
      </c>
      <c r="HH10" s="61">
        <v>8</v>
      </c>
      <c r="HI10" s="61">
        <v>13</v>
      </c>
      <c r="HJ10" s="61">
        <v>7</v>
      </c>
      <c r="HK10" s="61">
        <v>6</v>
      </c>
      <c r="HL10" s="61">
        <v>9</v>
      </c>
      <c r="HM10" s="62">
        <v>43</v>
      </c>
      <c r="HN10" s="63">
        <v>53</v>
      </c>
      <c r="HO10" s="60">
        <v>30</v>
      </c>
      <c r="HP10" s="61">
        <v>21</v>
      </c>
      <c r="HQ10" s="62">
        <v>51</v>
      </c>
      <c r="HR10" s="228">
        <v>0</v>
      </c>
      <c r="HS10" s="61">
        <v>22</v>
      </c>
      <c r="HT10" s="61">
        <v>30</v>
      </c>
      <c r="HU10" s="61">
        <v>15</v>
      </c>
      <c r="HV10" s="61">
        <v>6</v>
      </c>
      <c r="HW10" s="61">
        <v>9</v>
      </c>
      <c r="HX10" s="62">
        <v>82</v>
      </c>
      <c r="HY10" s="63">
        <v>133</v>
      </c>
      <c r="HZ10" s="60">
        <v>29</v>
      </c>
      <c r="IA10" s="61">
        <v>49</v>
      </c>
      <c r="IB10" s="62">
        <v>78</v>
      </c>
      <c r="IC10" s="228">
        <v>0</v>
      </c>
      <c r="ID10" s="61">
        <v>33</v>
      </c>
      <c r="IE10" s="61">
        <v>48</v>
      </c>
      <c r="IF10" s="61">
        <v>20</v>
      </c>
      <c r="IG10" s="61">
        <v>19</v>
      </c>
      <c r="IH10" s="61">
        <v>21</v>
      </c>
      <c r="II10" s="62">
        <v>141</v>
      </c>
      <c r="IJ10" s="63">
        <v>219</v>
      </c>
      <c r="IK10" s="60">
        <v>62</v>
      </c>
      <c r="IL10" s="61">
        <v>63</v>
      </c>
      <c r="IM10" s="62">
        <v>125</v>
      </c>
      <c r="IN10" s="228">
        <v>0</v>
      </c>
      <c r="IO10" s="61">
        <v>72</v>
      </c>
      <c r="IP10" s="61">
        <v>81</v>
      </c>
      <c r="IQ10" s="61">
        <v>42</v>
      </c>
      <c r="IR10" s="61">
        <v>38</v>
      </c>
      <c r="IS10" s="61">
        <v>23</v>
      </c>
      <c r="IT10" s="62">
        <v>256</v>
      </c>
      <c r="IU10" s="63">
        <v>381</v>
      </c>
      <c r="IV10" s="60">
        <v>74</v>
      </c>
      <c r="IW10" s="61">
        <v>71</v>
      </c>
      <c r="IX10" s="62">
        <v>145</v>
      </c>
      <c r="IY10" s="228">
        <v>0</v>
      </c>
      <c r="IZ10" s="61">
        <v>98</v>
      </c>
      <c r="JA10" s="61">
        <v>108</v>
      </c>
      <c r="JB10" s="61">
        <v>69</v>
      </c>
      <c r="JC10" s="61">
        <v>56</v>
      </c>
      <c r="JD10" s="61">
        <v>34</v>
      </c>
      <c r="JE10" s="62">
        <v>365</v>
      </c>
      <c r="JF10" s="63">
        <v>510</v>
      </c>
      <c r="JG10" s="60">
        <v>52</v>
      </c>
      <c r="JH10" s="61">
        <v>57</v>
      </c>
      <c r="JI10" s="62">
        <v>109</v>
      </c>
      <c r="JJ10" s="228">
        <v>0</v>
      </c>
      <c r="JK10" s="61">
        <v>91</v>
      </c>
      <c r="JL10" s="61">
        <v>102</v>
      </c>
      <c r="JM10" s="61">
        <v>79</v>
      </c>
      <c r="JN10" s="61">
        <v>76</v>
      </c>
      <c r="JO10" s="61">
        <v>34</v>
      </c>
      <c r="JP10" s="62">
        <v>382</v>
      </c>
      <c r="JQ10" s="63">
        <v>491</v>
      </c>
      <c r="JR10" s="60">
        <v>0</v>
      </c>
      <c r="JS10" s="61">
        <v>0</v>
      </c>
      <c r="JT10" s="62">
        <v>0</v>
      </c>
      <c r="JU10" s="228">
        <v>0</v>
      </c>
      <c r="JV10" s="61">
        <v>0</v>
      </c>
      <c r="JW10" s="61">
        <v>0</v>
      </c>
      <c r="JX10" s="61">
        <v>0</v>
      </c>
      <c r="JY10" s="61">
        <v>0</v>
      </c>
      <c r="JZ10" s="61">
        <v>0</v>
      </c>
      <c r="KA10" s="62">
        <v>0</v>
      </c>
      <c r="KB10" s="63">
        <v>0</v>
      </c>
      <c r="KC10" s="60">
        <v>247</v>
      </c>
      <c r="KD10" s="61">
        <v>271</v>
      </c>
      <c r="KE10" s="62">
        <v>518</v>
      </c>
      <c r="KF10" s="228">
        <v>0</v>
      </c>
      <c r="KG10" s="61">
        <v>324</v>
      </c>
      <c r="KH10" s="61">
        <v>382</v>
      </c>
      <c r="KI10" s="61">
        <v>232</v>
      </c>
      <c r="KJ10" s="61">
        <v>201</v>
      </c>
      <c r="KK10" s="61">
        <v>130</v>
      </c>
      <c r="KL10" s="62">
        <v>1269</v>
      </c>
      <c r="KM10" s="63">
        <v>1787</v>
      </c>
    </row>
    <row r="11" spans="2:299" ht="21" customHeight="1" x14ac:dyDescent="0.2">
      <c r="B11" s="472" t="s">
        <v>7</v>
      </c>
      <c r="C11" s="293">
        <v>137</v>
      </c>
      <c r="D11" s="72">
        <v>81</v>
      </c>
      <c r="E11" s="73">
        <v>218</v>
      </c>
      <c r="F11" s="228">
        <v>0</v>
      </c>
      <c r="G11" s="72">
        <v>214</v>
      </c>
      <c r="H11" s="72">
        <v>128</v>
      </c>
      <c r="I11" s="72">
        <v>69</v>
      </c>
      <c r="J11" s="72">
        <v>68</v>
      </c>
      <c r="K11" s="72">
        <v>38</v>
      </c>
      <c r="L11" s="74">
        <v>517</v>
      </c>
      <c r="M11" s="75">
        <v>735</v>
      </c>
      <c r="N11" s="60">
        <v>4</v>
      </c>
      <c r="O11" s="61">
        <v>3</v>
      </c>
      <c r="P11" s="62">
        <v>7</v>
      </c>
      <c r="Q11" s="228">
        <v>0</v>
      </c>
      <c r="R11" s="61">
        <v>4</v>
      </c>
      <c r="S11" s="61">
        <v>5</v>
      </c>
      <c r="T11" s="61">
        <v>4</v>
      </c>
      <c r="U11" s="61">
        <v>5</v>
      </c>
      <c r="V11" s="61">
        <v>2</v>
      </c>
      <c r="W11" s="62">
        <v>20</v>
      </c>
      <c r="X11" s="63">
        <v>27</v>
      </c>
      <c r="Y11" s="60">
        <v>14</v>
      </c>
      <c r="Z11" s="61">
        <v>7</v>
      </c>
      <c r="AA11" s="62">
        <v>21</v>
      </c>
      <c r="AB11" s="228">
        <v>0</v>
      </c>
      <c r="AC11" s="61">
        <v>13</v>
      </c>
      <c r="AD11" s="61">
        <v>7</v>
      </c>
      <c r="AE11" s="61">
        <v>9</v>
      </c>
      <c r="AF11" s="61">
        <v>2</v>
      </c>
      <c r="AG11" s="61">
        <v>8</v>
      </c>
      <c r="AH11" s="62">
        <v>39</v>
      </c>
      <c r="AI11" s="63">
        <v>60</v>
      </c>
      <c r="AJ11" s="60">
        <v>14</v>
      </c>
      <c r="AK11" s="61">
        <v>12</v>
      </c>
      <c r="AL11" s="62">
        <v>26</v>
      </c>
      <c r="AM11" s="228">
        <v>0</v>
      </c>
      <c r="AN11" s="61">
        <v>21</v>
      </c>
      <c r="AO11" s="61">
        <v>12</v>
      </c>
      <c r="AP11" s="61">
        <v>7</v>
      </c>
      <c r="AQ11" s="61">
        <v>8</v>
      </c>
      <c r="AR11" s="61">
        <v>6</v>
      </c>
      <c r="AS11" s="62">
        <v>54</v>
      </c>
      <c r="AT11" s="63">
        <v>80</v>
      </c>
      <c r="AU11" s="60">
        <v>30</v>
      </c>
      <c r="AV11" s="61">
        <v>21</v>
      </c>
      <c r="AW11" s="62">
        <v>51</v>
      </c>
      <c r="AX11" s="228">
        <v>0</v>
      </c>
      <c r="AY11" s="61">
        <v>55</v>
      </c>
      <c r="AZ11" s="61">
        <v>21</v>
      </c>
      <c r="BA11" s="61">
        <v>13</v>
      </c>
      <c r="BB11" s="61">
        <v>10</v>
      </c>
      <c r="BC11" s="61">
        <v>7</v>
      </c>
      <c r="BD11" s="62">
        <v>106</v>
      </c>
      <c r="BE11" s="63">
        <v>157</v>
      </c>
      <c r="BF11" s="60">
        <v>43</v>
      </c>
      <c r="BG11" s="61">
        <v>18</v>
      </c>
      <c r="BH11" s="62">
        <v>61</v>
      </c>
      <c r="BI11" s="228">
        <v>0</v>
      </c>
      <c r="BJ11" s="61">
        <v>64</v>
      </c>
      <c r="BK11" s="61">
        <v>42</v>
      </c>
      <c r="BL11" s="61">
        <v>12</v>
      </c>
      <c r="BM11" s="61">
        <v>24</v>
      </c>
      <c r="BN11" s="61">
        <v>9</v>
      </c>
      <c r="BO11" s="62">
        <v>151</v>
      </c>
      <c r="BP11" s="63">
        <v>212</v>
      </c>
      <c r="BQ11" s="60">
        <v>32</v>
      </c>
      <c r="BR11" s="61">
        <v>20</v>
      </c>
      <c r="BS11" s="62">
        <v>52</v>
      </c>
      <c r="BT11" s="228">
        <v>0</v>
      </c>
      <c r="BU11" s="61">
        <v>57</v>
      </c>
      <c r="BV11" s="61">
        <v>41</v>
      </c>
      <c r="BW11" s="61">
        <v>24</v>
      </c>
      <c r="BX11" s="61">
        <v>19</v>
      </c>
      <c r="BY11" s="61">
        <v>6</v>
      </c>
      <c r="BZ11" s="62">
        <v>147</v>
      </c>
      <c r="CA11" s="63">
        <v>199</v>
      </c>
      <c r="CB11" s="60">
        <v>0</v>
      </c>
      <c r="CC11" s="61">
        <v>0</v>
      </c>
      <c r="CD11" s="62">
        <v>0</v>
      </c>
      <c r="CE11" s="228">
        <v>0</v>
      </c>
      <c r="CF11" s="61">
        <v>0</v>
      </c>
      <c r="CG11" s="61">
        <v>0</v>
      </c>
      <c r="CH11" s="61">
        <v>0</v>
      </c>
      <c r="CI11" s="61">
        <v>0</v>
      </c>
      <c r="CJ11" s="61">
        <v>0</v>
      </c>
      <c r="CK11" s="62">
        <v>0</v>
      </c>
      <c r="CL11" s="63">
        <v>0</v>
      </c>
      <c r="CM11" s="60">
        <v>137</v>
      </c>
      <c r="CN11" s="61">
        <v>81</v>
      </c>
      <c r="CO11" s="62">
        <v>218</v>
      </c>
      <c r="CP11" s="228">
        <v>0</v>
      </c>
      <c r="CQ11" s="61">
        <v>214</v>
      </c>
      <c r="CR11" s="61">
        <v>128</v>
      </c>
      <c r="CS11" s="61">
        <v>69</v>
      </c>
      <c r="CT11" s="61">
        <v>68</v>
      </c>
      <c r="CU11" s="61">
        <v>38</v>
      </c>
      <c r="CV11" s="62">
        <v>517</v>
      </c>
      <c r="CW11" s="63">
        <v>735</v>
      </c>
      <c r="CX11" s="113">
        <v>42</v>
      </c>
      <c r="CY11" s="72">
        <v>42</v>
      </c>
      <c r="CZ11" s="73">
        <v>84</v>
      </c>
      <c r="DA11" s="228">
        <v>0</v>
      </c>
      <c r="DB11" s="72">
        <v>68</v>
      </c>
      <c r="DC11" s="72">
        <v>35</v>
      </c>
      <c r="DD11" s="72">
        <v>29</v>
      </c>
      <c r="DE11" s="72">
        <v>31</v>
      </c>
      <c r="DF11" s="72">
        <v>18</v>
      </c>
      <c r="DG11" s="74">
        <v>181</v>
      </c>
      <c r="DH11" s="75">
        <v>265</v>
      </c>
      <c r="DI11" s="60">
        <v>0</v>
      </c>
      <c r="DJ11" s="61">
        <v>0</v>
      </c>
      <c r="DK11" s="62">
        <v>0</v>
      </c>
      <c r="DL11" s="228">
        <v>0</v>
      </c>
      <c r="DM11" s="61">
        <v>2</v>
      </c>
      <c r="DN11" s="61">
        <v>1</v>
      </c>
      <c r="DO11" s="61">
        <v>2</v>
      </c>
      <c r="DP11" s="61">
        <v>0</v>
      </c>
      <c r="DQ11" s="61">
        <v>0</v>
      </c>
      <c r="DR11" s="62">
        <v>5</v>
      </c>
      <c r="DS11" s="63">
        <v>5</v>
      </c>
      <c r="DT11" s="60">
        <v>1</v>
      </c>
      <c r="DU11" s="61">
        <v>1</v>
      </c>
      <c r="DV11" s="62">
        <v>2</v>
      </c>
      <c r="DW11" s="228">
        <v>0</v>
      </c>
      <c r="DX11" s="61">
        <v>3</v>
      </c>
      <c r="DY11" s="61">
        <v>2</v>
      </c>
      <c r="DZ11" s="61">
        <v>3</v>
      </c>
      <c r="EA11" s="61">
        <v>1</v>
      </c>
      <c r="EB11" s="61">
        <v>2</v>
      </c>
      <c r="EC11" s="62">
        <v>11</v>
      </c>
      <c r="ED11" s="63">
        <v>13</v>
      </c>
      <c r="EE11" s="60">
        <v>5</v>
      </c>
      <c r="EF11" s="61">
        <v>8</v>
      </c>
      <c r="EG11" s="62">
        <v>13</v>
      </c>
      <c r="EH11" s="228">
        <v>0</v>
      </c>
      <c r="EI11" s="61">
        <v>13</v>
      </c>
      <c r="EJ11" s="61">
        <v>3</v>
      </c>
      <c r="EK11" s="61">
        <v>2</v>
      </c>
      <c r="EL11" s="61">
        <v>3</v>
      </c>
      <c r="EM11" s="61">
        <v>2</v>
      </c>
      <c r="EN11" s="62">
        <v>23</v>
      </c>
      <c r="EO11" s="63">
        <v>36</v>
      </c>
      <c r="EP11" s="60">
        <v>16</v>
      </c>
      <c r="EQ11" s="61">
        <v>12</v>
      </c>
      <c r="ER11" s="62">
        <v>28</v>
      </c>
      <c r="ES11" s="228">
        <v>0</v>
      </c>
      <c r="ET11" s="61">
        <v>12</v>
      </c>
      <c r="EU11" s="61">
        <v>9</v>
      </c>
      <c r="EV11" s="61">
        <v>2</v>
      </c>
      <c r="EW11" s="61">
        <v>4</v>
      </c>
      <c r="EX11" s="61">
        <v>3</v>
      </c>
      <c r="EY11" s="62">
        <v>30</v>
      </c>
      <c r="EZ11" s="63">
        <v>58</v>
      </c>
      <c r="FA11" s="60">
        <v>9</v>
      </c>
      <c r="FB11" s="61">
        <v>10</v>
      </c>
      <c r="FC11" s="62">
        <v>19</v>
      </c>
      <c r="FD11" s="228">
        <v>0</v>
      </c>
      <c r="FE11" s="61">
        <v>26</v>
      </c>
      <c r="FF11" s="61">
        <v>5</v>
      </c>
      <c r="FG11" s="61">
        <v>8</v>
      </c>
      <c r="FH11" s="61">
        <v>13</v>
      </c>
      <c r="FI11" s="61">
        <v>6</v>
      </c>
      <c r="FJ11" s="62">
        <v>58</v>
      </c>
      <c r="FK11" s="63">
        <v>77</v>
      </c>
      <c r="FL11" s="60">
        <v>11</v>
      </c>
      <c r="FM11" s="61">
        <v>11</v>
      </c>
      <c r="FN11" s="62">
        <v>22</v>
      </c>
      <c r="FO11" s="228">
        <v>0</v>
      </c>
      <c r="FP11" s="61">
        <v>12</v>
      </c>
      <c r="FQ11" s="61">
        <v>15</v>
      </c>
      <c r="FR11" s="61">
        <v>12</v>
      </c>
      <c r="FS11" s="61">
        <v>10</v>
      </c>
      <c r="FT11" s="61">
        <v>5</v>
      </c>
      <c r="FU11" s="62">
        <v>54</v>
      </c>
      <c r="FV11" s="63">
        <v>76</v>
      </c>
      <c r="FW11" s="60">
        <v>0</v>
      </c>
      <c r="FX11" s="61">
        <v>0</v>
      </c>
      <c r="FY11" s="62">
        <v>0</v>
      </c>
      <c r="FZ11" s="228">
        <v>0</v>
      </c>
      <c r="GA11" s="61">
        <v>0</v>
      </c>
      <c r="GB11" s="61">
        <v>0</v>
      </c>
      <c r="GC11" s="61">
        <v>0</v>
      </c>
      <c r="GD11" s="61">
        <v>0</v>
      </c>
      <c r="GE11" s="61">
        <v>0</v>
      </c>
      <c r="GF11" s="62">
        <v>0</v>
      </c>
      <c r="GG11" s="63">
        <v>0</v>
      </c>
      <c r="GH11" s="60">
        <v>42</v>
      </c>
      <c r="GI11" s="61">
        <v>42</v>
      </c>
      <c r="GJ11" s="62">
        <v>84</v>
      </c>
      <c r="GK11" s="228">
        <v>0</v>
      </c>
      <c r="GL11" s="61">
        <v>68</v>
      </c>
      <c r="GM11" s="61">
        <v>35</v>
      </c>
      <c r="GN11" s="61">
        <v>29</v>
      </c>
      <c r="GO11" s="61">
        <v>31</v>
      </c>
      <c r="GP11" s="61">
        <v>18</v>
      </c>
      <c r="GQ11" s="62">
        <v>181</v>
      </c>
      <c r="GR11" s="63">
        <v>265</v>
      </c>
      <c r="GS11" s="113">
        <v>179</v>
      </c>
      <c r="GT11" s="72">
        <v>123</v>
      </c>
      <c r="GU11" s="73">
        <v>302</v>
      </c>
      <c r="GV11" s="228">
        <v>0</v>
      </c>
      <c r="GW11" s="72">
        <v>282</v>
      </c>
      <c r="GX11" s="72">
        <v>163</v>
      </c>
      <c r="GY11" s="72">
        <v>98</v>
      </c>
      <c r="GZ11" s="72">
        <v>99</v>
      </c>
      <c r="HA11" s="72">
        <v>56</v>
      </c>
      <c r="HB11" s="74">
        <v>698</v>
      </c>
      <c r="HC11" s="75">
        <v>1000</v>
      </c>
      <c r="HD11" s="60">
        <v>4</v>
      </c>
      <c r="HE11" s="61">
        <v>3</v>
      </c>
      <c r="HF11" s="62">
        <v>7</v>
      </c>
      <c r="HG11" s="228">
        <v>0</v>
      </c>
      <c r="HH11" s="61">
        <v>6</v>
      </c>
      <c r="HI11" s="61">
        <v>6</v>
      </c>
      <c r="HJ11" s="61">
        <v>6</v>
      </c>
      <c r="HK11" s="61">
        <v>5</v>
      </c>
      <c r="HL11" s="61">
        <v>2</v>
      </c>
      <c r="HM11" s="62">
        <v>25</v>
      </c>
      <c r="HN11" s="63">
        <v>32</v>
      </c>
      <c r="HO11" s="60">
        <v>15</v>
      </c>
      <c r="HP11" s="61">
        <v>8</v>
      </c>
      <c r="HQ11" s="62">
        <v>23</v>
      </c>
      <c r="HR11" s="228">
        <v>0</v>
      </c>
      <c r="HS11" s="61">
        <v>16</v>
      </c>
      <c r="HT11" s="61">
        <v>9</v>
      </c>
      <c r="HU11" s="61">
        <v>12</v>
      </c>
      <c r="HV11" s="61">
        <v>3</v>
      </c>
      <c r="HW11" s="61">
        <v>10</v>
      </c>
      <c r="HX11" s="62">
        <v>50</v>
      </c>
      <c r="HY11" s="63">
        <v>73</v>
      </c>
      <c r="HZ11" s="60">
        <v>19</v>
      </c>
      <c r="IA11" s="61">
        <v>20</v>
      </c>
      <c r="IB11" s="62">
        <v>39</v>
      </c>
      <c r="IC11" s="228">
        <v>0</v>
      </c>
      <c r="ID11" s="61">
        <v>34</v>
      </c>
      <c r="IE11" s="61">
        <v>15</v>
      </c>
      <c r="IF11" s="61">
        <v>9</v>
      </c>
      <c r="IG11" s="61">
        <v>11</v>
      </c>
      <c r="IH11" s="61">
        <v>8</v>
      </c>
      <c r="II11" s="62">
        <v>77</v>
      </c>
      <c r="IJ11" s="63">
        <v>116</v>
      </c>
      <c r="IK11" s="60">
        <v>46</v>
      </c>
      <c r="IL11" s="61">
        <v>33</v>
      </c>
      <c r="IM11" s="62">
        <v>79</v>
      </c>
      <c r="IN11" s="228">
        <v>0</v>
      </c>
      <c r="IO11" s="61">
        <v>67</v>
      </c>
      <c r="IP11" s="61">
        <v>30</v>
      </c>
      <c r="IQ11" s="61">
        <v>15</v>
      </c>
      <c r="IR11" s="61">
        <v>14</v>
      </c>
      <c r="IS11" s="61">
        <v>10</v>
      </c>
      <c r="IT11" s="62">
        <v>136</v>
      </c>
      <c r="IU11" s="63">
        <v>215</v>
      </c>
      <c r="IV11" s="60">
        <v>52</v>
      </c>
      <c r="IW11" s="61">
        <v>28</v>
      </c>
      <c r="IX11" s="62">
        <v>80</v>
      </c>
      <c r="IY11" s="228">
        <v>0</v>
      </c>
      <c r="IZ11" s="61">
        <v>90</v>
      </c>
      <c r="JA11" s="61">
        <v>47</v>
      </c>
      <c r="JB11" s="61">
        <v>20</v>
      </c>
      <c r="JC11" s="61">
        <v>37</v>
      </c>
      <c r="JD11" s="61">
        <v>15</v>
      </c>
      <c r="JE11" s="62">
        <v>209</v>
      </c>
      <c r="JF11" s="63">
        <v>289</v>
      </c>
      <c r="JG11" s="60">
        <v>43</v>
      </c>
      <c r="JH11" s="61">
        <v>31</v>
      </c>
      <c r="JI11" s="62">
        <v>74</v>
      </c>
      <c r="JJ11" s="228">
        <v>0</v>
      </c>
      <c r="JK11" s="61">
        <v>69</v>
      </c>
      <c r="JL11" s="61">
        <v>56</v>
      </c>
      <c r="JM11" s="61">
        <v>36</v>
      </c>
      <c r="JN11" s="61">
        <v>29</v>
      </c>
      <c r="JO11" s="61">
        <v>11</v>
      </c>
      <c r="JP11" s="62">
        <v>201</v>
      </c>
      <c r="JQ11" s="63">
        <v>275</v>
      </c>
      <c r="JR11" s="60">
        <v>0</v>
      </c>
      <c r="JS11" s="61">
        <v>0</v>
      </c>
      <c r="JT11" s="62">
        <v>0</v>
      </c>
      <c r="JU11" s="228">
        <v>0</v>
      </c>
      <c r="JV11" s="61">
        <v>0</v>
      </c>
      <c r="JW11" s="61">
        <v>0</v>
      </c>
      <c r="JX11" s="61">
        <v>0</v>
      </c>
      <c r="JY11" s="61">
        <v>0</v>
      </c>
      <c r="JZ11" s="61">
        <v>0</v>
      </c>
      <c r="KA11" s="62">
        <v>0</v>
      </c>
      <c r="KB11" s="63">
        <v>0</v>
      </c>
      <c r="KC11" s="60">
        <v>179</v>
      </c>
      <c r="KD11" s="61">
        <v>123</v>
      </c>
      <c r="KE11" s="62">
        <v>302</v>
      </c>
      <c r="KF11" s="228">
        <v>0</v>
      </c>
      <c r="KG11" s="61">
        <v>282</v>
      </c>
      <c r="KH11" s="61">
        <v>163</v>
      </c>
      <c r="KI11" s="61">
        <v>98</v>
      </c>
      <c r="KJ11" s="61">
        <v>99</v>
      </c>
      <c r="KK11" s="61">
        <v>56</v>
      </c>
      <c r="KL11" s="62">
        <v>698</v>
      </c>
      <c r="KM11" s="63">
        <v>1000</v>
      </c>
    </row>
    <row r="12" spans="2:299" ht="21" customHeight="1" x14ac:dyDescent="0.2">
      <c r="B12" s="472" t="s">
        <v>8</v>
      </c>
      <c r="C12" s="293">
        <v>45</v>
      </c>
      <c r="D12" s="72">
        <v>32</v>
      </c>
      <c r="E12" s="73">
        <v>77</v>
      </c>
      <c r="F12" s="228">
        <v>0</v>
      </c>
      <c r="G12" s="72">
        <v>116</v>
      </c>
      <c r="H12" s="72">
        <v>75</v>
      </c>
      <c r="I12" s="72">
        <v>50</v>
      </c>
      <c r="J12" s="72">
        <v>47</v>
      </c>
      <c r="K12" s="72">
        <v>20</v>
      </c>
      <c r="L12" s="74">
        <v>308</v>
      </c>
      <c r="M12" s="75">
        <v>385</v>
      </c>
      <c r="N12" s="60">
        <v>1</v>
      </c>
      <c r="O12" s="61">
        <v>3</v>
      </c>
      <c r="P12" s="62">
        <v>4</v>
      </c>
      <c r="Q12" s="228">
        <v>0</v>
      </c>
      <c r="R12" s="61">
        <v>3</v>
      </c>
      <c r="S12" s="61">
        <v>2</v>
      </c>
      <c r="T12" s="61">
        <v>2</v>
      </c>
      <c r="U12" s="61">
        <v>0</v>
      </c>
      <c r="V12" s="61">
        <v>2</v>
      </c>
      <c r="W12" s="62">
        <v>9</v>
      </c>
      <c r="X12" s="63">
        <v>13</v>
      </c>
      <c r="Y12" s="60">
        <v>4</v>
      </c>
      <c r="Z12" s="61">
        <v>6</v>
      </c>
      <c r="AA12" s="62">
        <v>10</v>
      </c>
      <c r="AB12" s="228">
        <v>0</v>
      </c>
      <c r="AC12" s="61">
        <v>8</v>
      </c>
      <c r="AD12" s="61">
        <v>8</v>
      </c>
      <c r="AE12" s="61">
        <v>4</v>
      </c>
      <c r="AF12" s="61">
        <v>3</v>
      </c>
      <c r="AG12" s="61">
        <v>1</v>
      </c>
      <c r="AH12" s="62">
        <v>24</v>
      </c>
      <c r="AI12" s="63">
        <v>34</v>
      </c>
      <c r="AJ12" s="60">
        <v>6</v>
      </c>
      <c r="AK12" s="61">
        <v>4</v>
      </c>
      <c r="AL12" s="62">
        <v>10</v>
      </c>
      <c r="AM12" s="228">
        <v>0</v>
      </c>
      <c r="AN12" s="61">
        <v>17</v>
      </c>
      <c r="AO12" s="61">
        <v>6</v>
      </c>
      <c r="AP12" s="61">
        <v>4</v>
      </c>
      <c r="AQ12" s="61">
        <v>5</v>
      </c>
      <c r="AR12" s="61">
        <v>2</v>
      </c>
      <c r="AS12" s="62">
        <v>34</v>
      </c>
      <c r="AT12" s="63">
        <v>44</v>
      </c>
      <c r="AU12" s="60">
        <v>11</v>
      </c>
      <c r="AV12" s="61">
        <v>5</v>
      </c>
      <c r="AW12" s="62">
        <v>16</v>
      </c>
      <c r="AX12" s="228">
        <v>0</v>
      </c>
      <c r="AY12" s="61">
        <v>24</v>
      </c>
      <c r="AZ12" s="61">
        <v>14</v>
      </c>
      <c r="BA12" s="61">
        <v>8</v>
      </c>
      <c r="BB12" s="61">
        <v>7</v>
      </c>
      <c r="BC12" s="61">
        <v>5</v>
      </c>
      <c r="BD12" s="62">
        <v>58</v>
      </c>
      <c r="BE12" s="63">
        <v>74</v>
      </c>
      <c r="BF12" s="60">
        <v>15</v>
      </c>
      <c r="BG12" s="61">
        <v>6</v>
      </c>
      <c r="BH12" s="62">
        <v>21</v>
      </c>
      <c r="BI12" s="228">
        <v>0</v>
      </c>
      <c r="BJ12" s="61">
        <v>34</v>
      </c>
      <c r="BK12" s="61">
        <v>25</v>
      </c>
      <c r="BL12" s="61">
        <v>13</v>
      </c>
      <c r="BM12" s="61">
        <v>13</v>
      </c>
      <c r="BN12" s="61">
        <v>4</v>
      </c>
      <c r="BO12" s="62">
        <v>89</v>
      </c>
      <c r="BP12" s="63">
        <v>110</v>
      </c>
      <c r="BQ12" s="60">
        <v>8</v>
      </c>
      <c r="BR12" s="61">
        <v>8</v>
      </c>
      <c r="BS12" s="62">
        <v>16</v>
      </c>
      <c r="BT12" s="228">
        <v>0</v>
      </c>
      <c r="BU12" s="61">
        <v>30</v>
      </c>
      <c r="BV12" s="61">
        <v>20</v>
      </c>
      <c r="BW12" s="61">
        <v>19</v>
      </c>
      <c r="BX12" s="61">
        <v>19</v>
      </c>
      <c r="BY12" s="61">
        <v>6</v>
      </c>
      <c r="BZ12" s="62">
        <v>94</v>
      </c>
      <c r="CA12" s="63">
        <v>110</v>
      </c>
      <c r="CB12" s="60">
        <v>0</v>
      </c>
      <c r="CC12" s="61">
        <v>0</v>
      </c>
      <c r="CD12" s="62">
        <v>0</v>
      </c>
      <c r="CE12" s="228">
        <v>0</v>
      </c>
      <c r="CF12" s="61">
        <v>0</v>
      </c>
      <c r="CG12" s="61">
        <v>0</v>
      </c>
      <c r="CH12" s="61">
        <v>0</v>
      </c>
      <c r="CI12" s="61">
        <v>0</v>
      </c>
      <c r="CJ12" s="61">
        <v>0</v>
      </c>
      <c r="CK12" s="62">
        <v>0</v>
      </c>
      <c r="CL12" s="63">
        <v>0</v>
      </c>
      <c r="CM12" s="60">
        <v>45</v>
      </c>
      <c r="CN12" s="61">
        <v>32</v>
      </c>
      <c r="CO12" s="62">
        <v>77</v>
      </c>
      <c r="CP12" s="228">
        <v>0</v>
      </c>
      <c r="CQ12" s="61">
        <v>116</v>
      </c>
      <c r="CR12" s="61">
        <v>75</v>
      </c>
      <c r="CS12" s="61">
        <v>50</v>
      </c>
      <c r="CT12" s="61">
        <v>47</v>
      </c>
      <c r="CU12" s="61">
        <v>20</v>
      </c>
      <c r="CV12" s="62">
        <v>308</v>
      </c>
      <c r="CW12" s="63">
        <v>385</v>
      </c>
      <c r="CX12" s="113">
        <v>24</v>
      </c>
      <c r="CY12" s="72">
        <v>24</v>
      </c>
      <c r="CZ12" s="73">
        <v>48</v>
      </c>
      <c r="DA12" s="228">
        <v>0</v>
      </c>
      <c r="DB12" s="72">
        <v>50</v>
      </c>
      <c r="DC12" s="72">
        <v>40</v>
      </c>
      <c r="DD12" s="72">
        <v>21</v>
      </c>
      <c r="DE12" s="72">
        <v>23</v>
      </c>
      <c r="DF12" s="72">
        <v>14</v>
      </c>
      <c r="DG12" s="74">
        <v>148</v>
      </c>
      <c r="DH12" s="75">
        <v>196</v>
      </c>
      <c r="DI12" s="60">
        <v>3</v>
      </c>
      <c r="DJ12" s="61">
        <v>0</v>
      </c>
      <c r="DK12" s="62">
        <v>3</v>
      </c>
      <c r="DL12" s="228">
        <v>0</v>
      </c>
      <c r="DM12" s="61">
        <v>0</v>
      </c>
      <c r="DN12" s="61">
        <v>0</v>
      </c>
      <c r="DO12" s="61">
        <v>0</v>
      </c>
      <c r="DP12" s="61">
        <v>1</v>
      </c>
      <c r="DQ12" s="61">
        <v>1</v>
      </c>
      <c r="DR12" s="62">
        <v>2</v>
      </c>
      <c r="DS12" s="63">
        <v>5</v>
      </c>
      <c r="DT12" s="60">
        <v>3</v>
      </c>
      <c r="DU12" s="61">
        <v>1</v>
      </c>
      <c r="DV12" s="62">
        <v>4</v>
      </c>
      <c r="DW12" s="228">
        <v>0</v>
      </c>
      <c r="DX12" s="61">
        <v>2</v>
      </c>
      <c r="DY12" s="61">
        <v>2</v>
      </c>
      <c r="DZ12" s="61">
        <v>2</v>
      </c>
      <c r="EA12" s="61">
        <v>1</v>
      </c>
      <c r="EB12" s="61">
        <v>1</v>
      </c>
      <c r="EC12" s="62">
        <v>8</v>
      </c>
      <c r="ED12" s="63">
        <v>12</v>
      </c>
      <c r="EE12" s="60">
        <v>5</v>
      </c>
      <c r="EF12" s="61">
        <v>4</v>
      </c>
      <c r="EG12" s="62">
        <v>9</v>
      </c>
      <c r="EH12" s="228">
        <v>0</v>
      </c>
      <c r="EI12" s="61">
        <v>5</v>
      </c>
      <c r="EJ12" s="61">
        <v>4</v>
      </c>
      <c r="EK12" s="61">
        <v>2</v>
      </c>
      <c r="EL12" s="61">
        <v>2</v>
      </c>
      <c r="EM12" s="61">
        <v>2</v>
      </c>
      <c r="EN12" s="62">
        <v>15</v>
      </c>
      <c r="EO12" s="63">
        <v>24</v>
      </c>
      <c r="EP12" s="60">
        <v>3</v>
      </c>
      <c r="EQ12" s="61">
        <v>7</v>
      </c>
      <c r="ER12" s="62">
        <v>10</v>
      </c>
      <c r="ES12" s="228">
        <v>0</v>
      </c>
      <c r="ET12" s="61">
        <v>10</v>
      </c>
      <c r="EU12" s="61">
        <v>5</v>
      </c>
      <c r="EV12" s="61">
        <v>2</v>
      </c>
      <c r="EW12" s="61">
        <v>4</v>
      </c>
      <c r="EX12" s="61">
        <v>2</v>
      </c>
      <c r="EY12" s="62">
        <v>23</v>
      </c>
      <c r="EZ12" s="63">
        <v>33</v>
      </c>
      <c r="FA12" s="60">
        <v>6</v>
      </c>
      <c r="FB12" s="61">
        <v>4</v>
      </c>
      <c r="FC12" s="62">
        <v>10</v>
      </c>
      <c r="FD12" s="228">
        <v>0</v>
      </c>
      <c r="FE12" s="61">
        <v>15</v>
      </c>
      <c r="FF12" s="61">
        <v>11</v>
      </c>
      <c r="FG12" s="61">
        <v>6</v>
      </c>
      <c r="FH12" s="61">
        <v>4</v>
      </c>
      <c r="FI12" s="61">
        <v>3</v>
      </c>
      <c r="FJ12" s="62">
        <v>39</v>
      </c>
      <c r="FK12" s="63">
        <v>49</v>
      </c>
      <c r="FL12" s="60">
        <v>4</v>
      </c>
      <c r="FM12" s="61">
        <v>8</v>
      </c>
      <c r="FN12" s="62">
        <v>12</v>
      </c>
      <c r="FO12" s="228">
        <v>0</v>
      </c>
      <c r="FP12" s="61">
        <v>18</v>
      </c>
      <c r="FQ12" s="61">
        <v>18</v>
      </c>
      <c r="FR12" s="61">
        <v>9</v>
      </c>
      <c r="FS12" s="61">
        <v>11</v>
      </c>
      <c r="FT12" s="61">
        <v>5</v>
      </c>
      <c r="FU12" s="62">
        <v>61</v>
      </c>
      <c r="FV12" s="63">
        <v>73</v>
      </c>
      <c r="FW12" s="60">
        <v>0</v>
      </c>
      <c r="FX12" s="61">
        <v>0</v>
      </c>
      <c r="FY12" s="62">
        <v>0</v>
      </c>
      <c r="FZ12" s="228">
        <v>0</v>
      </c>
      <c r="GA12" s="61">
        <v>0</v>
      </c>
      <c r="GB12" s="61">
        <v>0</v>
      </c>
      <c r="GC12" s="61">
        <v>0</v>
      </c>
      <c r="GD12" s="61">
        <v>0</v>
      </c>
      <c r="GE12" s="61">
        <v>0</v>
      </c>
      <c r="GF12" s="62">
        <v>0</v>
      </c>
      <c r="GG12" s="63">
        <v>0</v>
      </c>
      <c r="GH12" s="60">
        <v>24</v>
      </c>
      <c r="GI12" s="61">
        <v>24</v>
      </c>
      <c r="GJ12" s="62">
        <v>48</v>
      </c>
      <c r="GK12" s="228">
        <v>0</v>
      </c>
      <c r="GL12" s="61">
        <v>50</v>
      </c>
      <c r="GM12" s="61">
        <v>40</v>
      </c>
      <c r="GN12" s="61">
        <v>21</v>
      </c>
      <c r="GO12" s="61">
        <v>23</v>
      </c>
      <c r="GP12" s="61">
        <v>14</v>
      </c>
      <c r="GQ12" s="62">
        <v>148</v>
      </c>
      <c r="GR12" s="63">
        <v>196</v>
      </c>
      <c r="GS12" s="113">
        <v>69</v>
      </c>
      <c r="GT12" s="72">
        <v>56</v>
      </c>
      <c r="GU12" s="73">
        <v>125</v>
      </c>
      <c r="GV12" s="228">
        <v>0</v>
      </c>
      <c r="GW12" s="72">
        <v>166</v>
      </c>
      <c r="GX12" s="72">
        <v>115</v>
      </c>
      <c r="GY12" s="72">
        <v>71</v>
      </c>
      <c r="GZ12" s="72">
        <v>70</v>
      </c>
      <c r="HA12" s="72">
        <v>34</v>
      </c>
      <c r="HB12" s="74">
        <v>456</v>
      </c>
      <c r="HC12" s="75">
        <v>581</v>
      </c>
      <c r="HD12" s="60">
        <v>4</v>
      </c>
      <c r="HE12" s="61">
        <v>3</v>
      </c>
      <c r="HF12" s="62">
        <v>7</v>
      </c>
      <c r="HG12" s="228">
        <v>0</v>
      </c>
      <c r="HH12" s="61">
        <v>3</v>
      </c>
      <c r="HI12" s="61">
        <v>2</v>
      </c>
      <c r="HJ12" s="61">
        <v>2</v>
      </c>
      <c r="HK12" s="61">
        <v>1</v>
      </c>
      <c r="HL12" s="61">
        <v>3</v>
      </c>
      <c r="HM12" s="62">
        <v>11</v>
      </c>
      <c r="HN12" s="63">
        <v>18</v>
      </c>
      <c r="HO12" s="60">
        <v>7</v>
      </c>
      <c r="HP12" s="61">
        <v>7</v>
      </c>
      <c r="HQ12" s="62">
        <v>14</v>
      </c>
      <c r="HR12" s="228">
        <v>0</v>
      </c>
      <c r="HS12" s="61">
        <v>10</v>
      </c>
      <c r="HT12" s="61">
        <v>10</v>
      </c>
      <c r="HU12" s="61">
        <v>6</v>
      </c>
      <c r="HV12" s="61">
        <v>4</v>
      </c>
      <c r="HW12" s="61">
        <v>2</v>
      </c>
      <c r="HX12" s="62">
        <v>32</v>
      </c>
      <c r="HY12" s="63">
        <v>46</v>
      </c>
      <c r="HZ12" s="60">
        <v>11</v>
      </c>
      <c r="IA12" s="61">
        <v>8</v>
      </c>
      <c r="IB12" s="62">
        <v>19</v>
      </c>
      <c r="IC12" s="228">
        <v>0</v>
      </c>
      <c r="ID12" s="61">
        <v>22</v>
      </c>
      <c r="IE12" s="61">
        <v>10</v>
      </c>
      <c r="IF12" s="61">
        <v>6</v>
      </c>
      <c r="IG12" s="61">
        <v>7</v>
      </c>
      <c r="IH12" s="61">
        <v>4</v>
      </c>
      <c r="II12" s="62">
        <v>49</v>
      </c>
      <c r="IJ12" s="63">
        <v>68</v>
      </c>
      <c r="IK12" s="60">
        <v>14</v>
      </c>
      <c r="IL12" s="61">
        <v>12</v>
      </c>
      <c r="IM12" s="62">
        <v>26</v>
      </c>
      <c r="IN12" s="228">
        <v>0</v>
      </c>
      <c r="IO12" s="61">
        <v>34</v>
      </c>
      <c r="IP12" s="61">
        <v>19</v>
      </c>
      <c r="IQ12" s="61">
        <v>10</v>
      </c>
      <c r="IR12" s="61">
        <v>11</v>
      </c>
      <c r="IS12" s="61">
        <v>7</v>
      </c>
      <c r="IT12" s="62">
        <v>81</v>
      </c>
      <c r="IU12" s="63">
        <v>107</v>
      </c>
      <c r="IV12" s="60">
        <v>21</v>
      </c>
      <c r="IW12" s="61">
        <v>10</v>
      </c>
      <c r="IX12" s="62">
        <v>31</v>
      </c>
      <c r="IY12" s="228">
        <v>0</v>
      </c>
      <c r="IZ12" s="61">
        <v>49</v>
      </c>
      <c r="JA12" s="61">
        <v>36</v>
      </c>
      <c r="JB12" s="61">
        <v>19</v>
      </c>
      <c r="JC12" s="61">
        <v>17</v>
      </c>
      <c r="JD12" s="61">
        <v>7</v>
      </c>
      <c r="JE12" s="62">
        <v>128</v>
      </c>
      <c r="JF12" s="63">
        <v>159</v>
      </c>
      <c r="JG12" s="60">
        <v>12</v>
      </c>
      <c r="JH12" s="61">
        <v>16</v>
      </c>
      <c r="JI12" s="62">
        <v>28</v>
      </c>
      <c r="JJ12" s="228">
        <v>0</v>
      </c>
      <c r="JK12" s="61">
        <v>48</v>
      </c>
      <c r="JL12" s="61">
        <v>38</v>
      </c>
      <c r="JM12" s="61">
        <v>28</v>
      </c>
      <c r="JN12" s="61">
        <v>30</v>
      </c>
      <c r="JO12" s="61">
        <v>11</v>
      </c>
      <c r="JP12" s="62">
        <v>155</v>
      </c>
      <c r="JQ12" s="63">
        <v>183</v>
      </c>
      <c r="JR12" s="60">
        <v>0</v>
      </c>
      <c r="JS12" s="61">
        <v>0</v>
      </c>
      <c r="JT12" s="62">
        <v>0</v>
      </c>
      <c r="JU12" s="228">
        <v>0</v>
      </c>
      <c r="JV12" s="61">
        <v>0</v>
      </c>
      <c r="JW12" s="61">
        <v>0</v>
      </c>
      <c r="JX12" s="61">
        <v>0</v>
      </c>
      <c r="JY12" s="61">
        <v>0</v>
      </c>
      <c r="JZ12" s="61">
        <v>0</v>
      </c>
      <c r="KA12" s="62">
        <v>0</v>
      </c>
      <c r="KB12" s="63">
        <v>0</v>
      </c>
      <c r="KC12" s="60">
        <v>69</v>
      </c>
      <c r="KD12" s="61">
        <v>56</v>
      </c>
      <c r="KE12" s="62">
        <v>125</v>
      </c>
      <c r="KF12" s="228">
        <v>0</v>
      </c>
      <c r="KG12" s="61">
        <v>166</v>
      </c>
      <c r="KH12" s="61">
        <v>115</v>
      </c>
      <c r="KI12" s="61">
        <v>71</v>
      </c>
      <c r="KJ12" s="61">
        <v>70</v>
      </c>
      <c r="KK12" s="61">
        <v>34</v>
      </c>
      <c r="KL12" s="62">
        <v>456</v>
      </c>
      <c r="KM12" s="63">
        <v>581</v>
      </c>
    </row>
    <row r="13" spans="2:299" ht="21" customHeight="1" x14ac:dyDescent="0.2">
      <c r="B13" s="472" t="s">
        <v>9</v>
      </c>
      <c r="C13" s="293">
        <v>183</v>
      </c>
      <c r="D13" s="72">
        <v>109</v>
      </c>
      <c r="E13" s="73">
        <v>292</v>
      </c>
      <c r="F13" s="228">
        <v>0</v>
      </c>
      <c r="G13" s="72">
        <v>221</v>
      </c>
      <c r="H13" s="72">
        <v>146</v>
      </c>
      <c r="I13" s="72">
        <v>99</v>
      </c>
      <c r="J13" s="72">
        <v>78</v>
      </c>
      <c r="K13" s="72">
        <v>57</v>
      </c>
      <c r="L13" s="74">
        <v>601</v>
      </c>
      <c r="M13" s="75">
        <v>893</v>
      </c>
      <c r="N13" s="60">
        <v>5</v>
      </c>
      <c r="O13" s="61">
        <v>1</v>
      </c>
      <c r="P13" s="62">
        <v>6</v>
      </c>
      <c r="Q13" s="228">
        <v>0</v>
      </c>
      <c r="R13" s="61">
        <v>3</v>
      </c>
      <c r="S13" s="61">
        <v>4</v>
      </c>
      <c r="T13" s="61">
        <v>5</v>
      </c>
      <c r="U13" s="61">
        <v>1</v>
      </c>
      <c r="V13" s="61">
        <v>6</v>
      </c>
      <c r="W13" s="62">
        <v>19</v>
      </c>
      <c r="X13" s="63">
        <v>25</v>
      </c>
      <c r="Y13" s="60">
        <v>3</v>
      </c>
      <c r="Z13" s="61">
        <v>7</v>
      </c>
      <c r="AA13" s="62">
        <v>10</v>
      </c>
      <c r="AB13" s="228">
        <v>0</v>
      </c>
      <c r="AC13" s="61">
        <v>7</v>
      </c>
      <c r="AD13" s="61">
        <v>6</v>
      </c>
      <c r="AE13" s="61">
        <v>0</v>
      </c>
      <c r="AF13" s="61">
        <v>2</v>
      </c>
      <c r="AG13" s="61">
        <v>3</v>
      </c>
      <c r="AH13" s="62">
        <v>18</v>
      </c>
      <c r="AI13" s="63">
        <v>28</v>
      </c>
      <c r="AJ13" s="60">
        <v>20</v>
      </c>
      <c r="AK13" s="61">
        <v>11</v>
      </c>
      <c r="AL13" s="62">
        <v>31</v>
      </c>
      <c r="AM13" s="228">
        <v>0</v>
      </c>
      <c r="AN13" s="61">
        <v>20</v>
      </c>
      <c r="AO13" s="61">
        <v>15</v>
      </c>
      <c r="AP13" s="61">
        <v>10</v>
      </c>
      <c r="AQ13" s="61">
        <v>5</v>
      </c>
      <c r="AR13" s="61">
        <v>7</v>
      </c>
      <c r="AS13" s="62">
        <v>57</v>
      </c>
      <c r="AT13" s="63">
        <v>88</v>
      </c>
      <c r="AU13" s="60">
        <v>42</v>
      </c>
      <c r="AV13" s="61">
        <v>16</v>
      </c>
      <c r="AW13" s="62">
        <v>58</v>
      </c>
      <c r="AX13" s="228">
        <v>0</v>
      </c>
      <c r="AY13" s="61">
        <v>53</v>
      </c>
      <c r="AZ13" s="61">
        <v>20</v>
      </c>
      <c r="BA13" s="61">
        <v>17</v>
      </c>
      <c r="BB13" s="61">
        <v>9</v>
      </c>
      <c r="BC13" s="61">
        <v>9</v>
      </c>
      <c r="BD13" s="62">
        <v>108</v>
      </c>
      <c r="BE13" s="63">
        <v>166</v>
      </c>
      <c r="BF13" s="60">
        <v>59</v>
      </c>
      <c r="BG13" s="61">
        <v>43</v>
      </c>
      <c r="BH13" s="62">
        <v>102</v>
      </c>
      <c r="BI13" s="228">
        <v>0</v>
      </c>
      <c r="BJ13" s="61">
        <v>70</v>
      </c>
      <c r="BK13" s="61">
        <v>50</v>
      </c>
      <c r="BL13" s="61">
        <v>25</v>
      </c>
      <c r="BM13" s="61">
        <v>28</v>
      </c>
      <c r="BN13" s="61">
        <v>15</v>
      </c>
      <c r="BO13" s="62">
        <v>188</v>
      </c>
      <c r="BP13" s="63">
        <v>290</v>
      </c>
      <c r="BQ13" s="60">
        <v>54</v>
      </c>
      <c r="BR13" s="61">
        <v>31</v>
      </c>
      <c r="BS13" s="62">
        <v>85</v>
      </c>
      <c r="BT13" s="228">
        <v>0</v>
      </c>
      <c r="BU13" s="61">
        <v>68</v>
      </c>
      <c r="BV13" s="61">
        <v>51</v>
      </c>
      <c r="BW13" s="61">
        <v>42</v>
      </c>
      <c r="BX13" s="61">
        <v>33</v>
      </c>
      <c r="BY13" s="61">
        <v>17</v>
      </c>
      <c r="BZ13" s="62">
        <v>211</v>
      </c>
      <c r="CA13" s="63">
        <v>296</v>
      </c>
      <c r="CB13" s="60">
        <v>0</v>
      </c>
      <c r="CC13" s="61">
        <v>0</v>
      </c>
      <c r="CD13" s="62">
        <v>0</v>
      </c>
      <c r="CE13" s="228">
        <v>0</v>
      </c>
      <c r="CF13" s="61">
        <v>0</v>
      </c>
      <c r="CG13" s="61">
        <v>0</v>
      </c>
      <c r="CH13" s="61">
        <v>0</v>
      </c>
      <c r="CI13" s="61">
        <v>0</v>
      </c>
      <c r="CJ13" s="61">
        <v>0</v>
      </c>
      <c r="CK13" s="62">
        <v>0</v>
      </c>
      <c r="CL13" s="63">
        <v>0</v>
      </c>
      <c r="CM13" s="60">
        <v>183</v>
      </c>
      <c r="CN13" s="61">
        <v>109</v>
      </c>
      <c r="CO13" s="62">
        <v>292</v>
      </c>
      <c r="CP13" s="228">
        <v>0</v>
      </c>
      <c r="CQ13" s="61">
        <v>221</v>
      </c>
      <c r="CR13" s="61">
        <v>146</v>
      </c>
      <c r="CS13" s="61">
        <v>99</v>
      </c>
      <c r="CT13" s="61">
        <v>78</v>
      </c>
      <c r="CU13" s="61">
        <v>57</v>
      </c>
      <c r="CV13" s="62">
        <v>601</v>
      </c>
      <c r="CW13" s="63">
        <v>893</v>
      </c>
      <c r="CX13" s="113">
        <v>76</v>
      </c>
      <c r="CY13" s="72">
        <v>44</v>
      </c>
      <c r="CZ13" s="73">
        <v>120</v>
      </c>
      <c r="DA13" s="228">
        <v>0</v>
      </c>
      <c r="DB13" s="72">
        <v>75</v>
      </c>
      <c r="DC13" s="72">
        <v>50</v>
      </c>
      <c r="DD13" s="72">
        <v>38</v>
      </c>
      <c r="DE13" s="72">
        <v>43</v>
      </c>
      <c r="DF13" s="72">
        <v>24</v>
      </c>
      <c r="DG13" s="74">
        <v>230</v>
      </c>
      <c r="DH13" s="75">
        <v>350</v>
      </c>
      <c r="DI13" s="60">
        <v>2</v>
      </c>
      <c r="DJ13" s="61">
        <v>0</v>
      </c>
      <c r="DK13" s="62">
        <v>2</v>
      </c>
      <c r="DL13" s="228">
        <v>0</v>
      </c>
      <c r="DM13" s="61">
        <v>0</v>
      </c>
      <c r="DN13" s="61">
        <v>1</v>
      </c>
      <c r="DO13" s="61">
        <v>1</v>
      </c>
      <c r="DP13" s="61">
        <v>1</v>
      </c>
      <c r="DQ13" s="61">
        <v>0</v>
      </c>
      <c r="DR13" s="62">
        <v>3</v>
      </c>
      <c r="DS13" s="63">
        <v>5</v>
      </c>
      <c r="DT13" s="60">
        <v>8</v>
      </c>
      <c r="DU13" s="61">
        <v>4</v>
      </c>
      <c r="DV13" s="62">
        <v>12</v>
      </c>
      <c r="DW13" s="228">
        <v>0</v>
      </c>
      <c r="DX13" s="61">
        <v>5</v>
      </c>
      <c r="DY13" s="61">
        <v>2</v>
      </c>
      <c r="DZ13" s="61">
        <v>0</v>
      </c>
      <c r="EA13" s="61">
        <v>2</v>
      </c>
      <c r="EB13" s="61">
        <v>0</v>
      </c>
      <c r="EC13" s="62">
        <v>9</v>
      </c>
      <c r="ED13" s="63">
        <v>21</v>
      </c>
      <c r="EE13" s="60">
        <v>8</v>
      </c>
      <c r="EF13" s="61">
        <v>7</v>
      </c>
      <c r="EG13" s="62">
        <v>15</v>
      </c>
      <c r="EH13" s="228">
        <v>0</v>
      </c>
      <c r="EI13" s="61">
        <v>10</v>
      </c>
      <c r="EJ13" s="61">
        <v>3</v>
      </c>
      <c r="EK13" s="61">
        <v>4</v>
      </c>
      <c r="EL13" s="61">
        <v>3</v>
      </c>
      <c r="EM13" s="61">
        <v>2</v>
      </c>
      <c r="EN13" s="62">
        <v>22</v>
      </c>
      <c r="EO13" s="63">
        <v>37</v>
      </c>
      <c r="EP13" s="60">
        <v>21</v>
      </c>
      <c r="EQ13" s="61">
        <v>10</v>
      </c>
      <c r="ER13" s="62">
        <v>31</v>
      </c>
      <c r="ES13" s="228">
        <v>0</v>
      </c>
      <c r="ET13" s="61">
        <v>15</v>
      </c>
      <c r="EU13" s="61">
        <v>8</v>
      </c>
      <c r="EV13" s="61">
        <v>8</v>
      </c>
      <c r="EW13" s="61">
        <v>6</v>
      </c>
      <c r="EX13" s="61">
        <v>1</v>
      </c>
      <c r="EY13" s="62">
        <v>38</v>
      </c>
      <c r="EZ13" s="63">
        <v>69</v>
      </c>
      <c r="FA13" s="60">
        <v>25</v>
      </c>
      <c r="FB13" s="61">
        <v>12</v>
      </c>
      <c r="FC13" s="62">
        <v>37</v>
      </c>
      <c r="FD13" s="228">
        <v>0</v>
      </c>
      <c r="FE13" s="61">
        <v>20</v>
      </c>
      <c r="FF13" s="61">
        <v>14</v>
      </c>
      <c r="FG13" s="61">
        <v>8</v>
      </c>
      <c r="FH13" s="61">
        <v>5</v>
      </c>
      <c r="FI13" s="61">
        <v>7</v>
      </c>
      <c r="FJ13" s="62">
        <v>54</v>
      </c>
      <c r="FK13" s="63">
        <v>91</v>
      </c>
      <c r="FL13" s="60">
        <v>12</v>
      </c>
      <c r="FM13" s="61">
        <v>11</v>
      </c>
      <c r="FN13" s="62">
        <v>23</v>
      </c>
      <c r="FO13" s="228">
        <v>0</v>
      </c>
      <c r="FP13" s="61">
        <v>25</v>
      </c>
      <c r="FQ13" s="61">
        <v>22</v>
      </c>
      <c r="FR13" s="61">
        <v>17</v>
      </c>
      <c r="FS13" s="61">
        <v>26</v>
      </c>
      <c r="FT13" s="61">
        <v>14</v>
      </c>
      <c r="FU13" s="62">
        <v>104</v>
      </c>
      <c r="FV13" s="63">
        <v>127</v>
      </c>
      <c r="FW13" s="60">
        <v>0</v>
      </c>
      <c r="FX13" s="61">
        <v>0</v>
      </c>
      <c r="FY13" s="62">
        <v>0</v>
      </c>
      <c r="FZ13" s="228">
        <v>0</v>
      </c>
      <c r="GA13" s="61">
        <v>0</v>
      </c>
      <c r="GB13" s="61">
        <v>0</v>
      </c>
      <c r="GC13" s="61">
        <v>0</v>
      </c>
      <c r="GD13" s="61">
        <v>0</v>
      </c>
      <c r="GE13" s="61">
        <v>0</v>
      </c>
      <c r="GF13" s="62">
        <v>0</v>
      </c>
      <c r="GG13" s="63">
        <v>0</v>
      </c>
      <c r="GH13" s="60">
        <v>76</v>
      </c>
      <c r="GI13" s="61">
        <v>44</v>
      </c>
      <c r="GJ13" s="62">
        <v>120</v>
      </c>
      <c r="GK13" s="228">
        <v>0</v>
      </c>
      <c r="GL13" s="61">
        <v>75</v>
      </c>
      <c r="GM13" s="61">
        <v>50</v>
      </c>
      <c r="GN13" s="61">
        <v>38</v>
      </c>
      <c r="GO13" s="61">
        <v>43</v>
      </c>
      <c r="GP13" s="61">
        <v>24</v>
      </c>
      <c r="GQ13" s="62">
        <v>230</v>
      </c>
      <c r="GR13" s="63">
        <v>350</v>
      </c>
      <c r="GS13" s="113">
        <v>259</v>
      </c>
      <c r="GT13" s="72">
        <v>153</v>
      </c>
      <c r="GU13" s="73">
        <v>412</v>
      </c>
      <c r="GV13" s="228">
        <v>0</v>
      </c>
      <c r="GW13" s="72">
        <v>296</v>
      </c>
      <c r="GX13" s="72">
        <v>196</v>
      </c>
      <c r="GY13" s="72">
        <v>137</v>
      </c>
      <c r="GZ13" s="72">
        <v>121</v>
      </c>
      <c r="HA13" s="72">
        <v>81</v>
      </c>
      <c r="HB13" s="74">
        <v>831</v>
      </c>
      <c r="HC13" s="75">
        <v>1243</v>
      </c>
      <c r="HD13" s="60">
        <v>7</v>
      </c>
      <c r="HE13" s="61">
        <v>1</v>
      </c>
      <c r="HF13" s="62">
        <v>8</v>
      </c>
      <c r="HG13" s="228">
        <v>0</v>
      </c>
      <c r="HH13" s="61">
        <v>3</v>
      </c>
      <c r="HI13" s="61">
        <v>5</v>
      </c>
      <c r="HJ13" s="61">
        <v>6</v>
      </c>
      <c r="HK13" s="61">
        <v>2</v>
      </c>
      <c r="HL13" s="61">
        <v>6</v>
      </c>
      <c r="HM13" s="62">
        <v>22</v>
      </c>
      <c r="HN13" s="63">
        <v>30</v>
      </c>
      <c r="HO13" s="60">
        <v>11</v>
      </c>
      <c r="HP13" s="61">
        <v>11</v>
      </c>
      <c r="HQ13" s="62">
        <v>22</v>
      </c>
      <c r="HR13" s="228">
        <v>0</v>
      </c>
      <c r="HS13" s="61">
        <v>12</v>
      </c>
      <c r="HT13" s="61">
        <v>8</v>
      </c>
      <c r="HU13" s="61">
        <v>0</v>
      </c>
      <c r="HV13" s="61">
        <v>4</v>
      </c>
      <c r="HW13" s="61">
        <v>3</v>
      </c>
      <c r="HX13" s="62">
        <v>27</v>
      </c>
      <c r="HY13" s="63">
        <v>49</v>
      </c>
      <c r="HZ13" s="60">
        <v>28</v>
      </c>
      <c r="IA13" s="61">
        <v>18</v>
      </c>
      <c r="IB13" s="62">
        <v>46</v>
      </c>
      <c r="IC13" s="228">
        <v>0</v>
      </c>
      <c r="ID13" s="61">
        <v>30</v>
      </c>
      <c r="IE13" s="61">
        <v>18</v>
      </c>
      <c r="IF13" s="61">
        <v>14</v>
      </c>
      <c r="IG13" s="61">
        <v>8</v>
      </c>
      <c r="IH13" s="61">
        <v>9</v>
      </c>
      <c r="II13" s="62">
        <v>79</v>
      </c>
      <c r="IJ13" s="63">
        <v>125</v>
      </c>
      <c r="IK13" s="60">
        <v>63</v>
      </c>
      <c r="IL13" s="61">
        <v>26</v>
      </c>
      <c r="IM13" s="62">
        <v>89</v>
      </c>
      <c r="IN13" s="228">
        <v>0</v>
      </c>
      <c r="IO13" s="61">
        <v>68</v>
      </c>
      <c r="IP13" s="61">
        <v>28</v>
      </c>
      <c r="IQ13" s="61">
        <v>25</v>
      </c>
      <c r="IR13" s="61">
        <v>15</v>
      </c>
      <c r="IS13" s="61">
        <v>10</v>
      </c>
      <c r="IT13" s="62">
        <v>146</v>
      </c>
      <c r="IU13" s="63">
        <v>235</v>
      </c>
      <c r="IV13" s="60">
        <v>84</v>
      </c>
      <c r="IW13" s="61">
        <v>55</v>
      </c>
      <c r="IX13" s="62">
        <v>139</v>
      </c>
      <c r="IY13" s="228">
        <v>0</v>
      </c>
      <c r="IZ13" s="61">
        <v>90</v>
      </c>
      <c r="JA13" s="61">
        <v>64</v>
      </c>
      <c r="JB13" s="61">
        <v>33</v>
      </c>
      <c r="JC13" s="61">
        <v>33</v>
      </c>
      <c r="JD13" s="61">
        <v>22</v>
      </c>
      <c r="JE13" s="62">
        <v>242</v>
      </c>
      <c r="JF13" s="63">
        <v>381</v>
      </c>
      <c r="JG13" s="60">
        <v>66</v>
      </c>
      <c r="JH13" s="61">
        <v>42</v>
      </c>
      <c r="JI13" s="62">
        <v>108</v>
      </c>
      <c r="JJ13" s="228">
        <v>0</v>
      </c>
      <c r="JK13" s="61">
        <v>93</v>
      </c>
      <c r="JL13" s="61">
        <v>73</v>
      </c>
      <c r="JM13" s="61">
        <v>59</v>
      </c>
      <c r="JN13" s="61">
        <v>59</v>
      </c>
      <c r="JO13" s="61">
        <v>31</v>
      </c>
      <c r="JP13" s="62">
        <v>315</v>
      </c>
      <c r="JQ13" s="63">
        <v>423</v>
      </c>
      <c r="JR13" s="60">
        <v>0</v>
      </c>
      <c r="JS13" s="61">
        <v>0</v>
      </c>
      <c r="JT13" s="62">
        <v>0</v>
      </c>
      <c r="JU13" s="228">
        <v>0</v>
      </c>
      <c r="JV13" s="61">
        <v>0</v>
      </c>
      <c r="JW13" s="61">
        <v>0</v>
      </c>
      <c r="JX13" s="61">
        <v>0</v>
      </c>
      <c r="JY13" s="61">
        <v>0</v>
      </c>
      <c r="JZ13" s="61">
        <v>0</v>
      </c>
      <c r="KA13" s="62">
        <v>0</v>
      </c>
      <c r="KB13" s="63">
        <v>0</v>
      </c>
      <c r="KC13" s="60">
        <v>259</v>
      </c>
      <c r="KD13" s="61">
        <v>153</v>
      </c>
      <c r="KE13" s="62">
        <v>412</v>
      </c>
      <c r="KF13" s="228">
        <v>0</v>
      </c>
      <c r="KG13" s="61">
        <v>296</v>
      </c>
      <c r="KH13" s="61">
        <v>196</v>
      </c>
      <c r="KI13" s="61">
        <v>137</v>
      </c>
      <c r="KJ13" s="61">
        <v>121</v>
      </c>
      <c r="KK13" s="61">
        <v>81</v>
      </c>
      <c r="KL13" s="62">
        <v>831</v>
      </c>
      <c r="KM13" s="63">
        <v>1243</v>
      </c>
    </row>
    <row r="14" spans="2:299" ht="21" customHeight="1" x14ac:dyDescent="0.2">
      <c r="B14" s="472" t="s">
        <v>10</v>
      </c>
      <c r="C14" s="293">
        <v>266</v>
      </c>
      <c r="D14" s="72">
        <v>191</v>
      </c>
      <c r="E14" s="73">
        <v>457</v>
      </c>
      <c r="F14" s="228">
        <v>0</v>
      </c>
      <c r="G14" s="72">
        <v>271</v>
      </c>
      <c r="H14" s="72">
        <v>161</v>
      </c>
      <c r="I14" s="72">
        <v>100</v>
      </c>
      <c r="J14" s="72">
        <v>83</v>
      </c>
      <c r="K14" s="72">
        <v>69</v>
      </c>
      <c r="L14" s="74">
        <v>684</v>
      </c>
      <c r="M14" s="75">
        <v>1141</v>
      </c>
      <c r="N14" s="60">
        <v>4</v>
      </c>
      <c r="O14" s="61">
        <v>9</v>
      </c>
      <c r="P14" s="62">
        <v>13</v>
      </c>
      <c r="Q14" s="228">
        <v>0</v>
      </c>
      <c r="R14" s="61">
        <v>6</v>
      </c>
      <c r="S14" s="61">
        <v>7</v>
      </c>
      <c r="T14" s="61">
        <v>1</v>
      </c>
      <c r="U14" s="61">
        <v>6</v>
      </c>
      <c r="V14" s="61">
        <v>1</v>
      </c>
      <c r="W14" s="62">
        <v>21</v>
      </c>
      <c r="X14" s="63">
        <v>34</v>
      </c>
      <c r="Y14" s="60">
        <v>24</v>
      </c>
      <c r="Z14" s="61">
        <v>15</v>
      </c>
      <c r="AA14" s="62">
        <v>39</v>
      </c>
      <c r="AB14" s="228">
        <v>0</v>
      </c>
      <c r="AC14" s="61">
        <v>25</v>
      </c>
      <c r="AD14" s="61">
        <v>18</v>
      </c>
      <c r="AE14" s="61">
        <v>11</v>
      </c>
      <c r="AF14" s="61">
        <v>6</v>
      </c>
      <c r="AG14" s="61">
        <v>10</v>
      </c>
      <c r="AH14" s="62">
        <v>70</v>
      </c>
      <c r="AI14" s="63">
        <v>109</v>
      </c>
      <c r="AJ14" s="60">
        <v>20</v>
      </c>
      <c r="AK14" s="61">
        <v>32</v>
      </c>
      <c r="AL14" s="62">
        <v>52</v>
      </c>
      <c r="AM14" s="228">
        <v>0</v>
      </c>
      <c r="AN14" s="61">
        <v>32</v>
      </c>
      <c r="AO14" s="61">
        <v>19</v>
      </c>
      <c r="AP14" s="61">
        <v>8</v>
      </c>
      <c r="AQ14" s="61">
        <v>10</v>
      </c>
      <c r="AR14" s="61">
        <v>11</v>
      </c>
      <c r="AS14" s="62">
        <v>80</v>
      </c>
      <c r="AT14" s="63">
        <v>132</v>
      </c>
      <c r="AU14" s="60">
        <v>64</v>
      </c>
      <c r="AV14" s="61">
        <v>39</v>
      </c>
      <c r="AW14" s="62">
        <v>103</v>
      </c>
      <c r="AX14" s="228">
        <v>0</v>
      </c>
      <c r="AY14" s="61">
        <v>63</v>
      </c>
      <c r="AZ14" s="61">
        <v>29</v>
      </c>
      <c r="BA14" s="61">
        <v>12</v>
      </c>
      <c r="BB14" s="61">
        <v>12</v>
      </c>
      <c r="BC14" s="61">
        <v>17</v>
      </c>
      <c r="BD14" s="62">
        <v>133</v>
      </c>
      <c r="BE14" s="63">
        <v>236</v>
      </c>
      <c r="BF14" s="60">
        <v>81</v>
      </c>
      <c r="BG14" s="61">
        <v>46</v>
      </c>
      <c r="BH14" s="62">
        <v>127</v>
      </c>
      <c r="BI14" s="228">
        <v>0</v>
      </c>
      <c r="BJ14" s="61">
        <v>72</v>
      </c>
      <c r="BK14" s="61">
        <v>43</v>
      </c>
      <c r="BL14" s="61">
        <v>30</v>
      </c>
      <c r="BM14" s="61">
        <v>15</v>
      </c>
      <c r="BN14" s="61">
        <v>16</v>
      </c>
      <c r="BO14" s="62">
        <v>176</v>
      </c>
      <c r="BP14" s="63">
        <v>303</v>
      </c>
      <c r="BQ14" s="60">
        <v>73</v>
      </c>
      <c r="BR14" s="61">
        <v>50</v>
      </c>
      <c r="BS14" s="62">
        <v>123</v>
      </c>
      <c r="BT14" s="228">
        <v>0</v>
      </c>
      <c r="BU14" s="61">
        <v>73</v>
      </c>
      <c r="BV14" s="61">
        <v>45</v>
      </c>
      <c r="BW14" s="61">
        <v>38</v>
      </c>
      <c r="BX14" s="61">
        <v>34</v>
      </c>
      <c r="BY14" s="61">
        <v>14</v>
      </c>
      <c r="BZ14" s="62">
        <v>204</v>
      </c>
      <c r="CA14" s="63">
        <v>327</v>
      </c>
      <c r="CB14" s="60">
        <v>0</v>
      </c>
      <c r="CC14" s="61">
        <v>0</v>
      </c>
      <c r="CD14" s="62">
        <v>0</v>
      </c>
      <c r="CE14" s="228">
        <v>0</v>
      </c>
      <c r="CF14" s="61">
        <v>0</v>
      </c>
      <c r="CG14" s="61">
        <v>0</v>
      </c>
      <c r="CH14" s="61">
        <v>0</v>
      </c>
      <c r="CI14" s="61">
        <v>0</v>
      </c>
      <c r="CJ14" s="61">
        <v>0</v>
      </c>
      <c r="CK14" s="62">
        <v>0</v>
      </c>
      <c r="CL14" s="63">
        <v>0</v>
      </c>
      <c r="CM14" s="60">
        <v>266</v>
      </c>
      <c r="CN14" s="61">
        <v>191</v>
      </c>
      <c r="CO14" s="62">
        <v>457</v>
      </c>
      <c r="CP14" s="228">
        <v>0</v>
      </c>
      <c r="CQ14" s="61">
        <v>271</v>
      </c>
      <c r="CR14" s="61">
        <v>161</v>
      </c>
      <c r="CS14" s="61">
        <v>100</v>
      </c>
      <c r="CT14" s="61">
        <v>83</v>
      </c>
      <c r="CU14" s="61">
        <v>69</v>
      </c>
      <c r="CV14" s="62">
        <v>684</v>
      </c>
      <c r="CW14" s="63">
        <v>1141</v>
      </c>
      <c r="CX14" s="113">
        <v>106</v>
      </c>
      <c r="CY14" s="72">
        <v>75</v>
      </c>
      <c r="CZ14" s="73">
        <v>181</v>
      </c>
      <c r="DA14" s="228">
        <v>0</v>
      </c>
      <c r="DB14" s="72">
        <v>112</v>
      </c>
      <c r="DC14" s="72">
        <v>57</v>
      </c>
      <c r="DD14" s="72">
        <v>48</v>
      </c>
      <c r="DE14" s="72">
        <v>47</v>
      </c>
      <c r="DF14" s="72">
        <v>40</v>
      </c>
      <c r="DG14" s="74">
        <v>304</v>
      </c>
      <c r="DH14" s="75">
        <v>485</v>
      </c>
      <c r="DI14" s="60">
        <v>3</v>
      </c>
      <c r="DJ14" s="61">
        <v>5</v>
      </c>
      <c r="DK14" s="62">
        <v>8</v>
      </c>
      <c r="DL14" s="228">
        <v>0</v>
      </c>
      <c r="DM14" s="61">
        <v>1</v>
      </c>
      <c r="DN14" s="61">
        <v>0</v>
      </c>
      <c r="DO14" s="61">
        <v>0</v>
      </c>
      <c r="DP14" s="61">
        <v>0</v>
      </c>
      <c r="DQ14" s="61">
        <v>0</v>
      </c>
      <c r="DR14" s="62">
        <v>1</v>
      </c>
      <c r="DS14" s="63">
        <v>9</v>
      </c>
      <c r="DT14" s="60">
        <v>7</v>
      </c>
      <c r="DU14" s="61">
        <v>3</v>
      </c>
      <c r="DV14" s="62">
        <v>10</v>
      </c>
      <c r="DW14" s="228">
        <v>0</v>
      </c>
      <c r="DX14" s="61">
        <v>6</v>
      </c>
      <c r="DY14" s="61">
        <v>0</v>
      </c>
      <c r="DZ14" s="61">
        <v>1</v>
      </c>
      <c r="EA14" s="61">
        <v>1</v>
      </c>
      <c r="EB14" s="61">
        <v>3</v>
      </c>
      <c r="EC14" s="62">
        <v>11</v>
      </c>
      <c r="ED14" s="63">
        <v>21</v>
      </c>
      <c r="EE14" s="60">
        <v>14</v>
      </c>
      <c r="EF14" s="61">
        <v>11</v>
      </c>
      <c r="EG14" s="62">
        <v>25</v>
      </c>
      <c r="EH14" s="228">
        <v>0</v>
      </c>
      <c r="EI14" s="61">
        <v>6</v>
      </c>
      <c r="EJ14" s="61">
        <v>7</v>
      </c>
      <c r="EK14" s="61">
        <v>5</v>
      </c>
      <c r="EL14" s="61">
        <v>2</v>
      </c>
      <c r="EM14" s="61">
        <v>1</v>
      </c>
      <c r="EN14" s="62">
        <v>21</v>
      </c>
      <c r="EO14" s="63">
        <v>46</v>
      </c>
      <c r="EP14" s="60">
        <v>29</v>
      </c>
      <c r="EQ14" s="61">
        <v>17</v>
      </c>
      <c r="ER14" s="62">
        <v>46</v>
      </c>
      <c r="ES14" s="228">
        <v>0</v>
      </c>
      <c r="ET14" s="61">
        <v>21</v>
      </c>
      <c r="EU14" s="61">
        <v>10</v>
      </c>
      <c r="EV14" s="61">
        <v>5</v>
      </c>
      <c r="EW14" s="61">
        <v>3</v>
      </c>
      <c r="EX14" s="61">
        <v>5</v>
      </c>
      <c r="EY14" s="62">
        <v>44</v>
      </c>
      <c r="EZ14" s="63">
        <v>90</v>
      </c>
      <c r="FA14" s="60">
        <v>30</v>
      </c>
      <c r="FB14" s="61">
        <v>23</v>
      </c>
      <c r="FC14" s="62">
        <v>53</v>
      </c>
      <c r="FD14" s="228">
        <v>0</v>
      </c>
      <c r="FE14" s="61">
        <v>33</v>
      </c>
      <c r="FF14" s="61">
        <v>18</v>
      </c>
      <c r="FG14" s="61">
        <v>16</v>
      </c>
      <c r="FH14" s="61">
        <v>14</v>
      </c>
      <c r="FI14" s="61">
        <v>8</v>
      </c>
      <c r="FJ14" s="62">
        <v>89</v>
      </c>
      <c r="FK14" s="63">
        <v>142</v>
      </c>
      <c r="FL14" s="60">
        <v>23</v>
      </c>
      <c r="FM14" s="61">
        <v>16</v>
      </c>
      <c r="FN14" s="62">
        <v>39</v>
      </c>
      <c r="FO14" s="228">
        <v>0</v>
      </c>
      <c r="FP14" s="61">
        <v>45</v>
      </c>
      <c r="FQ14" s="61">
        <v>22</v>
      </c>
      <c r="FR14" s="61">
        <v>21</v>
      </c>
      <c r="FS14" s="61">
        <v>27</v>
      </c>
      <c r="FT14" s="61">
        <v>23</v>
      </c>
      <c r="FU14" s="62">
        <v>138</v>
      </c>
      <c r="FV14" s="63">
        <v>177</v>
      </c>
      <c r="FW14" s="60">
        <v>0</v>
      </c>
      <c r="FX14" s="61">
        <v>0</v>
      </c>
      <c r="FY14" s="62">
        <v>0</v>
      </c>
      <c r="FZ14" s="228">
        <v>0</v>
      </c>
      <c r="GA14" s="61">
        <v>0</v>
      </c>
      <c r="GB14" s="61">
        <v>0</v>
      </c>
      <c r="GC14" s="61">
        <v>0</v>
      </c>
      <c r="GD14" s="61">
        <v>0</v>
      </c>
      <c r="GE14" s="61">
        <v>0</v>
      </c>
      <c r="GF14" s="62">
        <v>0</v>
      </c>
      <c r="GG14" s="63">
        <v>0</v>
      </c>
      <c r="GH14" s="60">
        <v>106</v>
      </c>
      <c r="GI14" s="61">
        <v>75</v>
      </c>
      <c r="GJ14" s="62">
        <v>181</v>
      </c>
      <c r="GK14" s="228">
        <v>0</v>
      </c>
      <c r="GL14" s="61">
        <v>112</v>
      </c>
      <c r="GM14" s="61">
        <v>57</v>
      </c>
      <c r="GN14" s="61">
        <v>48</v>
      </c>
      <c r="GO14" s="61">
        <v>47</v>
      </c>
      <c r="GP14" s="61">
        <v>40</v>
      </c>
      <c r="GQ14" s="62">
        <v>304</v>
      </c>
      <c r="GR14" s="63">
        <v>485</v>
      </c>
      <c r="GS14" s="113">
        <v>372</v>
      </c>
      <c r="GT14" s="72">
        <v>266</v>
      </c>
      <c r="GU14" s="73">
        <v>638</v>
      </c>
      <c r="GV14" s="228">
        <v>0</v>
      </c>
      <c r="GW14" s="72">
        <v>383</v>
      </c>
      <c r="GX14" s="72">
        <v>218</v>
      </c>
      <c r="GY14" s="72">
        <v>148</v>
      </c>
      <c r="GZ14" s="72">
        <v>130</v>
      </c>
      <c r="HA14" s="72">
        <v>109</v>
      </c>
      <c r="HB14" s="74">
        <v>988</v>
      </c>
      <c r="HC14" s="75">
        <v>1626</v>
      </c>
      <c r="HD14" s="60">
        <v>7</v>
      </c>
      <c r="HE14" s="61">
        <v>14</v>
      </c>
      <c r="HF14" s="62">
        <v>21</v>
      </c>
      <c r="HG14" s="228">
        <v>0</v>
      </c>
      <c r="HH14" s="61">
        <v>7</v>
      </c>
      <c r="HI14" s="61">
        <v>7</v>
      </c>
      <c r="HJ14" s="61">
        <v>1</v>
      </c>
      <c r="HK14" s="61">
        <v>6</v>
      </c>
      <c r="HL14" s="61">
        <v>1</v>
      </c>
      <c r="HM14" s="62">
        <v>22</v>
      </c>
      <c r="HN14" s="63">
        <v>43</v>
      </c>
      <c r="HO14" s="60">
        <v>31</v>
      </c>
      <c r="HP14" s="61">
        <v>18</v>
      </c>
      <c r="HQ14" s="62">
        <v>49</v>
      </c>
      <c r="HR14" s="228">
        <v>0</v>
      </c>
      <c r="HS14" s="61">
        <v>31</v>
      </c>
      <c r="HT14" s="61">
        <v>18</v>
      </c>
      <c r="HU14" s="61">
        <v>12</v>
      </c>
      <c r="HV14" s="61">
        <v>7</v>
      </c>
      <c r="HW14" s="61">
        <v>13</v>
      </c>
      <c r="HX14" s="62">
        <v>81</v>
      </c>
      <c r="HY14" s="63">
        <v>130</v>
      </c>
      <c r="HZ14" s="60">
        <v>34</v>
      </c>
      <c r="IA14" s="61">
        <v>43</v>
      </c>
      <c r="IB14" s="62">
        <v>77</v>
      </c>
      <c r="IC14" s="228">
        <v>0</v>
      </c>
      <c r="ID14" s="61">
        <v>38</v>
      </c>
      <c r="IE14" s="61">
        <v>26</v>
      </c>
      <c r="IF14" s="61">
        <v>13</v>
      </c>
      <c r="IG14" s="61">
        <v>12</v>
      </c>
      <c r="IH14" s="61">
        <v>12</v>
      </c>
      <c r="II14" s="62">
        <v>101</v>
      </c>
      <c r="IJ14" s="63">
        <v>178</v>
      </c>
      <c r="IK14" s="60">
        <v>93</v>
      </c>
      <c r="IL14" s="61">
        <v>56</v>
      </c>
      <c r="IM14" s="62">
        <v>149</v>
      </c>
      <c r="IN14" s="228">
        <v>0</v>
      </c>
      <c r="IO14" s="61">
        <v>84</v>
      </c>
      <c r="IP14" s="61">
        <v>39</v>
      </c>
      <c r="IQ14" s="61">
        <v>17</v>
      </c>
      <c r="IR14" s="61">
        <v>15</v>
      </c>
      <c r="IS14" s="61">
        <v>22</v>
      </c>
      <c r="IT14" s="62">
        <v>177</v>
      </c>
      <c r="IU14" s="63">
        <v>326</v>
      </c>
      <c r="IV14" s="60">
        <v>111</v>
      </c>
      <c r="IW14" s="61">
        <v>69</v>
      </c>
      <c r="IX14" s="62">
        <v>180</v>
      </c>
      <c r="IY14" s="228">
        <v>0</v>
      </c>
      <c r="IZ14" s="61">
        <v>105</v>
      </c>
      <c r="JA14" s="61">
        <v>61</v>
      </c>
      <c r="JB14" s="61">
        <v>46</v>
      </c>
      <c r="JC14" s="61">
        <v>29</v>
      </c>
      <c r="JD14" s="61">
        <v>24</v>
      </c>
      <c r="JE14" s="62">
        <v>265</v>
      </c>
      <c r="JF14" s="63">
        <v>445</v>
      </c>
      <c r="JG14" s="60">
        <v>96</v>
      </c>
      <c r="JH14" s="61">
        <v>66</v>
      </c>
      <c r="JI14" s="62">
        <v>162</v>
      </c>
      <c r="JJ14" s="228">
        <v>0</v>
      </c>
      <c r="JK14" s="61">
        <v>118</v>
      </c>
      <c r="JL14" s="61">
        <v>67</v>
      </c>
      <c r="JM14" s="61">
        <v>59</v>
      </c>
      <c r="JN14" s="61">
        <v>61</v>
      </c>
      <c r="JO14" s="61">
        <v>37</v>
      </c>
      <c r="JP14" s="62">
        <v>342</v>
      </c>
      <c r="JQ14" s="63">
        <v>504</v>
      </c>
      <c r="JR14" s="60">
        <v>0</v>
      </c>
      <c r="JS14" s="61">
        <v>0</v>
      </c>
      <c r="JT14" s="62">
        <v>0</v>
      </c>
      <c r="JU14" s="228">
        <v>0</v>
      </c>
      <c r="JV14" s="61">
        <v>0</v>
      </c>
      <c r="JW14" s="61">
        <v>0</v>
      </c>
      <c r="JX14" s="61">
        <v>0</v>
      </c>
      <c r="JY14" s="61">
        <v>0</v>
      </c>
      <c r="JZ14" s="61">
        <v>0</v>
      </c>
      <c r="KA14" s="62">
        <v>0</v>
      </c>
      <c r="KB14" s="63">
        <v>0</v>
      </c>
      <c r="KC14" s="60">
        <v>372</v>
      </c>
      <c r="KD14" s="61">
        <v>266</v>
      </c>
      <c r="KE14" s="62">
        <v>638</v>
      </c>
      <c r="KF14" s="228">
        <v>0</v>
      </c>
      <c r="KG14" s="61">
        <v>383</v>
      </c>
      <c r="KH14" s="61">
        <v>218</v>
      </c>
      <c r="KI14" s="61">
        <v>148</v>
      </c>
      <c r="KJ14" s="61">
        <v>130</v>
      </c>
      <c r="KK14" s="61">
        <v>109</v>
      </c>
      <c r="KL14" s="62">
        <v>988</v>
      </c>
      <c r="KM14" s="63">
        <v>1626</v>
      </c>
    </row>
    <row r="15" spans="2:299" ht="21" customHeight="1" x14ac:dyDescent="0.2">
      <c r="B15" s="472" t="s">
        <v>11</v>
      </c>
      <c r="C15" s="293">
        <v>49</v>
      </c>
      <c r="D15" s="72">
        <v>45</v>
      </c>
      <c r="E15" s="73">
        <v>94</v>
      </c>
      <c r="F15" s="228">
        <v>0</v>
      </c>
      <c r="G15" s="72">
        <v>102</v>
      </c>
      <c r="H15" s="72">
        <v>43</v>
      </c>
      <c r="I15" s="72">
        <v>41</v>
      </c>
      <c r="J15" s="72">
        <v>32</v>
      </c>
      <c r="K15" s="72">
        <v>11</v>
      </c>
      <c r="L15" s="74">
        <v>229</v>
      </c>
      <c r="M15" s="75">
        <v>323</v>
      </c>
      <c r="N15" s="60">
        <v>1</v>
      </c>
      <c r="O15" s="61">
        <v>1</v>
      </c>
      <c r="P15" s="62">
        <v>2</v>
      </c>
      <c r="Q15" s="228">
        <v>0</v>
      </c>
      <c r="R15" s="61">
        <v>5</v>
      </c>
      <c r="S15" s="61">
        <v>0</v>
      </c>
      <c r="T15" s="61">
        <v>0</v>
      </c>
      <c r="U15" s="61">
        <v>2</v>
      </c>
      <c r="V15" s="61">
        <v>0</v>
      </c>
      <c r="W15" s="62">
        <v>7</v>
      </c>
      <c r="X15" s="63">
        <v>9</v>
      </c>
      <c r="Y15" s="60">
        <v>5</v>
      </c>
      <c r="Z15" s="61">
        <v>1</v>
      </c>
      <c r="AA15" s="62">
        <v>6</v>
      </c>
      <c r="AB15" s="228">
        <v>0</v>
      </c>
      <c r="AC15" s="61">
        <v>6</v>
      </c>
      <c r="AD15" s="61">
        <v>1</v>
      </c>
      <c r="AE15" s="61">
        <v>5</v>
      </c>
      <c r="AF15" s="61">
        <v>1</v>
      </c>
      <c r="AG15" s="61">
        <v>1</v>
      </c>
      <c r="AH15" s="62">
        <v>14</v>
      </c>
      <c r="AI15" s="63">
        <v>20</v>
      </c>
      <c r="AJ15" s="60">
        <v>7</v>
      </c>
      <c r="AK15" s="61">
        <v>9</v>
      </c>
      <c r="AL15" s="62">
        <v>16</v>
      </c>
      <c r="AM15" s="228">
        <v>0</v>
      </c>
      <c r="AN15" s="61">
        <v>23</v>
      </c>
      <c r="AO15" s="61">
        <v>6</v>
      </c>
      <c r="AP15" s="61">
        <v>8</v>
      </c>
      <c r="AQ15" s="61">
        <v>3</v>
      </c>
      <c r="AR15" s="61">
        <v>1</v>
      </c>
      <c r="AS15" s="62">
        <v>41</v>
      </c>
      <c r="AT15" s="63">
        <v>57</v>
      </c>
      <c r="AU15" s="60">
        <v>9</v>
      </c>
      <c r="AV15" s="61">
        <v>9</v>
      </c>
      <c r="AW15" s="62">
        <v>18</v>
      </c>
      <c r="AX15" s="228">
        <v>0</v>
      </c>
      <c r="AY15" s="61">
        <v>22</v>
      </c>
      <c r="AZ15" s="61">
        <v>13</v>
      </c>
      <c r="BA15" s="61">
        <v>7</v>
      </c>
      <c r="BB15" s="61">
        <v>11</v>
      </c>
      <c r="BC15" s="61">
        <v>2</v>
      </c>
      <c r="BD15" s="62">
        <v>55</v>
      </c>
      <c r="BE15" s="63">
        <v>73</v>
      </c>
      <c r="BF15" s="60">
        <v>19</v>
      </c>
      <c r="BG15" s="61">
        <v>15</v>
      </c>
      <c r="BH15" s="62">
        <v>34</v>
      </c>
      <c r="BI15" s="228">
        <v>0</v>
      </c>
      <c r="BJ15" s="61">
        <v>25</v>
      </c>
      <c r="BK15" s="61">
        <v>14</v>
      </c>
      <c r="BL15" s="61">
        <v>7</v>
      </c>
      <c r="BM15" s="61">
        <v>7</v>
      </c>
      <c r="BN15" s="61">
        <v>5</v>
      </c>
      <c r="BO15" s="62">
        <v>58</v>
      </c>
      <c r="BP15" s="63">
        <v>92</v>
      </c>
      <c r="BQ15" s="60">
        <v>8</v>
      </c>
      <c r="BR15" s="61">
        <v>10</v>
      </c>
      <c r="BS15" s="62">
        <v>18</v>
      </c>
      <c r="BT15" s="228">
        <v>0</v>
      </c>
      <c r="BU15" s="61">
        <v>21</v>
      </c>
      <c r="BV15" s="61">
        <v>9</v>
      </c>
      <c r="BW15" s="61">
        <v>14</v>
      </c>
      <c r="BX15" s="61">
        <v>8</v>
      </c>
      <c r="BY15" s="61">
        <v>2</v>
      </c>
      <c r="BZ15" s="62">
        <v>54</v>
      </c>
      <c r="CA15" s="63">
        <v>72</v>
      </c>
      <c r="CB15" s="60">
        <v>0</v>
      </c>
      <c r="CC15" s="61">
        <v>0</v>
      </c>
      <c r="CD15" s="62">
        <v>0</v>
      </c>
      <c r="CE15" s="228">
        <v>0</v>
      </c>
      <c r="CF15" s="61">
        <v>0</v>
      </c>
      <c r="CG15" s="61">
        <v>0</v>
      </c>
      <c r="CH15" s="61">
        <v>0</v>
      </c>
      <c r="CI15" s="61">
        <v>0</v>
      </c>
      <c r="CJ15" s="61">
        <v>0</v>
      </c>
      <c r="CK15" s="62">
        <v>0</v>
      </c>
      <c r="CL15" s="63">
        <v>0</v>
      </c>
      <c r="CM15" s="60">
        <v>49</v>
      </c>
      <c r="CN15" s="61">
        <v>45</v>
      </c>
      <c r="CO15" s="62">
        <v>94</v>
      </c>
      <c r="CP15" s="228">
        <v>0</v>
      </c>
      <c r="CQ15" s="61">
        <v>102</v>
      </c>
      <c r="CR15" s="61">
        <v>43</v>
      </c>
      <c r="CS15" s="61">
        <v>41</v>
      </c>
      <c r="CT15" s="61">
        <v>32</v>
      </c>
      <c r="CU15" s="61">
        <v>11</v>
      </c>
      <c r="CV15" s="62">
        <v>229</v>
      </c>
      <c r="CW15" s="63">
        <v>323</v>
      </c>
      <c r="CX15" s="113">
        <v>22</v>
      </c>
      <c r="CY15" s="72">
        <v>19</v>
      </c>
      <c r="CZ15" s="73">
        <v>41</v>
      </c>
      <c r="DA15" s="228">
        <v>0</v>
      </c>
      <c r="DB15" s="72">
        <v>47</v>
      </c>
      <c r="DC15" s="72">
        <v>18</v>
      </c>
      <c r="DD15" s="72">
        <v>27</v>
      </c>
      <c r="DE15" s="72">
        <v>34</v>
      </c>
      <c r="DF15" s="72">
        <v>13</v>
      </c>
      <c r="DG15" s="74">
        <v>139</v>
      </c>
      <c r="DH15" s="75">
        <v>180</v>
      </c>
      <c r="DI15" s="60">
        <v>0</v>
      </c>
      <c r="DJ15" s="61">
        <v>1</v>
      </c>
      <c r="DK15" s="62">
        <v>1</v>
      </c>
      <c r="DL15" s="228">
        <v>0</v>
      </c>
      <c r="DM15" s="61">
        <v>3</v>
      </c>
      <c r="DN15" s="61">
        <v>0</v>
      </c>
      <c r="DO15" s="61">
        <v>0</v>
      </c>
      <c r="DP15" s="61">
        <v>0</v>
      </c>
      <c r="DQ15" s="61">
        <v>0</v>
      </c>
      <c r="DR15" s="62">
        <v>3</v>
      </c>
      <c r="DS15" s="63">
        <v>4</v>
      </c>
      <c r="DT15" s="60">
        <v>0</v>
      </c>
      <c r="DU15" s="61">
        <v>1</v>
      </c>
      <c r="DV15" s="62">
        <v>1</v>
      </c>
      <c r="DW15" s="228">
        <v>0</v>
      </c>
      <c r="DX15" s="61">
        <v>3</v>
      </c>
      <c r="DY15" s="61">
        <v>1</v>
      </c>
      <c r="DZ15" s="61">
        <v>0</v>
      </c>
      <c r="EA15" s="61">
        <v>2</v>
      </c>
      <c r="EB15" s="61">
        <v>1</v>
      </c>
      <c r="EC15" s="62">
        <v>7</v>
      </c>
      <c r="ED15" s="63">
        <v>8</v>
      </c>
      <c r="EE15" s="60">
        <v>3</v>
      </c>
      <c r="EF15" s="61">
        <v>3</v>
      </c>
      <c r="EG15" s="62">
        <v>6</v>
      </c>
      <c r="EH15" s="228">
        <v>0</v>
      </c>
      <c r="EI15" s="61">
        <v>5</v>
      </c>
      <c r="EJ15" s="61">
        <v>2</v>
      </c>
      <c r="EK15" s="61">
        <v>2</v>
      </c>
      <c r="EL15" s="61">
        <v>1</v>
      </c>
      <c r="EM15" s="61">
        <v>1</v>
      </c>
      <c r="EN15" s="62">
        <v>11</v>
      </c>
      <c r="EO15" s="63">
        <v>17</v>
      </c>
      <c r="EP15" s="60">
        <v>2</v>
      </c>
      <c r="EQ15" s="61">
        <v>4</v>
      </c>
      <c r="ER15" s="62">
        <v>6</v>
      </c>
      <c r="ES15" s="228">
        <v>0</v>
      </c>
      <c r="ET15" s="61">
        <v>8</v>
      </c>
      <c r="EU15" s="61">
        <v>3</v>
      </c>
      <c r="EV15" s="61">
        <v>3</v>
      </c>
      <c r="EW15" s="61">
        <v>2</v>
      </c>
      <c r="EX15" s="61">
        <v>1</v>
      </c>
      <c r="EY15" s="62">
        <v>17</v>
      </c>
      <c r="EZ15" s="63">
        <v>23</v>
      </c>
      <c r="FA15" s="60">
        <v>15</v>
      </c>
      <c r="FB15" s="61">
        <v>5</v>
      </c>
      <c r="FC15" s="62">
        <v>20</v>
      </c>
      <c r="FD15" s="228">
        <v>0</v>
      </c>
      <c r="FE15" s="61">
        <v>16</v>
      </c>
      <c r="FF15" s="61">
        <v>8</v>
      </c>
      <c r="FG15" s="61">
        <v>10</v>
      </c>
      <c r="FH15" s="61">
        <v>8</v>
      </c>
      <c r="FI15" s="61">
        <v>4</v>
      </c>
      <c r="FJ15" s="62">
        <v>46</v>
      </c>
      <c r="FK15" s="63">
        <v>66</v>
      </c>
      <c r="FL15" s="60">
        <v>2</v>
      </c>
      <c r="FM15" s="61">
        <v>5</v>
      </c>
      <c r="FN15" s="62">
        <v>7</v>
      </c>
      <c r="FO15" s="228">
        <v>0</v>
      </c>
      <c r="FP15" s="61">
        <v>12</v>
      </c>
      <c r="FQ15" s="61">
        <v>4</v>
      </c>
      <c r="FR15" s="61">
        <v>12</v>
      </c>
      <c r="FS15" s="61">
        <v>21</v>
      </c>
      <c r="FT15" s="61">
        <v>6</v>
      </c>
      <c r="FU15" s="62">
        <v>55</v>
      </c>
      <c r="FV15" s="63">
        <v>62</v>
      </c>
      <c r="FW15" s="60">
        <v>0</v>
      </c>
      <c r="FX15" s="61">
        <v>0</v>
      </c>
      <c r="FY15" s="62">
        <v>0</v>
      </c>
      <c r="FZ15" s="228">
        <v>0</v>
      </c>
      <c r="GA15" s="61">
        <v>0</v>
      </c>
      <c r="GB15" s="61">
        <v>0</v>
      </c>
      <c r="GC15" s="61">
        <v>0</v>
      </c>
      <c r="GD15" s="61">
        <v>0</v>
      </c>
      <c r="GE15" s="61">
        <v>0</v>
      </c>
      <c r="GF15" s="62">
        <v>0</v>
      </c>
      <c r="GG15" s="63">
        <v>0</v>
      </c>
      <c r="GH15" s="60">
        <v>22</v>
      </c>
      <c r="GI15" s="61">
        <v>19</v>
      </c>
      <c r="GJ15" s="62">
        <v>41</v>
      </c>
      <c r="GK15" s="228">
        <v>0</v>
      </c>
      <c r="GL15" s="61">
        <v>47</v>
      </c>
      <c r="GM15" s="61">
        <v>18</v>
      </c>
      <c r="GN15" s="61">
        <v>27</v>
      </c>
      <c r="GO15" s="61">
        <v>34</v>
      </c>
      <c r="GP15" s="61">
        <v>13</v>
      </c>
      <c r="GQ15" s="62">
        <v>139</v>
      </c>
      <c r="GR15" s="63">
        <v>180</v>
      </c>
      <c r="GS15" s="113">
        <v>71</v>
      </c>
      <c r="GT15" s="72">
        <v>64</v>
      </c>
      <c r="GU15" s="73">
        <v>135</v>
      </c>
      <c r="GV15" s="228">
        <v>0</v>
      </c>
      <c r="GW15" s="72">
        <v>149</v>
      </c>
      <c r="GX15" s="72">
        <v>61</v>
      </c>
      <c r="GY15" s="72">
        <v>68</v>
      </c>
      <c r="GZ15" s="72">
        <v>66</v>
      </c>
      <c r="HA15" s="72">
        <v>24</v>
      </c>
      <c r="HB15" s="74">
        <v>368</v>
      </c>
      <c r="HC15" s="75">
        <v>503</v>
      </c>
      <c r="HD15" s="60">
        <v>1</v>
      </c>
      <c r="HE15" s="61">
        <v>2</v>
      </c>
      <c r="HF15" s="62">
        <v>3</v>
      </c>
      <c r="HG15" s="228">
        <v>0</v>
      </c>
      <c r="HH15" s="61">
        <v>8</v>
      </c>
      <c r="HI15" s="61">
        <v>0</v>
      </c>
      <c r="HJ15" s="61">
        <v>0</v>
      </c>
      <c r="HK15" s="61">
        <v>2</v>
      </c>
      <c r="HL15" s="61">
        <v>0</v>
      </c>
      <c r="HM15" s="62">
        <v>10</v>
      </c>
      <c r="HN15" s="63">
        <v>13</v>
      </c>
      <c r="HO15" s="60">
        <v>5</v>
      </c>
      <c r="HP15" s="61">
        <v>2</v>
      </c>
      <c r="HQ15" s="62">
        <v>7</v>
      </c>
      <c r="HR15" s="228">
        <v>0</v>
      </c>
      <c r="HS15" s="61">
        <v>9</v>
      </c>
      <c r="HT15" s="61">
        <v>2</v>
      </c>
      <c r="HU15" s="61">
        <v>5</v>
      </c>
      <c r="HV15" s="61">
        <v>3</v>
      </c>
      <c r="HW15" s="61">
        <v>2</v>
      </c>
      <c r="HX15" s="62">
        <v>21</v>
      </c>
      <c r="HY15" s="63">
        <v>28</v>
      </c>
      <c r="HZ15" s="60">
        <v>10</v>
      </c>
      <c r="IA15" s="61">
        <v>12</v>
      </c>
      <c r="IB15" s="62">
        <v>22</v>
      </c>
      <c r="IC15" s="228">
        <v>0</v>
      </c>
      <c r="ID15" s="61">
        <v>28</v>
      </c>
      <c r="IE15" s="61">
        <v>8</v>
      </c>
      <c r="IF15" s="61">
        <v>10</v>
      </c>
      <c r="IG15" s="61">
        <v>4</v>
      </c>
      <c r="IH15" s="61">
        <v>2</v>
      </c>
      <c r="II15" s="62">
        <v>52</v>
      </c>
      <c r="IJ15" s="63">
        <v>74</v>
      </c>
      <c r="IK15" s="60">
        <v>11</v>
      </c>
      <c r="IL15" s="61">
        <v>13</v>
      </c>
      <c r="IM15" s="62">
        <v>24</v>
      </c>
      <c r="IN15" s="228">
        <v>0</v>
      </c>
      <c r="IO15" s="61">
        <v>30</v>
      </c>
      <c r="IP15" s="61">
        <v>16</v>
      </c>
      <c r="IQ15" s="61">
        <v>10</v>
      </c>
      <c r="IR15" s="61">
        <v>13</v>
      </c>
      <c r="IS15" s="61">
        <v>3</v>
      </c>
      <c r="IT15" s="62">
        <v>72</v>
      </c>
      <c r="IU15" s="63">
        <v>96</v>
      </c>
      <c r="IV15" s="60">
        <v>34</v>
      </c>
      <c r="IW15" s="61">
        <v>20</v>
      </c>
      <c r="IX15" s="62">
        <v>54</v>
      </c>
      <c r="IY15" s="228">
        <v>0</v>
      </c>
      <c r="IZ15" s="61">
        <v>41</v>
      </c>
      <c r="JA15" s="61">
        <v>22</v>
      </c>
      <c r="JB15" s="61">
        <v>17</v>
      </c>
      <c r="JC15" s="61">
        <v>15</v>
      </c>
      <c r="JD15" s="61">
        <v>9</v>
      </c>
      <c r="JE15" s="62">
        <v>104</v>
      </c>
      <c r="JF15" s="63">
        <v>158</v>
      </c>
      <c r="JG15" s="60">
        <v>10</v>
      </c>
      <c r="JH15" s="61">
        <v>15</v>
      </c>
      <c r="JI15" s="62">
        <v>25</v>
      </c>
      <c r="JJ15" s="228">
        <v>0</v>
      </c>
      <c r="JK15" s="61">
        <v>33</v>
      </c>
      <c r="JL15" s="61">
        <v>13</v>
      </c>
      <c r="JM15" s="61">
        <v>26</v>
      </c>
      <c r="JN15" s="61">
        <v>29</v>
      </c>
      <c r="JO15" s="61">
        <v>8</v>
      </c>
      <c r="JP15" s="62">
        <v>109</v>
      </c>
      <c r="JQ15" s="63">
        <v>134</v>
      </c>
      <c r="JR15" s="60">
        <v>0</v>
      </c>
      <c r="JS15" s="61">
        <v>0</v>
      </c>
      <c r="JT15" s="62">
        <v>0</v>
      </c>
      <c r="JU15" s="228">
        <v>0</v>
      </c>
      <c r="JV15" s="61">
        <v>0</v>
      </c>
      <c r="JW15" s="61">
        <v>0</v>
      </c>
      <c r="JX15" s="61">
        <v>0</v>
      </c>
      <c r="JY15" s="61">
        <v>0</v>
      </c>
      <c r="JZ15" s="61">
        <v>0</v>
      </c>
      <c r="KA15" s="62">
        <v>0</v>
      </c>
      <c r="KB15" s="63">
        <v>0</v>
      </c>
      <c r="KC15" s="60">
        <v>71</v>
      </c>
      <c r="KD15" s="61">
        <v>64</v>
      </c>
      <c r="KE15" s="62">
        <v>135</v>
      </c>
      <c r="KF15" s="228">
        <v>0</v>
      </c>
      <c r="KG15" s="61">
        <v>149</v>
      </c>
      <c r="KH15" s="61">
        <v>61</v>
      </c>
      <c r="KI15" s="61">
        <v>68</v>
      </c>
      <c r="KJ15" s="61">
        <v>66</v>
      </c>
      <c r="KK15" s="61">
        <v>24</v>
      </c>
      <c r="KL15" s="62">
        <v>368</v>
      </c>
      <c r="KM15" s="63">
        <v>503</v>
      </c>
    </row>
    <row r="16" spans="2:299" ht="21" customHeight="1" x14ac:dyDescent="0.2">
      <c r="B16" s="472" t="s">
        <v>12</v>
      </c>
      <c r="C16" s="293">
        <v>128</v>
      </c>
      <c r="D16" s="72">
        <v>107</v>
      </c>
      <c r="E16" s="73">
        <v>235</v>
      </c>
      <c r="F16" s="228">
        <v>0</v>
      </c>
      <c r="G16" s="72">
        <v>116</v>
      </c>
      <c r="H16" s="72">
        <v>83</v>
      </c>
      <c r="I16" s="72">
        <v>48</v>
      </c>
      <c r="J16" s="72">
        <v>61</v>
      </c>
      <c r="K16" s="72">
        <v>35</v>
      </c>
      <c r="L16" s="74">
        <v>343</v>
      </c>
      <c r="M16" s="75">
        <v>578</v>
      </c>
      <c r="N16" s="76">
        <v>4</v>
      </c>
      <c r="O16" s="61">
        <v>5</v>
      </c>
      <c r="P16" s="62">
        <v>9</v>
      </c>
      <c r="Q16" s="228">
        <v>0</v>
      </c>
      <c r="R16" s="61">
        <v>2</v>
      </c>
      <c r="S16" s="61">
        <v>3</v>
      </c>
      <c r="T16" s="61">
        <v>3</v>
      </c>
      <c r="U16" s="61">
        <v>3</v>
      </c>
      <c r="V16" s="61">
        <v>1</v>
      </c>
      <c r="W16" s="62">
        <v>12</v>
      </c>
      <c r="X16" s="63">
        <v>21</v>
      </c>
      <c r="Y16" s="60">
        <v>9</v>
      </c>
      <c r="Z16" s="61">
        <v>12</v>
      </c>
      <c r="AA16" s="62">
        <v>21</v>
      </c>
      <c r="AB16" s="228">
        <v>0</v>
      </c>
      <c r="AC16" s="61">
        <v>6</v>
      </c>
      <c r="AD16" s="61">
        <v>5</v>
      </c>
      <c r="AE16" s="61">
        <v>3</v>
      </c>
      <c r="AF16" s="61">
        <v>2</v>
      </c>
      <c r="AG16" s="61">
        <v>3</v>
      </c>
      <c r="AH16" s="62">
        <v>19</v>
      </c>
      <c r="AI16" s="63">
        <v>40</v>
      </c>
      <c r="AJ16" s="76">
        <v>15</v>
      </c>
      <c r="AK16" s="61">
        <v>10</v>
      </c>
      <c r="AL16" s="62">
        <v>25</v>
      </c>
      <c r="AM16" s="228">
        <v>0</v>
      </c>
      <c r="AN16" s="61">
        <v>9</v>
      </c>
      <c r="AO16" s="61">
        <v>11</v>
      </c>
      <c r="AP16" s="61">
        <v>1</v>
      </c>
      <c r="AQ16" s="61">
        <v>7</v>
      </c>
      <c r="AR16" s="61">
        <v>1</v>
      </c>
      <c r="AS16" s="62">
        <v>29</v>
      </c>
      <c r="AT16" s="63">
        <v>54</v>
      </c>
      <c r="AU16" s="60">
        <v>29</v>
      </c>
      <c r="AV16" s="61">
        <v>30</v>
      </c>
      <c r="AW16" s="62">
        <v>59</v>
      </c>
      <c r="AX16" s="228">
        <v>0</v>
      </c>
      <c r="AY16" s="61">
        <v>27</v>
      </c>
      <c r="AZ16" s="61">
        <v>18</v>
      </c>
      <c r="BA16" s="61">
        <v>14</v>
      </c>
      <c r="BB16" s="61">
        <v>13</v>
      </c>
      <c r="BC16" s="61">
        <v>12</v>
      </c>
      <c r="BD16" s="62">
        <v>84</v>
      </c>
      <c r="BE16" s="63">
        <v>143</v>
      </c>
      <c r="BF16" s="76">
        <v>41</v>
      </c>
      <c r="BG16" s="61">
        <v>26</v>
      </c>
      <c r="BH16" s="62">
        <v>67</v>
      </c>
      <c r="BI16" s="228">
        <v>0</v>
      </c>
      <c r="BJ16" s="61">
        <v>37</v>
      </c>
      <c r="BK16" s="61">
        <v>24</v>
      </c>
      <c r="BL16" s="61">
        <v>13</v>
      </c>
      <c r="BM16" s="61">
        <v>20</v>
      </c>
      <c r="BN16" s="61">
        <v>7</v>
      </c>
      <c r="BO16" s="62">
        <v>101</v>
      </c>
      <c r="BP16" s="63">
        <v>168</v>
      </c>
      <c r="BQ16" s="60">
        <v>30</v>
      </c>
      <c r="BR16" s="61">
        <v>24</v>
      </c>
      <c r="BS16" s="62">
        <v>54</v>
      </c>
      <c r="BT16" s="228">
        <v>0</v>
      </c>
      <c r="BU16" s="61">
        <v>35</v>
      </c>
      <c r="BV16" s="61">
        <v>22</v>
      </c>
      <c r="BW16" s="61">
        <v>14</v>
      </c>
      <c r="BX16" s="61">
        <v>16</v>
      </c>
      <c r="BY16" s="61">
        <v>11</v>
      </c>
      <c r="BZ16" s="62">
        <v>98</v>
      </c>
      <c r="CA16" s="63">
        <v>152</v>
      </c>
      <c r="CB16" s="60">
        <v>0</v>
      </c>
      <c r="CC16" s="61">
        <v>0</v>
      </c>
      <c r="CD16" s="62">
        <v>0</v>
      </c>
      <c r="CE16" s="228">
        <v>0</v>
      </c>
      <c r="CF16" s="61">
        <v>0</v>
      </c>
      <c r="CG16" s="61">
        <v>0</v>
      </c>
      <c r="CH16" s="61">
        <v>0</v>
      </c>
      <c r="CI16" s="61">
        <v>0</v>
      </c>
      <c r="CJ16" s="61">
        <v>0</v>
      </c>
      <c r="CK16" s="62">
        <v>0</v>
      </c>
      <c r="CL16" s="63">
        <v>0</v>
      </c>
      <c r="CM16" s="60">
        <v>128</v>
      </c>
      <c r="CN16" s="61">
        <v>107</v>
      </c>
      <c r="CO16" s="62">
        <v>235</v>
      </c>
      <c r="CP16" s="228">
        <v>0</v>
      </c>
      <c r="CQ16" s="61">
        <v>116</v>
      </c>
      <c r="CR16" s="61">
        <v>83</v>
      </c>
      <c r="CS16" s="61">
        <v>48</v>
      </c>
      <c r="CT16" s="61">
        <v>61</v>
      </c>
      <c r="CU16" s="61">
        <v>35</v>
      </c>
      <c r="CV16" s="62">
        <v>343</v>
      </c>
      <c r="CW16" s="63">
        <v>578</v>
      </c>
      <c r="CX16" s="113">
        <v>38</v>
      </c>
      <c r="CY16" s="72">
        <v>35</v>
      </c>
      <c r="CZ16" s="73">
        <v>73</v>
      </c>
      <c r="DA16" s="228">
        <v>0</v>
      </c>
      <c r="DB16" s="72">
        <v>43</v>
      </c>
      <c r="DC16" s="72">
        <v>29</v>
      </c>
      <c r="DD16" s="72">
        <v>23</v>
      </c>
      <c r="DE16" s="72">
        <v>34</v>
      </c>
      <c r="DF16" s="72">
        <v>10</v>
      </c>
      <c r="DG16" s="74">
        <v>139</v>
      </c>
      <c r="DH16" s="75">
        <v>212</v>
      </c>
      <c r="DI16" s="76">
        <v>1</v>
      </c>
      <c r="DJ16" s="61">
        <v>0</v>
      </c>
      <c r="DK16" s="62">
        <v>1</v>
      </c>
      <c r="DL16" s="228">
        <v>0</v>
      </c>
      <c r="DM16" s="61">
        <v>1</v>
      </c>
      <c r="DN16" s="61">
        <v>0</v>
      </c>
      <c r="DO16" s="61">
        <v>1</v>
      </c>
      <c r="DP16" s="61">
        <v>0</v>
      </c>
      <c r="DQ16" s="61">
        <v>0</v>
      </c>
      <c r="DR16" s="62">
        <v>2</v>
      </c>
      <c r="DS16" s="63">
        <v>3</v>
      </c>
      <c r="DT16" s="60">
        <v>3</v>
      </c>
      <c r="DU16" s="61">
        <v>2</v>
      </c>
      <c r="DV16" s="62">
        <v>5</v>
      </c>
      <c r="DW16" s="228">
        <v>0</v>
      </c>
      <c r="DX16" s="61">
        <v>1</v>
      </c>
      <c r="DY16" s="61">
        <v>1</v>
      </c>
      <c r="DZ16" s="61">
        <v>0</v>
      </c>
      <c r="EA16" s="61">
        <v>1</v>
      </c>
      <c r="EB16" s="61">
        <v>1</v>
      </c>
      <c r="EC16" s="62">
        <v>4</v>
      </c>
      <c r="ED16" s="63">
        <v>9</v>
      </c>
      <c r="EE16" s="76">
        <v>7</v>
      </c>
      <c r="EF16" s="61">
        <v>2</v>
      </c>
      <c r="EG16" s="62">
        <v>9</v>
      </c>
      <c r="EH16" s="228">
        <v>0</v>
      </c>
      <c r="EI16" s="61">
        <v>3</v>
      </c>
      <c r="EJ16" s="61">
        <v>3</v>
      </c>
      <c r="EK16" s="61">
        <v>0</v>
      </c>
      <c r="EL16" s="61">
        <v>1</v>
      </c>
      <c r="EM16" s="61">
        <v>2</v>
      </c>
      <c r="EN16" s="62">
        <v>9</v>
      </c>
      <c r="EO16" s="63">
        <v>18</v>
      </c>
      <c r="EP16" s="60">
        <v>9</v>
      </c>
      <c r="EQ16" s="61">
        <v>12</v>
      </c>
      <c r="ER16" s="62">
        <v>21</v>
      </c>
      <c r="ES16" s="228">
        <v>0</v>
      </c>
      <c r="ET16" s="61">
        <v>10</v>
      </c>
      <c r="EU16" s="61">
        <v>5</v>
      </c>
      <c r="EV16" s="61">
        <v>5</v>
      </c>
      <c r="EW16" s="61">
        <v>7</v>
      </c>
      <c r="EX16" s="61">
        <v>2</v>
      </c>
      <c r="EY16" s="62">
        <v>29</v>
      </c>
      <c r="EZ16" s="63">
        <v>50</v>
      </c>
      <c r="FA16" s="76">
        <v>11</v>
      </c>
      <c r="FB16" s="61">
        <v>12</v>
      </c>
      <c r="FC16" s="62">
        <v>23</v>
      </c>
      <c r="FD16" s="228">
        <v>0</v>
      </c>
      <c r="FE16" s="61">
        <v>11</v>
      </c>
      <c r="FF16" s="61">
        <v>12</v>
      </c>
      <c r="FG16" s="61">
        <v>8</v>
      </c>
      <c r="FH16" s="61">
        <v>3</v>
      </c>
      <c r="FI16" s="61">
        <v>1</v>
      </c>
      <c r="FJ16" s="62">
        <v>35</v>
      </c>
      <c r="FK16" s="63">
        <v>58</v>
      </c>
      <c r="FL16" s="60">
        <v>7</v>
      </c>
      <c r="FM16" s="61">
        <v>7</v>
      </c>
      <c r="FN16" s="62">
        <v>14</v>
      </c>
      <c r="FO16" s="228">
        <v>0</v>
      </c>
      <c r="FP16" s="61">
        <v>17</v>
      </c>
      <c r="FQ16" s="61">
        <v>8</v>
      </c>
      <c r="FR16" s="61">
        <v>9</v>
      </c>
      <c r="FS16" s="61">
        <v>22</v>
      </c>
      <c r="FT16" s="61">
        <v>4</v>
      </c>
      <c r="FU16" s="62">
        <v>60</v>
      </c>
      <c r="FV16" s="63">
        <v>74</v>
      </c>
      <c r="FW16" s="60">
        <v>0</v>
      </c>
      <c r="FX16" s="61">
        <v>0</v>
      </c>
      <c r="FY16" s="62">
        <v>0</v>
      </c>
      <c r="FZ16" s="228">
        <v>0</v>
      </c>
      <c r="GA16" s="61">
        <v>0</v>
      </c>
      <c r="GB16" s="61">
        <v>0</v>
      </c>
      <c r="GC16" s="61">
        <v>0</v>
      </c>
      <c r="GD16" s="61">
        <v>0</v>
      </c>
      <c r="GE16" s="61">
        <v>0</v>
      </c>
      <c r="GF16" s="62">
        <v>0</v>
      </c>
      <c r="GG16" s="63">
        <v>0</v>
      </c>
      <c r="GH16" s="60">
        <v>38</v>
      </c>
      <c r="GI16" s="61">
        <v>35</v>
      </c>
      <c r="GJ16" s="62">
        <v>73</v>
      </c>
      <c r="GK16" s="228">
        <v>0</v>
      </c>
      <c r="GL16" s="61">
        <v>43</v>
      </c>
      <c r="GM16" s="61">
        <v>29</v>
      </c>
      <c r="GN16" s="61">
        <v>23</v>
      </c>
      <c r="GO16" s="61">
        <v>34</v>
      </c>
      <c r="GP16" s="61">
        <v>10</v>
      </c>
      <c r="GQ16" s="62">
        <v>139</v>
      </c>
      <c r="GR16" s="63">
        <v>212</v>
      </c>
      <c r="GS16" s="113">
        <v>166</v>
      </c>
      <c r="GT16" s="72">
        <v>142</v>
      </c>
      <c r="GU16" s="73">
        <v>308</v>
      </c>
      <c r="GV16" s="228">
        <v>0</v>
      </c>
      <c r="GW16" s="72">
        <v>159</v>
      </c>
      <c r="GX16" s="72">
        <v>112</v>
      </c>
      <c r="GY16" s="72">
        <v>71</v>
      </c>
      <c r="GZ16" s="72">
        <v>95</v>
      </c>
      <c r="HA16" s="72">
        <v>45</v>
      </c>
      <c r="HB16" s="74">
        <v>482</v>
      </c>
      <c r="HC16" s="75">
        <v>790</v>
      </c>
      <c r="HD16" s="76">
        <v>5</v>
      </c>
      <c r="HE16" s="61">
        <v>5</v>
      </c>
      <c r="HF16" s="62">
        <v>10</v>
      </c>
      <c r="HG16" s="228">
        <v>0</v>
      </c>
      <c r="HH16" s="61">
        <v>3</v>
      </c>
      <c r="HI16" s="61">
        <v>3</v>
      </c>
      <c r="HJ16" s="61">
        <v>4</v>
      </c>
      <c r="HK16" s="61">
        <v>3</v>
      </c>
      <c r="HL16" s="61">
        <v>1</v>
      </c>
      <c r="HM16" s="62">
        <v>14</v>
      </c>
      <c r="HN16" s="63">
        <v>24</v>
      </c>
      <c r="HO16" s="60">
        <v>12</v>
      </c>
      <c r="HP16" s="61">
        <v>14</v>
      </c>
      <c r="HQ16" s="62">
        <v>26</v>
      </c>
      <c r="HR16" s="228">
        <v>0</v>
      </c>
      <c r="HS16" s="61">
        <v>7</v>
      </c>
      <c r="HT16" s="61">
        <v>6</v>
      </c>
      <c r="HU16" s="61">
        <v>3</v>
      </c>
      <c r="HV16" s="61">
        <v>3</v>
      </c>
      <c r="HW16" s="61">
        <v>4</v>
      </c>
      <c r="HX16" s="62">
        <v>23</v>
      </c>
      <c r="HY16" s="63">
        <v>49</v>
      </c>
      <c r="HZ16" s="76">
        <v>22</v>
      </c>
      <c r="IA16" s="61">
        <v>12</v>
      </c>
      <c r="IB16" s="62">
        <v>34</v>
      </c>
      <c r="IC16" s="228">
        <v>0</v>
      </c>
      <c r="ID16" s="61">
        <v>12</v>
      </c>
      <c r="IE16" s="61">
        <v>14</v>
      </c>
      <c r="IF16" s="61">
        <v>1</v>
      </c>
      <c r="IG16" s="61">
        <v>8</v>
      </c>
      <c r="IH16" s="61">
        <v>3</v>
      </c>
      <c r="II16" s="62">
        <v>38</v>
      </c>
      <c r="IJ16" s="63">
        <v>72</v>
      </c>
      <c r="IK16" s="60">
        <v>38</v>
      </c>
      <c r="IL16" s="61">
        <v>42</v>
      </c>
      <c r="IM16" s="62">
        <v>80</v>
      </c>
      <c r="IN16" s="228">
        <v>0</v>
      </c>
      <c r="IO16" s="61">
        <v>37</v>
      </c>
      <c r="IP16" s="61">
        <v>23</v>
      </c>
      <c r="IQ16" s="61">
        <v>19</v>
      </c>
      <c r="IR16" s="61">
        <v>20</v>
      </c>
      <c r="IS16" s="61">
        <v>14</v>
      </c>
      <c r="IT16" s="62">
        <v>113</v>
      </c>
      <c r="IU16" s="63">
        <v>193</v>
      </c>
      <c r="IV16" s="76">
        <v>52</v>
      </c>
      <c r="IW16" s="61">
        <v>38</v>
      </c>
      <c r="IX16" s="62">
        <v>90</v>
      </c>
      <c r="IY16" s="228">
        <v>0</v>
      </c>
      <c r="IZ16" s="61">
        <v>48</v>
      </c>
      <c r="JA16" s="61">
        <v>36</v>
      </c>
      <c r="JB16" s="61">
        <v>21</v>
      </c>
      <c r="JC16" s="61">
        <v>23</v>
      </c>
      <c r="JD16" s="61">
        <v>8</v>
      </c>
      <c r="JE16" s="62">
        <v>136</v>
      </c>
      <c r="JF16" s="63">
        <v>226</v>
      </c>
      <c r="JG16" s="60">
        <v>37</v>
      </c>
      <c r="JH16" s="61">
        <v>31</v>
      </c>
      <c r="JI16" s="62">
        <v>68</v>
      </c>
      <c r="JJ16" s="228">
        <v>0</v>
      </c>
      <c r="JK16" s="61">
        <v>52</v>
      </c>
      <c r="JL16" s="61">
        <v>30</v>
      </c>
      <c r="JM16" s="61">
        <v>23</v>
      </c>
      <c r="JN16" s="61">
        <v>38</v>
      </c>
      <c r="JO16" s="61">
        <v>15</v>
      </c>
      <c r="JP16" s="62">
        <v>158</v>
      </c>
      <c r="JQ16" s="63">
        <v>226</v>
      </c>
      <c r="JR16" s="60">
        <v>0</v>
      </c>
      <c r="JS16" s="61">
        <v>0</v>
      </c>
      <c r="JT16" s="62">
        <v>0</v>
      </c>
      <c r="JU16" s="228">
        <v>0</v>
      </c>
      <c r="JV16" s="61">
        <v>0</v>
      </c>
      <c r="JW16" s="61">
        <v>0</v>
      </c>
      <c r="JX16" s="61">
        <v>0</v>
      </c>
      <c r="JY16" s="61">
        <v>0</v>
      </c>
      <c r="JZ16" s="61">
        <v>0</v>
      </c>
      <c r="KA16" s="62">
        <v>0</v>
      </c>
      <c r="KB16" s="63">
        <v>0</v>
      </c>
      <c r="KC16" s="60">
        <v>166</v>
      </c>
      <c r="KD16" s="61">
        <v>142</v>
      </c>
      <c r="KE16" s="62">
        <v>308</v>
      </c>
      <c r="KF16" s="228">
        <v>0</v>
      </c>
      <c r="KG16" s="61">
        <v>159</v>
      </c>
      <c r="KH16" s="61">
        <v>112</v>
      </c>
      <c r="KI16" s="61">
        <v>71</v>
      </c>
      <c r="KJ16" s="61">
        <v>95</v>
      </c>
      <c r="KK16" s="61">
        <v>45</v>
      </c>
      <c r="KL16" s="62">
        <v>482</v>
      </c>
      <c r="KM16" s="63">
        <v>790</v>
      </c>
    </row>
    <row r="17" spans="2:299" ht="21" customHeight="1" x14ac:dyDescent="0.2">
      <c r="B17" s="472" t="s">
        <v>13</v>
      </c>
      <c r="C17" s="293">
        <v>50</v>
      </c>
      <c r="D17" s="72">
        <v>45</v>
      </c>
      <c r="E17" s="73">
        <v>95</v>
      </c>
      <c r="F17" s="228">
        <v>0</v>
      </c>
      <c r="G17" s="72">
        <v>64</v>
      </c>
      <c r="H17" s="72">
        <v>54</v>
      </c>
      <c r="I17" s="72">
        <v>28</v>
      </c>
      <c r="J17" s="72">
        <v>24</v>
      </c>
      <c r="K17" s="72">
        <v>19</v>
      </c>
      <c r="L17" s="74">
        <v>189</v>
      </c>
      <c r="M17" s="75">
        <v>284</v>
      </c>
      <c r="N17" s="60">
        <v>2</v>
      </c>
      <c r="O17" s="61">
        <v>1</v>
      </c>
      <c r="P17" s="62">
        <v>3</v>
      </c>
      <c r="Q17" s="228">
        <v>0</v>
      </c>
      <c r="R17" s="61">
        <v>1</v>
      </c>
      <c r="S17" s="61">
        <v>1</v>
      </c>
      <c r="T17" s="61">
        <v>1</v>
      </c>
      <c r="U17" s="61">
        <v>1</v>
      </c>
      <c r="V17" s="61">
        <v>0</v>
      </c>
      <c r="W17" s="62">
        <v>4</v>
      </c>
      <c r="X17" s="63">
        <v>7</v>
      </c>
      <c r="Y17" s="60">
        <v>3</v>
      </c>
      <c r="Z17" s="61">
        <v>2</v>
      </c>
      <c r="AA17" s="62">
        <v>5</v>
      </c>
      <c r="AB17" s="228">
        <v>0</v>
      </c>
      <c r="AC17" s="61">
        <v>5</v>
      </c>
      <c r="AD17" s="61">
        <v>2</v>
      </c>
      <c r="AE17" s="61">
        <v>0</v>
      </c>
      <c r="AF17" s="61">
        <v>1</v>
      </c>
      <c r="AG17" s="61">
        <v>0</v>
      </c>
      <c r="AH17" s="62">
        <v>8</v>
      </c>
      <c r="AI17" s="63">
        <v>13</v>
      </c>
      <c r="AJ17" s="60">
        <v>8</v>
      </c>
      <c r="AK17" s="61">
        <v>3</v>
      </c>
      <c r="AL17" s="62">
        <v>11</v>
      </c>
      <c r="AM17" s="228">
        <v>0</v>
      </c>
      <c r="AN17" s="61">
        <v>7</v>
      </c>
      <c r="AO17" s="61">
        <v>5</v>
      </c>
      <c r="AP17" s="61">
        <v>2</v>
      </c>
      <c r="AQ17" s="61">
        <v>1</v>
      </c>
      <c r="AR17" s="61">
        <v>1</v>
      </c>
      <c r="AS17" s="62">
        <v>16</v>
      </c>
      <c r="AT17" s="63">
        <v>27</v>
      </c>
      <c r="AU17" s="60">
        <v>9</v>
      </c>
      <c r="AV17" s="61">
        <v>9</v>
      </c>
      <c r="AW17" s="62">
        <v>18</v>
      </c>
      <c r="AX17" s="228">
        <v>0</v>
      </c>
      <c r="AY17" s="61">
        <v>18</v>
      </c>
      <c r="AZ17" s="61">
        <v>8</v>
      </c>
      <c r="BA17" s="61">
        <v>7</v>
      </c>
      <c r="BB17" s="61">
        <v>6</v>
      </c>
      <c r="BC17" s="61">
        <v>6</v>
      </c>
      <c r="BD17" s="62">
        <v>45</v>
      </c>
      <c r="BE17" s="63">
        <v>63</v>
      </c>
      <c r="BF17" s="60">
        <v>13</v>
      </c>
      <c r="BG17" s="61">
        <v>18</v>
      </c>
      <c r="BH17" s="62">
        <v>31</v>
      </c>
      <c r="BI17" s="228">
        <v>0</v>
      </c>
      <c r="BJ17" s="61">
        <v>17</v>
      </c>
      <c r="BK17" s="61">
        <v>18</v>
      </c>
      <c r="BL17" s="61">
        <v>8</v>
      </c>
      <c r="BM17" s="61">
        <v>6</v>
      </c>
      <c r="BN17" s="61">
        <v>8</v>
      </c>
      <c r="BO17" s="62">
        <v>57</v>
      </c>
      <c r="BP17" s="63">
        <v>88</v>
      </c>
      <c r="BQ17" s="60">
        <v>15</v>
      </c>
      <c r="BR17" s="61">
        <v>12</v>
      </c>
      <c r="BS17" s="62">
        <v>27</v>
      </c>
      <c r="BT17" s="228">
        <v>0</v>
      </c>
      <c r="BU17" s="61">
        <v>16</v>
      </c>
      <c r="BV17" s="61">
        <v>20</v>
      </c>
      <c r="BW17" s="61">
        <v>10</v>
      </c>
      <c r="BX17" s="61">
        <v>9</v>
      </c>
      <c r="BY17" s="61">
        <v>4</v>
      </c>
      <c r="BZ17" s="62">
        <v>59</v>
      </c>
      <c r="CA17" s="63">
        <v>86</v>
      </c>
      <c r="CB17" s="60">
        <v>0</v>
      </c>
      <c r="CC17" s="61">
        <v>0</v>
      </c>
      <c r="CD17" s="62">
        <v>0</v>
      </c>
      <c r="CE17" s="228">
        <v>0</v>
      </c>
      <c r="CF17" s="61">
        <v>0</v>
      </c>
      <c r="CG17" s="61">
        <v>0</v>
      </c>
      <c r="CH17" s="61">
        <v>0</v>
      </c>
      <c r="CI17" s="61">
        <v>0</v>
      </c>
      <c r="CJ17" s="61">
        <v>0</v>
      </c>
      <c r="CK17" s="62">
        <v>0</v>
      </c>
      <c r="CL17" s="63">
        <v>0</v>
      </c>
      <c r="CM17" s="60">
        <v>50</v>
      </c>
      <c r="CN17" s="61">
        <v>45</v>
      </c>
      <c r="CO17" s="62">
        <v>95</v>
      </c>
      <c r="CP17" s="228">
        <v>0</v>
      </c>
      <c r="CQ17" s="61">
        <v>64</v>
      </c>
      <c r="CR17" s="61">
        <v>54</v>
      </c>
      <c r="CS17" s="61">
        <v>28</v>
      </c>
      <c r="CT17" s="61">
        <v>24</v>
      </c>
      <c r="CU17" s="61">
        <v>19</v>
      </c>
      <c r="CV17" s="62">
        <v>189</v>
      </c>
      <c r="CW17" s="63">
        <v>284</v>
      </c>
      <c r="CX17" s="113">
        <v>18</v>
      </c>
      <c r="CY17" s="72">
        <v>19</v>
      </c>
      <c r="CZ17" s="73">
        <v>37</v>
      </c>
      <c r="DA17" s="228">
        <v>0</v>
      </c>
      <c r="DB17" s="72">
        <v>31</v>
      </c>
      <c r="DC17" s="72">
        <v>17</v>
      </c>
      <c r="DD17" s="72">
        <v>9</v>
      </c>
      <c r="DE17" s="72">
        <v>11</v>
      </c>
      <c r="DF17" s="72">
        <v>16</v>
      </c>
      <c r="DG17" s="74">
        <v>84</v>
      </c>
      <c r="DH17" s="75">
        <v>121</v>
      </c>
      <c r="DI17" s="60">
        <v>1</v>
      </c>
      <c r="DJ17" s="61">
        <v>2</v>
      </c>
      <c r="DK17" s="62">
        <v>3</v>
      </c>
      <c r="DL17" s="228">
        <v>0</v>
      </c>
      <c r="DM17" s="61">
        <v>0</v>
      </c>
      <c r="DN17" s="61">
        <v>0</v>
      </c>
      <c r="DO17" s="61">
        <v>0</v>
      </c>
      <c r="DP17" s="61">
        <v>1</v>
      </c>
      <c r="DQ17" s="61">
        <v>0</v>
      </c>
      <c r="DR17" s="62">
        <v>1</v>
      </c>
      <c r="DS17" s="63">
        <v>4</v>
      </c>
      <c r="DT17" s="60">
        <v>1</v>
      </c>
      <c r="DU17" s="61">
        <v>0</v>
      </c>
      <c r="DV17" s="62">
        <v>1</v>
      </c>
      <c r="DW17" s="228">
        <v>0</v>
      </c>
      <c r="DX17" s="61">
        <v>3</v>
      </c>
      <c r="DY17" s="61">
        <v>0</v>
      </c>
      <c r="DZ17" s="61">
        <v>1</v>
      </c>
      <c r="EA17" s="61">
        <v>0</v>
      </c>
      <c r="EB17" s="61">
        <v>1</v>
      </c>
      <c r="EC17" s="62">
        <v>5</v>
      </c>
      <c r="ED17" s="63">
        <v>6</v>
      </c>
      <c r="EE17" s="60">
        <v>3</v>
      </c>
      <c r="EF17" s="61">
        <v>0</v>
      </c>
      <c r="EG17" s="62">
        <v>3</v>
      </c>
      <c r="EH17" s="228">
        <v>0</v>
      </c>
      <c r="EI17" s="61">
        <v>6</v>
      </c>
      <c r="EJ17" s="61">
        <v>1</v>
      </c>
      <c r="EK17" s="61">
        <v>0</v>
      </c>
      <c r="EL17" s="61">
        <v>0</v>
      </c>
      <c r="EM17" s="61">
        <v>0</v>
      </c>
      <c r="EN17" s="62">
        <v>7</v>
      </c>
      <c r="EO17" s="63">
        <v>10</v>
      </c>
      <c r="EP17" s="60">
        <v>6</v>
      </c>
      <c r="EQ17" s="61">
        <v>6</v>
      </c>
      <c r="ER17" s="62">
        <v>12</v>
      </c>
      <c r="ES17" s="228">
        <v>0</v>
      </c>
      <c r="ET17" s="61">
        <v>5</v>
      </c>
      <c r="EU17" s="61">
        <v>3</v>
      </c>
      <c r="EV17" s="61">
        <v>1</v>
      </c>
      <c r="EW17" s="61">
        <v>0</v>
      </c>
      <c r="EX17" s="61">
        <v>3</v>
      </c>
      <c r="EY17" s="62">
        <v>12</v>
      </c>
      <c r="EZ17" s="63">
        <v>24</v>
      </c>
      <c r="FA17" s="60">
        <v>4</v>
      </c>
      <c r="FB17" s="61">
        <v>5</v>
      </c>
      <c r="FC17" s="62">
        <v>9</v>
      </c>
      <c r="FD17" s="228">
        <v>0</v>
      </c>
      <c r="FE17" s="61">
        <v>8</v>
      </c>
      <c r="FF17" s="61">
        <v>7</v>
      </c>
      <c r="FG17" s="61">
        <v>1</v>
      </c>
      <c r="FH17" s="61">
        <v>2</v>
      </c>
      <c r="FI17" s="61">
        <v>4</v>
      </c>
      <c r="FJ17" s="62">
        <v>22</v>
      </c>
      <c r="FK17" s="63">
        <v>31</v>
      </c>
      <c r="FL17" s="60">
        <v>3</v>
      </c>
      <c r="FM17" s="61">
        <v>6</v>
      </c>
      <c r="FN17" s="62">
        <v>9</v>
      </c>
      <c r="FO17" s="228">
        <v>0</v>
      </c>
      <c r="FP17" s="61">
        <v>9</v>
      </c>
      <c r="FQ17" s="61">
        <v>6</v>
      </c>
      <c r="FR17" s="61">
        <v>6</v>
      </c>
      <c r="FS17" s="61">
        <v>8</v>
      </c>
      <c r="FT17" s="61">
        <v>8</v>
      </c>
      <c r="FU17" s="62">
        <v>37</v>
      </c>
      <c r="FV17" s="63">
        <v>46</v>
      </c>
      <c r="FW17" s="60">
        <v>0</v>
      </c>
      <c r="FX17" s="61">
        <v>0</v>
      </c>
      <c r="FY17" s="62">
        <v>0</v>
      </c>
      <c r="FZ17" s="228">
        <v>0</v>
      </c>
      <c r="GA17" s="61">
        <v>0</v>
      </c>
      <c r="GB17" s="61">
        <v>0</v>
      </c>
      <c r="GC17" s="61">
        <v>0</v>
      </c>
      <c r="GD17" s="61">
        <v>0</v>
      </c>
      <c r="GE17" s="61">
        <v>0</v>
      </c>
      <c r="GF17" s="62">
        <v>0</v>
      </c>
      <c r="GG17" s="63">
        <v>0</v>
      </c>
      <c r="GH17" s="60">
        <v>18</v>
      </c>
      <c r="GI17" s="61">
        <v>19</v>
      </c>
      <c r="GJ17" s="62">
        <v>37</v>
      </c>
      <c r="GK17" s="228">
        <v>0</v>
      </c>
      <c r="GL17" s="61">
        <v>31</v>
      </c>
      <c r="GM17" s="61">
        <v>17</v>
      </c>
      <c r="GN17" s="61">
        <v>9</v>
      </c>
      <c r="GO17" s="61">
        <v>11</v>
      </c>
      <c r="GP17" s="61">
        <v>16</v>
      </c>
      <c r="GQ17" s="62">
        <v>84</v>
      </c>
      <c r="GR17" s="63">
        <v>121</v>
      </c>
      <c r="GS17" s="113">
        <v>68</v>
      </c>
      <c r="GT17" s="72">
        <v>64</v>
      </c>
      <c r="GU17" s="73">
        <v>132</v>
      </c>
      <c r="GV17" s="228">
        <v>0</v>
      </c>
      <c r="GW17" s="72">
        <v>95</v>
      </c>
      <c r="GX17" s="72">
        <v>71</v>
      </c>
      <c r="GY17" s="72">
        <v>37</v>
      </c>
      <c r="GZ17" s="72">
        <v>35</v>
      </c>
      <c r="HA17" s="72">
        <v>35</v>
      </c>
      <c r="HB17" s="74">
        <v>273</v>
      </c>
      <c r="HC17" s="75">
        <v>405</v>
      </c>
      <c r="HD17" s="60">
        <v>3</v>
      </c>
      <c r="HE17" s="61">
        <v>3</v>
      </c>
      <c r="HF17" s="62">
        <v>6</v>
      </c>
      <c r="HG17" s="228">
        <v>0</v>
      </c>
      <c r="HH17" s="61">
        <v>1</v>
      </c>
      <c r="HI17" s="61">
        <v>1</v>
      </c>
      <c r="HJ17" s="61">
        <v>1</v>
      </c>
      <c r="HK17" s="61">
        <v>2</v>
      </c>
      <c r="HL17" s="61">
        <v>0</v>
      </c>
      <c r="HM17" s="62">
        <v>5</v>
      </c>
      <c r="HN17" s="63">
        <v>11</v>
      </c>
      <c r="HO17" s="60">
        <v>4</v>
      </c>
      <c r="HP17" s="61">
        <v>2</v>
      </c>
      <c r="HQ17" s="62">
        <v>6</v>
      </c>
      <c r="HR17" s="228">
        <v>0</v>
      </c>
      <c r="HS17" s="61">
        <v>8</v>
      </c>
      <c r="HT17" s="61">
        <v>2</v>
      </c>
      <c r="HU17" s="61">
        <v>1</v>
      </c>
      <c r="HV17" s="61">
        <v>1</v>
      </c>
      <c r="HW17" s="61">
        <v>1</v>
      </c>
      <c r="HX17" s="62">
        <v>13</v>
      </c>
      <c r="HY17" s="63">
        <v>19</v>
      </c>
      <c r="HZ17" s="60">
        <v>11</v>
      </c>
      <c r="IA17" s="61">
        <v>3</v>
      </c>
      <c r="IB17" s="62">
        <v>14</v>
      </c>
      <c r="IC17" s="228">
        <v>0</v>
      </c>
      <c r="ID17" s="61">
        <v>13</v>
      </c>
      <c r="IE17" s="61">
        <v>6</v>
      </c>
      <c r="IF17" s="61">
        <v>2</v>
      </c>
      <c r="IG17" s="61">
        <v>1</v>
      </c>
      <c r="IH17" s="61">
        <v>1</v>
      </c>
      <c r="II17" s="62">
        <v>23</v>
      </c>
      <c r="IJ17" s="63">
        <v>37</v>
      </c>
      <c r="IK17" s="60">
        <v>15</v>
      </c>
      <c r="IL17" s="61">
        <v>15</v>
      </c>
      <c r="IM17" s="62">
        <v>30</v>
      </c>
      <c r="IN17" s="228">
        <v>0</v>
      </c>
      <c r="IO17" s="61">
        <v>23</v>
      </c>
      <c r="IP17" s="61">
        <v>11</v>
      </c>
      <c r="IQ17" s="61">
        <v>8</v>
      </c>
      <c r="IR17" s="61">
        <v>6</v>
      </c>
      <c r="IS17" s="61">
        <v>9</v>
      </c>
      <c r="IT17" s="62">
        <v>57</v>
      </c>
      <c r="IU17" s="63">
        <v>87</v>
      </c>
      <c r="IV17" s="60">
        <v>17</v>
      </c>
      <c r="IW17" s="61">
        <v>23</v>
      </c>
      <c r="IX17" s="62">
        <v>40</v>
      </c>
      <c r="IY17" s="228">
        <v>0</v>
      </c>
      <c r="IZ17" s="61">
        <v>25</v>
      </c>
      <c r="JA17" s="61">
        <v>25</v>
      </c>
      <c r="JB17" s="61">
        <v>9</v>
      </c>
      <c r="JC17" s="61">
        <v>8</v>
      </c>
      <c r="JD17" s="61">
        <v>12</v>
      </c>
      <c r="JE17" s="62">
        <v>79</v>
      </c>
      <c r="JF17" s="63">
        <v>119</v>
      </c>
      <c r="JG17" s="60">
        <v>18</v>
      </c>
      <c r="JH17" s="61">
        <v>18</v>
      </c>
      <c r="JI17" s="62">
        <v>36</v>
      </c>
      <c r="JJ17" s="228">
        <v>0</v>
      </c>
      <c r="JK17" s="61">
        <v>25</v>
      </c>
      <c r="JL17" s="61">
        <v>26</v>
      </c>
      <c r="JM17" s="61">
        <v>16</v>
      </c>
      <c r="JN17" s="61">
        <v>17</v>
      </c>
      <c r="JO17" s="61">
        <v>12</v>
      </c>
      <c r="JP17" s="62">
        <v>96</v>
      </c>
      <c r="JQ17" s="63">
        <v>132</v>
      </c>
      <c r="JR17" s="60">
        <v>0</v>
      </c>
      <c r="JS17" s="61">
        <v>0</v>
      </c>
      <c r="JT17" s="62">
        <v>0</v>
      </c>
      <c r="JU17" s="228">
        <v>0</v>
      </c>
      <c r="JV17" s="61">
        <v>0</v>
      </c>
      <c r="JW17" s="61">
        <v>0</v>
      </c>
      <c r="JX17" s="61">
        <v>0</v>
      </c>
      <c r="JY17" s="61">
        <v>0</v>
      </c>
      <c r="JZ17" s="61">
        <v>0</v>
      </c>
      <c r="KA17" s="62">
        <v>0</v>
      </c>
      <c r="KB17" s="63">
        <v>0</v>
      </c>
      <c r="KC17" s="60">
        <v>68</v>
      </c>
      <c r="KD17" s="61">
        <v>64</v>
      </c>
      <c r="KE17" s="62">
        <v>132</v>
      </c>
      <c r="KF17" s="228">
        <v>0</v>
      </c>
      <c r="KG17" s="61">
        <v>95</v>
      </c>
      <c r="KH17" s="61">
        <v>71</v>
      </c>
      <c r="KI17" s="61">
        <v>37</v>
      </c>
      <c r="KJ17" s="61">
        <v>35</v>
      </c>
      <c r="KK17" s="61">
        <v>35</v>
      </c>
      <c r="KL17" s="62">
        <v>273</v>
      </c>
      <c r="KM17" s="63">
        <v>405</v>
      </c>
    </row>
    <row r="18" spans="2:299" ht="21" customHeight="1" x14ac:dyDescent="0.2">
      <c r="B18" s="472" t="s">
        <v>15</v>
      </c>
      <c r="C18" s="293">
        <v>9</v>
      </c>
      <c r="D18" s="72">
        <v>7</v>
      </c>
      <c r="E18" s="73">
        <v>16</v>
      </c>
      <c r="F18" s="228">
        <v>0</v>
      </c>
      <c r="G18" s="72">
        <v>16</v>
      </c>
      <c r="H18" s="72">
        <v>16</v>
      </c>
      <c r="I18" s="72">
        <v>8</v>
      </c>
      <c r="J18" s="72">
        <v>7</v>
      </c>
      <c r="K18" s="72">
        <v>6</v>
      </c>
      <c r="L18" s="74">
        <v>53</v>
      </c>
      <c r="M18" s="75">
        <v>69</v>
      </c>
      <c r="N18" s="60">
        <v>2</v>
      </c>
      <c r="O18" s="61">
        <v>1</v>
      </c>
      <c r="P18" s="62">
        <v>3</v>
      </c>
      <c r="Q18" s="228">
        <v>0</v>
      </c>
      <c r="R18" s="61">
        <v>0</v>
      </c>
      <c r="S18" s="61">
        <v>0</v>
      </c>
      <c r="T18" s="61">
        <v>0</v>
      </c>
      <c r="U18" s="61">
        <v>1</v>
      </c>
      <c r="V18" s="61">
        <v>1</v>
      </c>
      <c r="W18" s="62">
        <v>2</v>
      </c>
      <c r="X18" s="63">
        <v>5</v>
      </c>
      <c r="Y18" s="60">
        <v>2</v>
      </c>
      <c r="Z18" s="61">
        <v>0</v>
      </c>
      <c r="AA18" s="62">
        <v>2</v>
      </c>
      <c r="AB18" s="228">
        <v>0</v>
      </c>
      <c r="AC18" s="61">
        <v>2</v>
      </c>
      <c r="AD18" s="61">
        <v>1</v>
      </c>
      <c r="AE18" s="61">
        <v>0</v>
      </c>
      <c r="AF18" s="61">
        <v>1</v>
      </c>
      <c r="AG18" s="61">
        <v>1</v>
      </c>
      <c r="AH18" s="62">
        <v>5</v>
      </c>
      <c r="AI18" s="63">
        <v>7</v>
      </c>
      <c r="AJ18" s="60">
        <v>0</v>
      </c>
      <c r="AK18" s="61">
        <v>0</v>
      </c>
      <c r="AL18" s="62">
        <v>0</v>
      </c>
      <c r="AM18" s="228">
        <v>0</v>
      </c>
      <c r="AN18" s="61">
        <v>2</v>
      </c>
      <c r="AO18" s="61">
        <v>5</v>
      </c>
      <c r="AP18" s="61">
        <v>1</v>
      </c>
      <c r="AQ18" s="61">
        <v>1</v>
      </c>
      <c r="AR18" s="61">
        <v>1</v>
      </c>
      <c r="AS18" s="62">
        <v>10</v>
      </c>
      <c r="AT18" s="63">
        <v>10</v>
      </c>
      <c r="AU18" s="60">
        <v>0</v>
      </c>
      <c r="AV18" s="61">
        <v>3</v>
      </c>
      <c r="AW18" s="62">
        <v>3</v>
      </c>
      <c r="AX18" s="228">
        <v>0</v>
      </c>
      <c r="AY18" s="61">
        <v>7</v>
      </c>
      <c r="AZ18" s="61">
        <v>2</v>
      </c>
      <c r="BA18" s="61">
        <v>1</v>
      </c>
      <c r="BB18" s="61">
        <v>0</v>
      </c>
      <c r="BC18" s="61">
        <v>1</v>
      </c>
      <c r="BD18" s="62">
        <v>11</v>
      </c>
      <c r="BE18" s="63">
        <v>14</v>
      </c>
      <c r="BF18" s="60">
        <v>2</v>
      </c>
      <c r="BG18" s="61">
        <v>3</v>
      </c>
      <c r="BH18" s="62">
        <v>5</v>
      </c>
      <c r="BI18" s="228">
        <v>0</v>
      </c>
      <c r="BJ18" s="61">
        <v>3</v>
      </c>
      <c r="BK18" s="61">
        <v>4</v>
      </c>
      <c r="BL18" s="61">
        <v>4</v>
      </c>
      <c r="BM18" s="61">
        <v>4</v>
      </c>
      <c r="BN18" s="61">
        <v>1</v>
      </c>
      <c r="BO18" s="62">
        <v>16</v>
      </c>
      <c r="BP18" s="63">
        <v>21</v>
      </c>
      <c r="BQ18" s="60">
        <v>3</v>
      </c>
      <c r="BR18" s="61">
        <v>0</v>
      </c>
      <c r="BS18" s="62">
        <v>3</v>
      </c>
      <c r="BT18" s="228">
        <v>0</v>
      </c>
      <c r="BU18" s="61">
        <v>2</v>
      </c>
      <c r="BV18" s="61">
        <v>4</v>
      </c>
      <c r="BW18" s="61">
        <v>2</v>
      </c>
      <c r="BX18" s="61">
        <v>0</v>
      </c>
      <c r="BY18" s="61">
        <v>1</v>
      </c>
      <c r="BZ18" s="62">
        <v>9</v>
      </c>
      <c r="CA18" s="63">
        <v>12</v>
      </c>
      <c r="CB18" s="60">
        <v>0</v>
      </c>
      <c r="CC18" s="61">
        <v>0</v>
      </c>
      <c r="CD18" s="62">
        <v>0</v>
      </c>
      <c r="CE18" s="228">
        <v>0</v>
      </c>
      <c r="CF18" s="61">
        <v>0</v>
      </c>
      <c r="CG18" s="61">
        <v>0</v>
      </c>
      <c r="CH18" s="61">
        <v>0</v>
      </c>
      <c r="CI18" s="61">
        <v>0</v>
      </c>
      <c r="CJ18" s="61">
        <v>0</v>
      </c>
      <c r="CK18" s="62">
        <v>0</v>
      </c>
      <c r="CL18" s="63">
        <v>0</v>
      </c>
      <c r="CM18" s="60">
        <v>9</v>
      </c>
      <c r="CN18" s="61">
        <v>7</v>
      </c>
      <c r="CO18" s="62">
        <v>16</v>
      </c>
      <c r="CP18" s="228">
        <v>0</v>
      </c>
      <c r="CQ18" s="61">
        <v>16</v>
      </c>
      <c r="CR18" s="61">
        <v>16</v>
      </c>
      <c r="CS18" s="61">
        <v>8</v>
      </c>
      <c r="CT18" s="61">
        <v>7</v>
      </c>
      <c r="CU18" s="61">
        <v>6</v>
      </c>
      <c r="CV18" s="62">
        <v>53</v>
      </c>
      <c r="CW18" s="63">
        <v>69</v>
      </c>
      <c r="CX18" s="113">
        <v>5</v>
      </c>
      <c r="CY18" s="72">
        <v>7</v>
      </c>
      <c r="CZ18" s="73">
        <v>12</v>
      </c>
      <c r="DA18" s="228">
        <v>0</v>
      </c>
      <c r="DB18" s="72">
        <v>4</v>
      </c>
      <c r="DC18" s="72">
        <v>11</v>
      </c>
      <c r="DD18" s="72">
        <v>5</v>
      </c>
      <c r="DE18" s="72">
        <v>4</v>
      </c>
      <c r="DF18" s="72">
        <v>1</v>
      </c>
      <c r="DG18" s="74">
        <v>25</v>
      </c>
      <c r="DH18" s="75">
        <v>37</v>
      </c>
      <c r="DI18" s="60">
        <v>1</v>
      </c>
      <c r="DJ18" s="61">
        <v>0</v>
      </c>
      <c r="DK18" s="62">
        <v>1</v>
      </c>
      <c r="DL18" s="228">
        <v>0</v>
      </c>
      <c r="DM18" s="61">
        <v>0</v>
      </c>
      <c r="DN18" s="61">
        <v>0</v>
      </c>
      <c r="DO18" s="61">
        <v>0</v>
      </c>
      <c r="DP18" s="61">
        <v>0</v>
      </c>
      <c r="DQ18" s="61">
        <v>0</v>
      </c>
      <c r="DR18" s="62">
        <v>0</v>
      </c>
      <c r="DS18" s="63">
        <v>1</v>
      </c>
      <c r="DT18" s="60">
        <v>1</v>
      </c>
      <c r="DU18" s="61">
        <v>0</v>
      </c>
      <c r="DV18" s="62">
        <v>1</v>
      </c>
      <c r="DW18" s="228">
        <v>0</v>
      </c>
      <c r="DX18" s="61">
        <v>0</v>
      </c>
      <c r="DY18" s="61">
        <v>0</v>
      </c>
      <c r="DZ18" s="61">
        <v>0</v>
      </c>
      <c r="EA18" s="61">
        <v>0</v>
      </c>
      <c r="EB18" s="61">
        <v>0</v>
      </c>
      <c r="EC18" s="62">
        <v>0</v>
      </c>
      <c r="ED18" s="63">
        <v>1</v>
      </c>
      <c r="EE18" s="60">
        <v>1</v>
      </c>
      <c r="EF18" s="61">
        <v>2</v>
      </c>
      <c r="EG18" s="62">
        <v>3</v>
      </c>
      <c r="EH18" s="228">
        <v>0</v>
      </c>
      <c r="EI18" s="61">
        <v>0</v>
      </c>
      <c r="EJ18" s="61">
        <v>1</v>
      </c>
      <c r="EK18" s="61">
        <v>0</v>
      </c>
      <c r="EL18" s="61">
        <v>0</v>
      </c>
      <c r="EM18" s="61">
        <v>1</v>
      </c>
      <c r="EN18" s="62">
        <v>2</v>
      </c>
      <c r="EO18" s="63">
        <v>5</v>
      </c>
      <c r="EP18" s="60">
        <v>0</v>
      </c>
      <c r="EQ18" s="61">
        <v>3</v>
      </c>
      <c r="ER18" s="62">
        <v>3</v>
      </c>
      <c r="ES18" s="228">
        <v>0</v>
      </c>
      <c r="ET18" s="61">
        <v>1</v>
      </c>
      <c r="EU18" s="61">
        <v>0</v>
      </c>
      <c r="EV18" s="61">
        <v>0</v>
      </c>
      <c r="EW18" s="61">
        <v>0</v>
      </c>
      <c r="EX18" s="61">
        <v>0</v>
      </c>
      <c r="EY18" s="62">
        <v>1</v>
      </c>
      <c r="EZ18" s="63">
        <v>4</v>
      </c>
      <c r="FA18" s="60">
        <v>0</v>
      </c>
      <c r="FB18" s="61">
        <v>1</v>
      </c>
      <c r="FC18" s="62">
        <v>1</v>
      </c>
      <c r="FD18" s="228">
        <v>0</v>
      </c>
      <c r="FE18" s="61">
        <v>3</v>
      </c>
      <c r="FF18" s="61">
        <v>2</v>
      </c>
      <c r="FG18" s="61">
        <v>2</v>
      </c>
      <c r="FH18" s="61">
        <v>1</v>
      </c>
      <c r="FI18" s="61">
        <v>0</v>
      </c>
      <c r="FJ18" s="62">
        <v>8</v>
      </c>
      <c r="FK18" s="63">
        <v>9</v>
      </c>
      <c r="FL18" s="60">
        <v>2</v>
      </c>
      <c r="FM18" s="61">
        <v>1</v>
      </c>
      <c r="FN18" s="62">
        <v>3</v>
      </c>
      <c r="FO18" s="228">
        <v>0</v>
      </c>
      <c r="FP18" s="61">
        <v>0</v>
      </c>
      <c r="FQ18" s="61">
        <v>8</v>
      </c>
      <c r="FR18" s="61">
        <v>3</v>
      </c>
      <c r="FS18" s="61">
        <v>3</v>
      </c>
      <c r="FT18" s="61">
        <v>0</v>
      </c>
      <c r="FU18" s="62">
        <v>14</v>
      </c>
      <c r="FV18" s="63">
        <v>17</v>
      </c>
      <c r="FW18" s="60">
        <v>0</v>
      </c>
      <c r="FX18" s="61">
        <v>0</v>
      </c>
      <c r="FY18" s="62">
        <v>0</v>
      </c>
      <c r="FZ18" s="228">
        <v>0</v>
      </c>
      <c r="GA18" s="61">
        <v>0</v>
      </c>
      <c r="GB18" s="61">
        <v>0</v>
      </c>
      <c r="GC18" s="61">
        <v>0</v>
      </c>
      <c r="GD18" s="61">
        <v>0</v>
      </c>
      <c r="GE18" s="61">
        <v>0</v>
      </c>
      <c r="GF18" s="62">
        <v>0</v>
      </c>
      <c r="GG18" s="63">
        <v>0</v>
      </c>
      <c r="GH18" s="60">
        <v>5</v>
      </c>
      <c r="GI18" s="61">
        <v>7</v>
      </c>
      <c r="GJ18" s="62">
        <v>12</v>
      </c>
      <c r="GK18" s="228">
        <v>0</v>
      </c>
      <c r="GL18" s="61">
        <v>4</v>
      </c>
      <c r="GM18" s="61">
        <v>11</v>
      </c>
      <c r="GN18" s="61">
        <v>5</v>
      </c>
      <c r="GO18" s="61">
        <v>4</v>
      </c>
      <c r="GP18" s="61">
        <v>1</v>
      </c>
      <c r="GQ18" s="62">
        <v>25</v>
      </c>
      <c r="GR18" s="63">
        <v>37</v>
      </c>
      <c r="GS18" s="113">
        <v>14</v>
      </c>
      <c r="GT18" s="72">
        <v>14</v>
      </c>
      <c r="GU18" s="73">
        <v>28</v>
      </c>
      <c r="GV18" s="228">
        <v>0</v>
      </c>
      <c r="GW18" s="72">
        <v>20</v>
      </c>
      <c r="GX18" s="72">
        <v>27</v>
      </c>
      <c r="GY18" s="72">
        <v>13</v>
      </c>
      <c r="GZ18" s="72">
        <v>11</v>
      </c>
      <c r="HA18" s="72">
        <v>7</v>
      </c>
      <c r="HB18" s="74">
        <v>78</v>
      </c>
      <c r="HC18" s="75">
        <v>106</v>
      </c>
      <c r="HD18" s="60">
        <v>3</v>
      </c>
      <c r="HE18" s="61">
        <v>1</v>
      </c>
      <c r="HF18" s="62">
        <v>4</v>
      </c>
      <c r="HG18" s="228">
        <v>0</v>
      </c>
      <c r="HH18" s="61">
        <v>0</v>
      </c>
      <c r="HI18" s="61">
        <v>0</v>
      </c>
      <c r="HJ18" s="61">
        <v>0</v>
      </c>
      <c r="HK18" s="61">
        <v>1</v>
      </c>
      <c r="HL18" s="61">
        <v>1</v>
      </c>
      <c r="HM18" s="62">
        <v>2</v>
      </c>
      <c r="HN18" s="63">
        <v>6</v>
      </c>
      <c r="HO18" s="60">
        <v>3</v>
      </c>
      <c r="HP18" s="61">
        <v>0</v>
      </c>
      <c r="HQ18" s="62">
        <v>3</v>
      </c>
      <c r="HR18" s="228">
        <v>0</v>
      </c>
      <c r="HS18" s="61">
        <v>2</v>
      </c>
      <c r="HT18" s="61">
        <v>1</v>
      </c>
      <c r="HU18" s="61">
        <v>0</v>
      </c>
      <c r="HV18" s="61">
        <v>1</v>
      </c>
      <c r="HW18" s="61">
        <v>1</v>
      </c>
      <c r="HX18" s="62">
        <v>5</v>
      </c>
      <c r="HY18" s="63">
        <v>8</v>
      </c>
      <c r="HZ18" s="60">
        <v>1</v>
      </c>
      <c r="IA18" s="61">
        <v>2</v>
      </c>
      <c r="IB18" s="62">
        <v>3</v>
      </c>
      <c r="IC18" s="228">
        <v>0</v>
      </c>
      <c r="ID18" s="61">
        <v>2</v>
      </c>
      <c r="IE18" s="61">
        <v>6</v>
      </c>
      <c r="IF18" s="61">
        <v>1</v>
      </c>
      <c r="IG18" s="61">
        <v>1</v>
      </c>
      <c r="IH18" s="61">
        <v>2</v>
      </c>
      <c r="II18" s="62">
        <v>12</v>
      </c>
      <c r="IJ18" s="63">
        <v>15</v>
      </c>
      <c r="IK18" s="60">
        <v>0</v>
      </c>
      <c r="IL18" s="61">
        <v>6</v>
      </c>
      <c r="IM18" s="62">
        <v>6</v>
      </c>
      <c r="IN18" s="228">
        <v>0</v>
      </c>
      <c r="IO18" s="61">
        <v>8</v>
      </c>
      <c r="IP18" s="61">
        <v>2</v>
      </c>
      <c r="IQ18" s="61">
        <v>1</v>
      </c>
      <c r="IR18" s="61">
        <v>0</v>
      </c>
      <c r="IS18" s="61">
        <v>1</v>
      </c>
      <c r="IT18" s="62">
        <v>12</v>
      </c>
      <c r="IU18" s="63">
        <v>18</v>
      </c>
      <c r="IV18" s="60">
        <v>2</v>
      </c>
      <c r="IW18" s="61">
        <v>4</v>
      </c>
      <c r="IX18" s="62">
        <v>6</v>
      </c>
      <c r="IY18" s="228">
        <v>0</v>
      </c>
      <c r="IZ18" s="61">
        <v>6</v>
      </c>
      <c r="JA18" s="61">
        <v>6</v>
      </c>
      <c r="JB18" s="61">
        <v>6</v>
      </c>
      <c r="JC18" s="61">
        <v>5</v>
      </c>
      <c r="JD18" s="61">
        <v>1</v>
      </c>
      <c r="JE18" s="62">
        <v>24</v>
      </c>
      <c r="JF18" s="63">
        <v>30</v>
      </c>
      <c r="JG18" s="60">
        <v>5</v>
      </c>
      <c r="JH18" s="61">
        <v>1</v>
      </c>
      <c r="JI18" s="62">
        <v>6</v>
      </c>
      <c r="JJ18" s="228">
        <v>0</v>
      </c>
      <c r="JK18" s="61">
        <v>2</v>
      </c>
      <c r="JL18" s="61">
        <v>12</v>
      </c>
      <c r="JM18" s="61">
        <v>5</v>
      </c>
      <c r="JN18" s="61">
        <v>3</v>
      </c>
      <c r="JO18" s="61">
        <v>1</v>
      </c>
      <c r="JP18" s="62">
        <v>23</v>
      </c>
      <c r="JQ18" s="63">
        <v>29</v>
      </c>
      <c r="JR18" s="60">
        <v>0</v>
      </c>
      <c r="JS18" s="61">
        <v>0</v>
      </c>
      <c r="JT18" s="62">
        <v>0</v>
      </c>
      <c r="JU18" s="228">
        <v>0</v>
      </c>
      <c r="JV18" s="61">
        <v>0</v>
      </c>
      <c r="JW18" s="61">
        <v>0</v>
      </c>
      <c r="JX18" s="61">
        <v>0</v>
      </c>
      <c r="JY18" s="61">
        <v>0</v>
      </c>
      <c r="JZ18" s="61">
        <v>0</v>
      </c>
      <c r="KA18" s="62">
        <v>0</v>
      </c>
      <c r="KB18" s="63">
        <v>0</v>
      </c>
      <c r="KC18" s="60">
        <v>14</v>
      </c>
      <c r="KD18" s="61">
        <v>14</v>
      </c>
      <c r="KE18" s="62">
        <v>28</v>
      </c>
      <c r="KF18" s="228">
        <v>0</v>
      </c>
      <c r="KG18" s="61">
        <v>20</v>
      </c>
      <c r="KH18" s="61">
        <v>27</v>
      </c>
      <c r="KI18" s="61">
        <v>13</v>
      </c>
      <c r="KJ18" s="61">
        <v>11</v>
      </c>
      <c r="KK18" s="61">
        <v>7</v>
      </c>
      <c r="KL18" s="62">
        <v>78</v>
      </c>
      <c r="KM18" s="63">
        <v>106</v>
      </c>
    </row>
    <row r="19" spans="2:299" ht="21" customHeight="1" x14ac:dyDescent="0.2">
      <c r="B19" s="472" t="s">
        <v>16</v>
      </c>
      <c r="C19" s="293">
        <v>23</v>
      </c>
      <c r="D19" s="72">
        <v>28</v>
      </c>
      <c r="E19" s="73">
        <v>51</v>
      </c>
      <c r="F19" s="228">
        <v>0</v>
      </c>
      <c r="G19" s="72">
        <v>57</v>
      </c>
      <c r="H19" s="72">
        <v>64</v>
      </c>
      <c r="I19" s="72">
        <v>43</v>
      </c>
      <c r="J19" s="72">
        <v>21</v>
      </c>
      <c r="K19" s="72">
        <v>21</v>
      </c>
      <c r="L19" s="74">
        <v>206</v>
      </c>
      <c r="M19" s="75">
        <v>257</v>
      </c>
      <c r="N19" s="60">
        <v>0</v>
      </c>
      <c r="O19" s="61">
        <v>1</v>
      </c>
      <c r="P19" s="62">
        <v>1</v>
      </c>
      <c r="Q19" s="228">
        <v>0</v>
      </c>
      <c r="R19" s="61">
        <v>0</v>
      </c>
      <c r="S19" s="61">
        <v>2</v>
      </c>
      <c r="T19" s="61">
        <v>1</v>
      </c>
      <c r="U19" s="61">
        <v>0</v>
      </c>
      <c r="V19" s="61">
        <v>3</v>
      </c>
      <c r="W19" s="62">
        <v>6</v>
      </c>
      <c r="X19" s="63">
        <v>7</v>
      </c>
      <c r="Y19" s="60">
        <v>0</v>
      </c>
      <c r="Z19" s="61">
        <v>5</v>
      </c>
      <c r="AA19" s="62">
        <v>5</v>
      </c>
      <c r="AB19" s="228">
        <v>0</v>
      </c>
      <c r="AC19" s="61">
        <v>4</v>
      </c>
      <c r="AD19" s="61">
        <v>6</v>
      </c>
      <c r="AE19" s="61">
        <v>4</v>
      </c>
      <c r="AF19" s="61">
        <v>1</v>
      </c>
      <c r="AG19" s="61">
        <v>2</v>
      </c>
      <c r="AH19" s="62">
        <v>17</v>
      </c>
      <c r="AI19" s="63">
        <v>22</v>
      </c>
      <c r="AJ19" s="60">
        <v>4</v>
      </c>
      <c r="AK19" s="61">
        <v>3</v>
      </c>
      <c r="AL19" s="62">
        <v>7</v>
      </c>
      <c r="AM19" s="228">
        <v>0</v>
      </c>
      <c r="AN19" s="61">
        <v>6</v>
      </c>
      <c r="AO19" s="61">
        <v>11</v>
      </c>
      <c r="AP19" s="61">
        <v>7</v>
      </c>
      <c r="AQ19" s="61">
        <v>4</v>
      </c>
      <c r="AR19" s="61">
        <v>4</v>
      </c>
      <c r="AS19" s="62">
        <v>32</v>
      </c>
      <c r="AT19" s="63">
        <v>39</v>
      </c>
      <c r="AU19" s="60">
        <v>7</v>
      </c>
      <c r="AV19" s="61">
        <v>6</v>
      </c>
      <c r="AW19" s="62">
        <v>13</v>
      </c>
      <c r="AX19" s="228">
        <v>0</v>
      </c>
      <c r="AY19" s="61">
        <v>18</v>
      </c>
      <c r="AZ19" s="61">
        <v>19</v>
      </c>
      <c r="BA19" s="61">
        <v>10</v>
      </c>
      <c r="BB19" s="61">
        <v>1</v>
      </c>
      <c r="BC19" s="61">
        <v>5</v>
      </c>
      <c r="BD19" s="62">
        <v>53</v>
      </c>
      <c r="BE19" s="63">
        <v>66</v>
      </c>
      <c r="BF19" s="60">
        <v>10</v>
      </c>
      <c r="BG19" s="61">
        <v>8</v>
      </c>
      <c r="BH19" s="62">
        <v>18</v>
      </c>
      <c r="BI19" s="228">
        <v>0</v>
      </c>
      <c r="BJ19" s="61">
        <v>17</v>
      </c>
      <c r="BK19" s="61">
        <v>14</v>
      </c>
      <c r="BL19" s="61">
        <v>12</v>
      </c>
      <c r="BM19" s="61">
        <v>7</v>
      </c>
      <c r="BN19" s="61">
        <v>6</v>
      </c>
      <c r="BO19" s="62">
        <v>56</v>
      </c>
      <c r="BP19" s="63">
        <v>74</v>
      </c>
      <c r="BQ19" s="60">
        <v>2</v>
      </c>
      <c r="BR19" s="61">
        <v>5</v>
      </c>
      <c r="BS19" s="62">
        <v>7</v>
      </c>
      <c r="BT19" s="228">
        <v>0</v>
      </c>
      <c r="BU19" s="61">
        <v>12</v>
      </c>
      <c r="BV19" s="61">
        <v>12</v>
      </c>
      <c r="BW19" s="61">
        <v>9</v>
      </c>
      <c r="BX19" s="61">
        <v>8</v>
      </c>
      <c r="BY19" s="61">
        <v>1</v>
      </c>
      <c r="BZ19" s="62">
        <v>42</v>
      </c>
      <c r="CA19" s="63">
        <v>49</v>
      </c>
      <c r="CB19" s="60">
        <v>0</v>
      </c>
      <c r="CC19" s="61">
        <v>0</v>
      </c>
      <c r="CD19" s="62">
        <v>0</v>
      </c>
      <c r="CE19" s="228">
        <v>0</v>
      </c>
      <c r="CF19" s="61">
        <v>0</v>
      </c>
      <c r="CG19" s="61">
        <v>0</v>
      </c>
      <c r="CH19" s="61">
        <v>0</v>
      </c>
      <c r="CI19" s="61">
        <v>0</v>
      </c>
      <c r="CJ19" s="61">
        <v>0</v>
      </c>
      <c r="CK19" s="62">
        <v>0</v>
      </c>
      <c r="CL19" s="63">
        <v>0</v>
      </c>
      <c r="CM19" s="60">
        <v>23</v>
      </c>
      <c r="CN19" s="61">
        <v>28</v>
      </c>
      <c r="CO19" s="62">
        <v>51</v>
      </c>
      <c r="CP19" s="228">
        <v>0</v>
      </c>
      <c r="CQ19" s="61">
        <v>57</v>
      </c>
      <c r="CR19" s="61">
        <v>64</v>
      </c>
      <c r="CS19" s="61">
        <v>43</v>
      </c>
      <c r="CT19" s="61">
        <v>21</v>
      </c>
      <c r="CU19" s="61">
        <v>21</v>
      </c>
      <c r="CV19" s="62">
        <v>206</v>
      </c>
      <c r="CW19" s="63">
        <v>257</v>
      </c>
      <c r="CX19" s="113">
        <v>12</v>
      </c>
      <c r="CY19" s="72">
        <v>17</v>
      </c>
      <c r="CZ19" s="73">
        <v>29</v>
      </c>
      <c r="DA19" s="228">
        <v>0</v>
      </c>
      <c r="DB19" s="72">
        <v>20</v>
      </c>
      <c r="DC19" s="72">
        <v>20</v>
      </c>
      <c r="DD19" s="72">
        <v>16</v>
      </c>
      <c r="DE19" s="72">
        <v>14</v>
      </c>
      <c r="DF19" s="72">
        <v>8</v>
      </c>
      <c r="DG19" s="74">
        <v>78</v>
      </c>
      <c r="DH19" s="75">
        <v>107</v>
      </c>
      <c r="DI19" s="60">
        <v>0</v>
      </c>
      <c r="DJ19" s="61">
        <v>1</v>
      </c>
      <c r="DK19" s="62">
        <v>1</v>
      </c>
      <c r="DL19" s="228">
        <v>0</v>
      </c>
      <c r="DM19" s="61">
        <v>1</v>
      </c>
      <c r="DN19" s="61">
        <v>0</v>
      </c>
      <c r="DO19" s="61">
        <v>1</v>
      </c>
      <c r="DP19" s="61">
        <v>0</v>
      </c>
      <c r="DQ19" s="61">
        <v>0</v>
      </c>
      <c r="DR19" s="62">
        <v>2</v>
      </c>
      <c r="DS19" s="63">
        <v>3</v>
      </c>
      <c r="DT19" s="60">
        <v>1</v>
      </c>
      <c r="DU19" s="61">
        <v>2</v>
      </c>
      <c r="DV19" s="62">
        <v>3</v>
      </c>
      <c r="DW19" s="228">
        <v>0</v>
      </c>
      <c r="DX19" s="61">
        <v>1</v>
      </c>
      <c r="DY19" s="61">
        <v>2</v>
      </c>
      <c r="DZ19" s="61">
        <v>0</v>
      </c>
      <c r="EA19" s="61">
        <v>0</v>
      </c>
      <c r="EB19" s="61">
        <v>0</v>
      </c>
      <c r="EC19" s="62">
        <v>3</v>
      </c>
      <c r="ED19" s="63">
        <v>6</v>
      </c>
      <c r="EE19" s="60">
        <v>3</v>
      </c>
      <c r="EF19" s="61">
        <v>3</v>
      </c>
      <c r="EG19" s="62">
        <v>6</v>
      </c>
      <c r="EH19" s="228">
        <v>0</v>
      </c>
      <c r="EI19" s="61">
        <v>1</v>
      </c>
      <c r="EJ19" s="61">
        <v>1</v>
      </c>
      <c r="EK19" s="61">
        <v>1</v>
      </c>
      <c r="EL19" s="61">
        <v>0</v>
      </c>
      <c r="EM19" s="61">
        <v>1</v>
      </c>
      <c r="EN19" s="62">
        <v>4</v>
      </c>
      <c r="EO19" s="63">
        <v>10</v>
      </c>
      <c r="EP19" s="60">
        <v>5</v>
      </c>
      <c r="EQ19" s="61">
        <v>3</v>
      </c>
      <c r="ER19" s="62">
        <v>8</v>
      </c>
      <c r="ES19" s="228">
        <v>0</v>
      </c>
      <c r="ET19" s="61">
        <v>4</v>
      </c>
      <c r="EU19" s="61">
        <v>4</v>
      </c>
      <c r="EV19" s="61">
        <v>2</v>
      </c>
      <c r="EW19" s="61">
        <v>0</v>
      </c>
      <c r="EX19" s="61">
        <v>1</v>
      </c>
      <c r="EY19" s="62">
        <v>11</v>
      </c>
      <c r="EZ19" s="63">
        <v>19</v>
      </c>
      <c r="FA19" s="60">
        <v>1</v>
      </c>
      <c r="FB19" s="61">
        <v>4</v>
      </c>
      <c r="FC19" s="62">
        <v>5</v>
      </c>
      <c r="FD19" s="228">
        <v>0</v>
      </c>
      <c r="FE19" s="61">
        <v>7</v>
      </c>
      <c r="FF19" s="61">
        <v>6</v>
      </c>
      <c r="FG19" s="61">
        <v>4</v>
      </c>
      <c r="FH19" s="61">
        <v>3</v>
      </c>
      <c r="FI19" s="61">
        <v>0</v>
      </c>
      <c r="FJ19" s="62">
        <v>20</v>
      </c>
      <c r="FK19" s="63">
        <v>25</v>
      </c>
      <c r="FL19" s="60">
        <v>2</v>
      </c>
      <c r="FM19" s="61">
        <v>4</v>
      </c>
      <c r="FN19" s="62">
        <v>6</v>
      </c>
      <c r="FO19" s="228">
        <v>0</v>
      </c>
      <c r="FP19" s="61">
        <v>6</v>
      </c>
      <c r="FQ19" s="61">
        <v>7</v>
      </c>
      <c r="FR19" s="61">
        <v>8</v>
      </c>
      <c r="FS19" s="61">
        <v>11</v>
      </c>
      <c r="FT19" s="61">
        <v>6</v>
      </c>
      <c r="FU19" s="62">
        <v>38</v>
      </c>
      <c r="FV19" s="63">
        <v>44</v>
      </c>
      <c r="FW19" s="60">
        <v>0</v>
      </c>
      <c r="FX19" s="61">
        <v>0</v>
      </c>
      <c r="FY19" s="62">
        <v>0</v>
      </c>
      <c r="FZ19" s="228">
        <v>0</v>
      </c>
      <c r="GA19" s="61">
        <v>0</v>
      </c>
      <c r="GB19" s="61">
        <v>0</v>
      </c>
      <c r="GC19" s="61">
        <v>0</v>
      </c>
      <c r="GD19" s="61">
        <v>0</v>
      </c>
      <c r="GE19" s="61">
        <v>0</v>
      </c>
      <c r="GF19" s="62">
        <v>0</v>
      </c>
      <c r="GG19" s="63">
        <v>0</v>
      </c>
      <c r="GH19" s="60">
        <v>12</v>
      </c>
      <c r="GI19" s="61">
        <v>17</v>
      </c>
      <c r="GJ19" s="62">
        <v>29</v>
      </c>
      <c r="GK19" s="228">
        <v>0</v>
      </c>
      <c r="GL19" s="61">
        <v>20</v>
      </c>
      <c r="GM19" s="61">
        <v>20</v>
      </c>
      <c r="GN19" s="61">
        <v>16</v>
      </c>
      <c r="GO19" s="61">
        <v>14</v>
      </c>
      <c r="GP19" s="61">
        <v>8</v>
      </c>
      <c r="GQ19" s="62">
        <v>78</v>
      </c>
      <c r="GR19" s="63">
        <v>107</v>
      </c>
      <c r="GS19" s="113">
        <v>35</v>
      </c>
      <c r="GT19" s="72">
        <v>45</v>
      </c>
      <c r="GU19" s="73">
        <v>80</v>
      </c>
      <c r="GV19" s="228">
        <v>0</v>
      </c>
      <c r="GW19" s="72">
        <v>77</v>
      </c>
      <c r="GX19" s="72">
        <v>84</v>
      </c>
      <c r="GY19" s="72">
        <v>59</v>
      </c>
      <c r="GZ19" s="72">
        <v>35</v>
      </c>
      <c r="HA19" s="72">
        <v>29</v>
      </c>
      <c r="HB19" s="74">
        <v>284</v>
      </c>
      <c r="HC19" s="75">
        <v>364</v>
      </c>
      <c r="HD19" s="60">
        <v>0</v>
      </c>
      <c r="HE19" s="61">
        <v>2</v>
      </c>
      <c r="HF19" s="62">
        <v>2</v>
      </c>
      <c r="HG19" s="228">
        <v>0</v>
      </c>
      <c r="HH19" s="61">
        <v>1</v>
      </c>
      <c r="HI19" s="61">
        <v>2</v>
      </c>
      <c r="HJ19" s="61">
        <v>2</v>
      </c>
      <c r="HK19" s="61">
        <v>0</v>
      </c>
      <c r="HL19" s="61">
        <v>3</v>
      </c>
      <c r="HM19" s="62">
        <v>8</v>
      </c>
      <c r="HN19" s="63">
        <v>10</v>
      </c>
      <c r="HO19" s="60">
        <v>1</v>
      </c>
      <c r="HP19" s="61">
        <v>7</v>
      </c>
      <c r="HQ19" s="62">
        <v>8</v>
      </c>
      <c r="HR19" s="228">
        <v>0</v>
      </c>
      <c r="HS19" s="61">
        <v>5</v>
      </c>
      <c r="HT19" s="61">
        <v>8</v>
      </c>
      <c r="HU19" s="61">
        <v>4</v>
      </c>
      <c r="HV19" s="61">
        <v>1</v>
      </c>
      <c r="HW19" s="61">
        <v>2</v>
      </c>
      <c r="HX19" s="62">
        <v>20</v>
      </c>
      <c r="HY19" s="63">
        <v>28</v>
      </c>
      <c r="HZ19" s="60">
        <v>7</v>
      </c>
      <c r="IA19" s="61">
        <v>6</v>
      </c>
      <c r="IB19" s="62">
        <v>13</v>
      </c>
      <c r="IC19" s="228">
        <v>0</v>
      </c>
      <c r="ID19" s="61">
        <v>7</v>
      </c>
      <c r="IE19" s="61">
        <v>12</v>
      </c>
      <c r="IF19" s="61">
        <v>8</v>
      </c>
      <c r="IG19" s="61">
        <v>4</v>
      </c>
      <c r="IH19" s="61">
        <v>5</v>
      </c>
      <c r="II19" s="62">
        <v>36</v>
      </c>
      <c r="IJ19" s="63">
        <v>49</v>
      </c>
      <c r="IK19" s="60">
        <v>12</v>
      </c>
      <c r="IL19" s="61">
        <v>9</v>
      </c>
      <c r="IM19" s="62">
        <v>21</v>
      </c>
      <c r="IN19" s="228">
        <v>0</v>
      </c>
      <c r="IO19" s="61">
        <v>22</v>
      </c>
      <c r="IP19" s="61">
        <v>23</v>
      </c>
      <c r="IQ19" s="61">
        <v>12</v>
      </c>
      <c r="IR19" s="61">
        <v>1</v>
      </c>
      <c r="IS19" s="61">
        <v>6</v>
      </c>
      <c r="IT19" s="62">
        <v>64</v>
      </c>
      <c r="IU19" s="63">
        <v>85</v>
      </c>
      <c r="IV19" s="60">
        <v>11</v>
      </c>
      <c r="IW19" s="61">
        <v>12</v>
      </c>
      <c r="IX19" s="62">
        <v>23</v>
      </c>
      <c r="IY19" s="228">
        <v>0</v>
      </c>
      <c r="IZ19" s="61">
        <v>24</v>
      </c>
      <c r="JA19" s="61">
        <v>20</v>
      </c>
      <c r="JB19" s="61">
        <v>16</v>
      </c>
      <c r="JC19" s="61">
        <v>10</v>
      </c>
      <c r="JD19" s="61">
        <v>6</v>
      </c>
      <c r="JE19" s="62">
        <v>76</v>
      </c>
      <c r="JF19" s="63">
        <v>99</v>
      </c>
      <c r="JG19" s="60">
        <v>4</v>
      </c>
      <c r="JH19" s="61">
        <v>9</v>
      </c>
      <c r="JI19" s="62">
        <v>13</v>
      </c>
      <c r="JJ19" s="228">
        <v>0</v>
      </c>
      <c r="JK19" s="61">
        <v>18</v>
      </c>
      <c r="JL19" s="61">
        <v>19</v>
      </c>
      <c r="JM19" s="61">
        <v>17</v>
      </c>
      <c r="JN19" s="61">
        <v>19</v>
      </c>
      <c r="JO19" s="61">
        <v>7</v>
      </c>
      <c r="JP19" s="62">
        <v>80</v>
      </c>
      <c r="JQ19" s="63">
        <v>93</v>
      </c>
      <c r="JR19" s="60">
        <v>0</v>
      </c>
      <c r="JS19" s="61">
        <v>0</v>
      </c>
      <c r="JT19" s="62">
        <v>0</v>
      </c>
      <c r="JU19" s="228">
        <v>0</v>
      </c>
      <c r="JV19" s="61">
        <v>0</v>
      </c>
      <c r="JW19" s="61">
        <v>0</v>
      </c>
      <c r="JX19" s="61">
        <v>0</v>
      </c>
      <c r="JY19" s="61">
        <v>0</v>
      </c>
      <c r="JZ19" s="61">
        <v>0</v>
      </c>
      <c r="KA19" s="62">
        <v>0</v>
      </c>
      <c r="KB19" s="63">
        <v>0</v>
      </c>
      <c r="KC19" s="60">
        <v>35</v>
      </c>
      <c r="KD19" s="61">
        <v>45</v>
      </c>
      <c r="KE19" s="62">
        <v>80</v>
      </c>
      <c r="KF19" s="228">
        <v>0</v>
      </c>
      <c r="KG19" s="61">
        <v>77</v>
      </c>
      <c r="KH19" s="61">
        <v>84</v>
      </c>
      <c r="KI19" s="61">
        <v>59</v>
      </c>
      <c r="KJ19" s="61">
        <v>35</v>
      </c>
      <c r="KK19" s="61">
        <v>29</v>
      </c>
      <c r="KL19" s="62">
        <v>284</v>
      </c>
      <c r="KM19" s="63">
        <v>364</v>
      </c>
    </row>
    <row r="20" spans="2:299" ht="21" customHeight="1" x14ac:dyDescent="0.2">
      <c r="B20" s="472" t="s">
        <v>17</v>
      </c>
      <c r="C20" s="293">
        <v>53</v>
      </c>
      <c r="D20" s="72">
        <v>53</v>
      </c>
      <c r="E20" s="73">
        <v>106</v>
      </c>
      <c r="F20" s="228">
        <v>0</v>
      </c>
      <c r="G20" s="72">
        <v>75</v>
      </c>
      <c r="H20" s="72">
        <v>90</v>
      </c>
      <c r="I20" s="72">
        <v>61</v>
      </c>
      <c r="J20" s="72">
        <v>45</v>
      </c>
      <c r="K20" s="72">
        <v>26</v>
      </c>
      <c r="L20" s="74">
        <v>297</v>
      </c>
      <c r="M20" s="75">
        <v>403</v>
      </c>
      <c r="N20" s="60">
        <v>3</v>
      </c>
      <c r="O20" s="61">
        <v>3</v>
      </c>
      <c r="P20" s="62">
        <v>6</v>
      </c>
      <c r="Q20" s="228">
        <v>0</v>
      </c>
      <c r="R20" s="61">
        <v>3</v>
      </c>
      <c r="S20" s="61">
        <v>4</v>
      </c>
      <c r="T20" s="61">
        <v>2</v>
      </c>
      <c r="U20" s="61">
        <v>3</v>
      </c>
      <c r="V20" s="61">
        <v>1</v>
      </c>
      <c r="W20" s="62">
        <v>13</v>
      </c>
      <c r="X20" s="63">
        <v>19</v>
      </c>
      <c r="Y20" s="60">
        <v>1</v>
      </c>
      <c r="Z20" s="61">
        <v>4</v>
      </c>
      <c r="AA20" s="62">
        <v>5</v>
      </c>
      <c r="AB20" s="228">
        <v>0</v>
      </c>
      <c r="AC20" s="61">
        <v>3</v>
      </c>
      <c r="AD20" s="61">
        <v>14</v>
      </c>
      <c r="AE20" s="61">
        <v>5</v>
      </c>
      <c r="AF20" s="61">
        <v>4</v>
      </c>
      <c r="AG20" s="61">
        <v>2</v>
      </c>
      <c r="AH20" s="62">
        <v>28</v>
      </c>
      <c r="AI20" s="63">
        <v>33</v>
      </c>
      <c r="AJ20" s="60">
        <v>4</v>
      </c>
      <c r="AK20" s="61">
        <v>4</v>
      </c>
      <c r="AL20" s="62">
        <v>8</v>
      </c>
      <c r="AM20" s="228">
        <v>0</v>
      </c>
      <c r="AN20" s="61">
        <v>15</v>
      </c>
      <c r="AO20" s="61">
        <v>8</v>
      </c>
      <c r="AP20" s="61">
        <v>9</v>
      </c>
      <c r="AQ20" s="61">
        <v>9</v>
      </c>
      <c r="AR20" s="61">
        <v>7</v>
      </c>
      <c r="AS20" s="62">
        <v>48</v>
      </c>
      <c r="AT20" s="63">
        <v>56</v>
      </c>
      <c r="AU20" s="60">
        <v>12</v>
      </c>
      <c r="AV20" s="61">
        <v>12</v>
      </c>
      <c r="AW20" s="62">
        <v>24</v>
      </c>
      <c r="AX20" s="228">
        <v>0</v>
      </c>
      <c r="AY20" s="61">
        <v>18</v>
      </c>
      <c r="AZ20" s="61">
        <v>19</v>
      </c>
      <c r="BA20" s="61">
        <v>17</v>
      </c>
      <c r="BB20" s="61">
        <v>6</v>
      </c>
      <c r="BC20" s="61">
        <v>6</v>
      </c>
      <c r="BD20" s="62">
        <v>66</v>
      </c>
      <c r="BE20" s="63">
        <v>90</v>
      </c>
      <c r="BF20" s="60">
        <v>20</v>
      </c>
      <c r="BG20" s="61">
        <v>14</v>
      </c>
      <c r="BH20" s="62">
        <v>34</v>
      </c>
      <c r="BI20" s="228">
        <v>0</v>
      </c>
      <c r="BJ20" s="61">
        <v>24</v>
      </c>
      <c r="BK20" s="61">
        <v>20</v>
      </c>
      <c r="BL20" s="61">
        <v>15</v>
      </c>
      <c r="BM20" s="61">
        <v>13</v>
      </c>
      <c r="BN20" s="61">
        <v>3</v>
      </c>
      <c r="BO20" s="62">
        <v>75</v>
      </c>
      <c r="BP20" s="63">
        <v>109</v>
      </c>
      <c r="BQ20" s="60">
        <v>13</v>
      </c>
      <c r="BR20" s="61">
        <v>16</v>
      </c>
      <c r="BS20" s="62">
        <v>29</v>
      </c>
      <c r="BT20" s="228">
        <v>0</v>
      </c>
      <c r="BU20" s="61">
        <v>12</v>
      </c>
      <c r="BV20" s="61">
        <v>25</v>
      </c>
      <c r="BW20" s="61">
        <v>13</v>
      </c>
      <c r="BX20" s="61">
        <v>10</v>
      </c>
      <c r="BY20" s="61">
        <v>7</v>
      </c>
      <c r="BZ20" s="62">
        <v>67</v>
      </c>
      <c r="CA20" s="63">
        <v>96</v>
      </c>
      <c r="CB20" s="60">
        <v>0</v>
      </c>
      <c r="CC20" s="61">
        <v>0</v>
      </c>
      <c r="CD20" s="62">
        <v>0</v>
      </c>
      <c r="CE20" s="228">
        <v>0</v>
      </c>
      <c r="CF20" s="61">
        <v>0</v>
      </c>
      <c r="CG20" s="61">
        <v>0</v>
      </c>
      <c r="CH20" s="61">
        <v>0</v>
      </c>
      <c r="CI20" s="61">
        <v>0</v>
      </c>
      <c r="CJ20" s="61">
        <v>0</v>
      </c>
      <c r="CK20" s="62">
        <v>0</v>
      </c>
      <c r="CL20" s="63">
        <v>0</v>
      </c>
      <c r="CM20" s="60">
        <v>53</v>
      </c>
      <c r="CN20" s="61">
        <v>53</v>
      </c>
      <c r="CO20" s="62">
        <v>106</v>
      </c>
      <c r="CP20" s="228">
        <v>0</v>
      </c>
      <c r="CQ20" s="61">
        <v>75</v>
      </c>
      <c r="CR20" s="61">
        <v>90</v>
      </c>
      <c r="CS20" s="61">
        <v>61</v>
      </c>
      <c r="CT20" s="61">
        <v>45</v>
      </c>
      <c r="CU20" s="61">
        <v>26</v>
      </c>
      <c r="CV20" s="62">
        <v>297</v>
      </c>
      <c r="CW20" s="63">
        <v>403</v>
      </c>
      <c r="CX20" s="113">
        <v>12</v>
      </c>
      <c r="CY20" s="72">
        <v>25</v>
      </c>
      <c r="CZ20" s="73">
        <v>37</v>
      </c>
      <c r="DA20" s="228">
        <v>0</v>
      </c>
      <c r="DB20" s="72">
        <v>30</v>
      </c>
      <c r="DC20" s="72">
        <v>34</v>
      </c>
      <c r="DD20" s="72">
        <v>33</v>
      </c>
      <c r="DE20" s="72">
        <v>16</v>
      </c>
      <c r="DF20" s="72">
        <v>24</v>
      </c>
      <c r="DG20" s="74">
        <v>137</v>
      </c>
      <c r="DH20" s="75">
        <v>174</v>
      </c>
      <c r="DI20" s="60">
        <v>2</v>
      </c>
      <c r="DJ20" s="61">
        <v>1</v>
      </c>
      <c r="DK20" s="62">
        <v>3</v>
      </c>
      <c r="DL20" s="228">
        <v>0</v>
      </c>
      <c r="DM20" s="61">
        <v>0</v>
      </c>
      <c r="DN20" s="61">
        <v>1</v>
      </c>
      <c r="DO20" s="61">
        <v>0</v>
      </c>
      <c r="DP20" s="61">
        <v>0</v>
      </c>
      <c r="DQ20" s="61">
        <v>0</v>
      </c>
      <c r="DR20" s="62">
        <v>1</v>
      </c>
      <c r="DS20" s="63">
        <v>4</v>
      </c>
      <c r="DT20" s="60">
        <v>0</v>
      </c>
      <c r="DU20" s="61">
        <v>1</v>
      </c>
      <c r="DV20" s="62">
        <v>1</v>
      </c>
      <c r="DW20" s="228">
        <v>0</v>
      </c>
      <c r="DX20" s="61">
        <v>1</v>
      </c>
      <c r="DY20" s="61">
        <v>1</v>
      </c>
      <c r="DZ20" s="61">
        <v>1</v>
      </c>
      <c r="EA20" s="61">
        <v>1</v>
      </c>
      <c r="EB20" s="61">
        <v>1</v>
      </c>
      <c r="EC20" s="62">
        <v>5</v>
      </c>
      <c r="ED20" s="63">
        <v>6</v>
      </c>
      <c r="EE20" s="60">
        <v>3</v>
      </c>
      <c r="EF20" s="61">
        <v>2</v>
      </c>
      <c r="EG20" s="62">
        <v>5</v>
      </c>
      <c r="EH20" s="228">
        <v>0</v>
      </c>
      <c r="EI20" s="61">
        <v>6</v>
      </c>
      <c r="EJ20" s="61">
        <v>5</v>
      </c>
      <c r="EK20" s="61">
        <v>6</v>
      </c>
      <c r="EL20" s="61">
        <v>1</v>
      </c>
      <c r="EM20" s="61">
        <v>1</v>
      </c>
      <c r="EN20" s="62">
        <v>19</v>
      </c>
      <c r="EO20" s="63">
        <v>24</v>
      </c>
      <c r="EP20" s="60">
        <v>3</v>
      </c>
      <c r="EQ20" s="61">
        <v>8</v>
      </c>
      <c r="ER20" s="62">
        <v>11</v>
      </c>
      <c r="ES20" s="228">
        <v>0</v>
      </c>
      <c r="ET20" s="61">
        <v>4</v>
      </c>
      <c r="EU20" s="61">
        <v>6</v>
      </c>
      <c r="EV20" s="61">
        <v>8</v>
      </c>
      <c r="EW20" s="61">
        <v>5</v>
      </c>
      <c r="EX20" s="61">
        <v>8</v>
      </c>
      <c r="EY20" s="62">
        <v>31</v>
      </c>
      <c r="EZ20" s="63">
        <v>42</v>
      </c>
      <c r="FA20" s="60">
        <v>3</v>
      </c>
      <c r="FB20" s="61">
        <v>8</v>
      </c>
      <c r="FC20" s="62">
        <v>11</v>
      </c>
      <c r="FD20" s="228">
        <v>0</v>
      </c>
      <c r="FE20" s="61">
        <v>10</v>
      </c>
      <c r="FF20" s="61">
        <v>8</v>
      </c>
      <c r="FG20" s="61">
        <v>6</v>
      </c>
      <c r="FH20" s="61">
        <v>3</v>
      </c>
      <c r="FI20" s="61">
        <v>6</v>
      </c>
      <c r="FJ20" s="62">
        <v>33</v>
      </c>
      <c r="FK20" s="63">
        <v>44</v>
      </c>
      <c r="FL20" s="60">
        <v>1</v>
      </c>
      <c r="FM20" s="61">
        <v>5</v>
      </c>
      <c r="FN20" s="62">
        <v>6</v>
      </c>
      <c r="FO20" s="228">
        <v>0</v>
      </c>
      <c r="FP20" s="61">
        <v>9</v>
      </c>
      <c r="FQ20" s="61">
        <v>13</v>
      </c>
      <c r="FR20" s="61">
        <v>12</v>
      </c>
      <c r="FS20" s="61">
        <v>6</v>
      </c>
      <c r="FT20" s="61">
        <v>8</v>
      </c>
      <c r="FU20" s="62">
        <v>48</v>
      </c>
      <c r="FV20" s="63">
        <v>54</v>
      </c>
      <c r="FW20" s="60">
        <v>0</v>
      </c>
      <c r="FX20" s="61">
        <v>0</v>
      </c>
      <c r="FY20" s="62">
        <v>0</v>
      </c>
      <c r="FZ20" s="228">
        <v>0</v>
      </c>
      <c r="GA20" s="61">
        <v>0</v>
      </c>
      <c r="GB20" s="61">
        <v>0</v>
      </c>
      <c r="GC20" s="61">
        <v>0</v>
      </c>
      <c r="GD20" s="61">
        <v>0</v>
      </c>
      <c r="GE20" s="61">
        <v>0</v>
      </c>
      <c r="GF20" s="62">
        <v>0</v>
      </c>
      <c r="GG20" s="63">
        <v>0</v>
      </c>
      <c r="GH20" s="60">
        <v>12</v>
      </c>
      <c r="GI20" s="61">
        <v>25</v>
      </c>
      <c r="GJ20" s="62">
        <v>37</v>
      </c>
      <c r="GK20" s="228">
        <v>0</v>
      </c>
      <c r="GL20" s="61">
        <v>30</v>
      </c>
      <c r="GM20" s="61">
        <v>34</v>
      </c>
      <c r="GN20" s="61">
        <v>33</v>
      </c>
      <c r="GO20" s="61">
        <v>16</v>
      </c>
      <c r="GP20" s="61">
        <v>24</v>
      </c>
      <c r="GQ20" s="62">
        <v>137</v>
      </c>
      <c r="GR20" s="63">
        <v>174</v>
      </c>
      <c r="GS20" s="113">
        <v>65</v>
      </c>
      <c r="GT20" s="72">
        <v>78</v>
      </c>
      <c r="GU20" s="73">
        <v>143</v>
      </c>
      <c r="GV20" s="228">
        <v>0</v>
      </c>
      <c r="GW20" s="72">
        <v>105</v>
      </c>
      <c r="GX20" s="72">
        <v>124</v>
      </c>
      <c r="GY20" s="72">
        <v>94</v>
      </c>
      <c r="GZ20" s="72">
        <v>61</v>
      </c>
      <c r="HA20" s="72">
        <v>50</v>
      </c>
      <c r="HB20" s="74">
        <v>434</v>
      </c>
      <c r="HC20" s="75">
        <v>577</v>
      </c>
      <c r="HD20" s="60">
        <v>5</v>
      </c>
      <c r="HE20" s="61">
        <v>4</v>
      </c>
      <c r="HF20" s="62">
        <v>9</v>
      </c>
      <c r="HG20" s="228">
        <v>0</v>
      </c>
      <c r="HH20" s="61">
        <v>3</v>
      </c>
      <c r="HI20" s="61">
        <v>5</v>
      </c>
      <c r="HJ20" s="61">
        <v>2</v>
      </c>
      <c r="HK20" s="61">
        <v>3</v>
      </c>
      <c r="HL20" s="61">
        <v>1</v>
      </c>
      <c r="HM20" s="62">
        <v>14</v>
      </c>
      <c r="HN20" s="63">
        <v>23</v>
      </c>
      <c r="HO20" s="60">
        <v>1</v>
      </c>
      <c r="HP20" s="61">
        <v>5</v>
      </c>
      <c r="HQ20" s="62">
        <v>6</v>
      </c>
      <c r="HR20" s="228">
        <v>0</v>
      </c>
      <c r="HS20" s="61">
        <v>4</v>
      </c>
      <c r="HT20" s="61">
        <v>15</v>
      </c>
      <c r="HU20" s="61">
        <v>6</v>
      </c>
      <c r="HV20" s="61">
        <v>5</v>
      </c>
      <c r="HW20" s="61">
        <v>3</v>
      </c>
      <c r="HX20" s="62">
        <v>33</v>
      </c>
      <c r="HY20" s="63">
        <v>39</v>
      </c>
      <c r="HZ20" s="60">
        <v>7</v>
      </c>
      <c r="IA20" s="61">
        <v>6</v>
      </c>
      <c r="IB20" s="62">
        <v>13</v>
      </c>
      <c r="IC20" s="228">
        <v>0</v>
      </c>
      <c r="ID20" s="61">
        <v>21</v>
      </c>
      <c r="IE20" s="61">
        <v>13</v>
      </c>
      <c r="IF20" s="61">
        <v>15</v>
      </c>
      <c r="IG20" s="61">
        <v>10</v>
      </c>
      <c r="IH20" s="61">
        <v>8</v>
      </c>
      <c r="II20" s="62">
        <v>67</v>
      </c>
      <c r="IJ20" s="63">
        <v>80</v>
      </c>
      <c r="IK20" s="60">
        <v>15</v>
      </c>
      <c r="IL20" s="61">
        <v>20</v>
      </c>
      <c r="IM20" s="62">
        <v>35</v>
      </c>
      <c r="IN20" s="228">
        <v>0</v>
      </c>
      <c r="IO20" s="61">
        <v>22</v>
      </c>
      <c r="IP20" s="61">
        <v>25</v>
      </c>
      <c r="IQ20" s="61">
        <v>25</v>
      </c>
      <c r="IR20" s="61">
        <v>11</v>
      </c>
      <c r="IS20" s="61">
        <v>14</v>
      </c>
      <c r="IT20" s="62">
        <v>97</v>
      </c>
      <c r="IU20" s="63">
        <v>132</v>
      </c>
      <c r="IV20" s="60">
        <v>23</v>
      </c>
      <c r="IW20" s="61">
        <v>22</v>
      </c>
      <c r="IX20" s="62">
        <v>45</v>
      </c>
      <c r="IY20" s="228">
        <v>0</v>
      </c>
      <c r="IZ20" s="61">
        <v>34</v>
      </c>
      <c r="JA20" s="61">
        <v>28</v>
      </c>
      <c r="JB20" s="61">
        <v>21</v>
      </c>
      <c r="JC20" s="61">
        <v>16</v>
      </c>
      <c r="JD20" s="61">
        <v>9</v>
      </c>
      <c r="JE20" s="62">
        <v>108</v>
      </c>
      <c r="JF20" s="63">
        <v>153</v>
      </c>
      <c r="JG20" s="60">
        <v>14</v>
      </c>
      <c r="JH20" s="61">
        <v>21</v>
      </c>
      <c r="JI20" s="62">
        <v>35</v>
      </c>
      <c r="JJ20" s="228">
        <v>0</v>
      </c>
      <c r="JK20" s="61">
        <v>21</v>
      </c>
      <c r="JL20" s="61">
        <v>38</v>
      </c>
      <c r="JM20" s="61">
        <v>25</v>
      </c>
      <c r="JN20" s="61">
        <v>16</v>
      </c>
      <c r="JO20" s="61">
        <v>15</v>
      </c>
      <c r="JP20" s="62">
        <v>115</v>
      </c>
      <c r="JQ20" s="63">
        <v>150</v>
      </c>
      <c r="JR20" s="60">
        <v>0</v>
      </c>
      <c r="JS20" s="61">
        <v>0</v>
      </c>
      <c r="JT20" s="62">
        <v>0</v>
      </c>
      <c r="JU20" s="228">
        <v>0</v>
      </c>
      <c r="JV20" s="61">
        <v>0</v>
      </c>
      <c r="JW20" s="61">
        <v>0</v>
      </c>
      <c r="JX20" s="61">
        <v>0</v>
      </c>
      <c r="JY20" s="61">
        <v>0</v>
      </c>
      <c r="JZ20" s="61">
        <v>0</v>
      </c>
      <c r="KA20" s="62">
        <v>0</v>
      </c>
      <c r="KB20" s="63">
        <v>0</v>
      </c>
      <c r="KC20" s="60">
        <v>65</v>
      </c>
      <c r="KD20" s="61">
        <v>78</v>
      </c>
      <c r="KE20" s="62">
        <v>143</v>
      </c>
      <c r="KF20" s="228">
        <v>0</v>
      </c>
      <c r="KG20" s="61">
        <v>105</v>
      </c>
      <c r="KH20" s="61">
        <v>124</v>
      </c>
      <c r="KI20" s="61">
        <v>94</v>
      </c>
      <c r="KJ20" s="61">
        <v>61</v>
      </c>
      <c r="KK20" s="61">
        <v>50</v>
      </c>
      <c r="KL20" s="62">
        <v>434</v>
      </c>
      <c r="KM20" s="63">
        <v>577</v>
      </c>
    </row>
    <row r="21" spans="2:299" ht="21" customHeight="1" x14ac:dyDescent="0.2">
      <c r="B21" s="472" t="s">
        <v>18</v>
      </c>
      <c r="C21" s="293">
        <v>59</v>
      </c>
      <c r="D21" s="72">
        <v>66</v>
      </c>
      <c r="E21" s="73">
        <v>125</v>
      </c>
      <c r="F21" s="228">
        <v>0</v>
      </c>
      <c r="G21" s="72">
        <v>115</v>
      </c>
      <c r="H21" s="72">
        <v>96</v>
      </c>
      <c r="I21" s="72">
        <v>43</v>
      </c>
      <c r="J21" s="72">
        <v>53</v>
      </c>
      <c r="K21" s="72">
        <v>27</v>
      </c>
      <c r="L21" s="74">
        <v>334</v>
      </c>
      <c r="M21" s="75">
        <v>459</v>
      </c>
      <c r="N21" s="60">
        <v>2</v>
      </c>
      <c r="O21" s="61">
        <v>3</v>
      </c>
      <c r="P21" s="62">
        <v>5</v>
      </c>
      <c r="Q21" s="228">
        <v>0</v>
      </c>
      <c r="R21" s="61">
        <v>10</v>
      </c>
      <c r="S21" s="61">
        <v>6</v>
      </c>
      <c r="T21" s="61">
        <v>3</v>
      </c>
      <c r="U21" s="61">
        <v>1</v>
      </c>
      <c r="V21" s="61">
        <v>2</v>
      </c>
      <c r="W21" s="62">
        <v>22</v>
      </c>
      <c r="X21" s="63">
        <v>27</v>
      </c>
      <c r="Y21" s="60">
        <v>7</v>
      </c>
      <c r="Z21" s="61">
        <v>6</v>
      </c>
      <c r="AA21" s="62">
        <v>13</v>
      </c>
      <c r="AB21" s="228">
        <v>0</v>
      </c>
      <c r="AC21" s="61">
        <v>11</v>
      </c>
      <c r="AD21" s="61">
        <v>8</v>
      </c>
      <c r="AE21" s="61">
        <v>2</v>
      </c>
      <c r="AF21" s="61">
        <v>2</v>
      </c>
      <c r="AG21" s="61">
        <v>4</v>
      </c>
      <c r="AH21" s="62">
        <v>27</v>
      </c>
      <c r="AI21" s="63">
        <v>40</v>
      </c>
      <c r="AJ21" s="60">
        <v>8</v>
      </c>
      <c r="AK21" s="61">
        <v>10</v>
      </c>
      <c r="AL21" s="62">
        <v>18</v>
      </c>
      <c r="AM21" s="228">
        <v>0</v>
      </c>
      <c r="AN21" s="61">
        <v>15</v>
      </c>
      <c r="AO21" s="61">
        <v>10</v>
      </c>
      <c r="AP21" s="61">
        <v>7</v>
      </c>
      <c r="AQ21" s="61">
        <v>9</v>
      </c>
      <c r="AR21" s="61">
        <v>6</v>
      </c>
      <c r="AS21" s="62">
        <v>47</v>
      </c>
      <c r="AT21" s="63">
        <v>65</v>
      </c>
      <c r="AU21" s="60">
        <v>11</v>
      </c>
      <c r="AV21" s="61">
        <v>19</v>
      </c>
      <c r="AW21" s="62">
        <v>30</v>
      </c>
      <c r="AX21" s="228">
        <v>0</v>
      </c>
      <c r="AY21" s="61">
        <v>29</v>
      </c>
      <c r="AZ21" s="61">
        <v>24</v>
      </c>
      <c r="BA21" s="61">
        <v>8</v>
      </c>
      <c r="BB21" s="61">
        <v>16</v>
      </c>
      <c r="BC21" s="61">
        <v>5</v>
      </c>
      <c r="BD21" s="62">
        <v>82</v>
      </c>
      <c r="BE21" s="63">
        <v>112</v>
      </c>
      <c r="BF21" s="60">
        <v>18</v>
      </c>
      <c r="BG21" s="61">
        <v>14</v>
      </c>
      <c r="BH21" s="62">
        <v>32</v>
      </c>
      <c r="BI21" s="228">
        <v>0</v>
      </c>
      <c r="BJ21" s="61">
        <v>28</v>
      </c>
      <c r="BK21" s="61">
        <v>25</v>
      </c>
      <c r="BL21" s="61">
        <v>10</v>
      </c>
      <c r="BM21" s="61">
        <v>10</v>
      </c>
      <c r="BN21" s="61">
        <v>5</v>
      </c>
      <c r="BO21" s="62">
        <v>78</v>
      </c>
      <c r="BP21" s="63">
        <v>110</v>
      </c>
      <c r="BQ21" s="60">
        <v>13</v>
      </c>
      <c r="BR21" s="61">
        <v>14</v>
      </c>
      <c r="BS21" s="62">
        <v>27</v>
      </c>
      <c r="BT21" s="228">
        <v>0</v>
      </c>
      <c r="BU21" s="61">
        <v>22</v>
      </c>
      <c r="BV21" s="61">
        <v>23</v>
      </c>
      <c r="BW21" s="61">
        <v>13</v>
      </c>
      <c r="BX21" s="61">
        <v>15</v>
      </c>
      <c r="BY21" s="61">
        <v>5</v>
      </c>
      <c r="BZ21" s="62">
        <v>78</v>
      </c>
      <c r="CA21" s="63">
        <v>105</v>
      </c>
      <c r="CB21" s="60">
        <v>0</v>
      </c>
      <c r="CC21" s="61">
        <v>0</v>
      </c>
      <c r="CD21" s="62">
        <v>0</v>
      </c>
      <c r="CE21" s="228">
        <v>0</v>
      </c>
      <c r="CF21" s="61">
        <v>0</v>
      </c>
      <c r="CG21" s="61">
        <v>0</v>
      </c>
      <c r="CH21" s="61">
        <v>0</v>
      </c>
      <c r="CI21" s="61">
        <v>0</v>
      </c>
      <c r="CJ21" s="61">
        <v>0</v>
      </c>
      <c r="CK21" s="62">
        <v>0</v>
      </c>
      <c r="CL21" s="63">
        <v>0</v>
      </c>
      <c r="CM21" s="60">
        <v>59</v>
      </c>
      <c r="CN21" s="61">
        <v>66</v>
      </c>
      <c r="CO21" s="62">
        <v>125</v>
      </c>
      <c r="CP21" s="228">
        <v>0</v>
      </c>
      <c r="CQ21" s="61">
        <v>115</v>
      </c>
      <c r="CR21" s="61">
        <v>96</v>
      </c>
      <c r="CS21" s="61">
        <v>43</v>
      </c>
      <c r="CT21" s="61">
        <v>53</v>
      </c>
      <c r="CU21" s="61">
        <v>27</v>
      </c>
      <c r="CV21" s="62">
        <v>334</v>
      </c>
      <c r="CW21" s="63">
        <v>459</v>
      </c>
      <c r="CX21" s="113">
        <v>25</v>
      </c>
      <c r="CY21" s="72">
        <v>29</v>
      </c>
      <c r="CZ21" s="73">
        <v>54</v>
      </c>
      <c r="DA21" s="228">
        <v>0</v>
      </c>
      <c r="DB21" s="72">
        <v>43</v>
      </c>
      <c r="DC21" s="72">
        <v>36</v>
      </c>
      <c r="DD21" s="72">
        <v>37</v>
      </c>
      <c r="DE21" s="72">
        <v>27</v>
      </c>
      <c r="DF21" s="72">
        <v>28</v>
      </c>
      <c r="DG21" s="74">
        <v>171</v>
      </c>
      <c r="DH21" s="75">
        <v>225</v>
      </c>
      <c r="DI21" s="60">
        <v>2</v>
      </c>
      <c r="DJ21" s="61">
        <v>1</v>
      </c>
      <c r="DK21" s="62">
        <v>3</v>
      </c>
      <c r="DL21" s="228">
        <v>0</v>
      </c>
      <c r="DM21" s="61">
        <v>2</v>
      </c>
      <c r="DN21" s="61">
        <v>0</v>
      </c>
      <c r="DO21" s="61">
        <v>0</v>
      </c>
      <c r="DP21" s="61">
        <v>0</v>
      </c>
      <c r="DQ21" s="61">
        <v>3</v>
      </c>
      <c r="DR21" s="62">
        <v>5</v>
      </c>
      <c r="DS21" s="63">
        <v>8</v>
      </c>
      <c r="DT21" s="60">
        <v>4</v>
      </c>
      <c r="DU21" s="61">
        <v>4</v>
      </c>
      <c r="DV21" s="62">
        <v>8</v>
      </c>
      <c r="DW21" s="228">
        <v>0</v>
      </c>
      <c r="DX21" s="61">
        <v>3</v>
      </c>
      <c r="DY21" s="61">
        <v>3</v>
      </c>
      <c r="DZ21" s="61">
        <v>0</v>
      </c>
      <c r="EA21" s="61">
        <v>0</v>
      </c>
      <c r="EB21" s="61">
        <v>3</v>
      </c>
      <c r="EC21" s="62">
        <v>9</v>
      </c>
      <c r="ED21" s="63">
        <v>17</v>
      </c>
      <c r="EE21" s="60">
        <v>3</v>
      </c>
      <c r="EF21" s="61">
        <v>6</v>
      </c>
      <c r="EG21" s="62">
        <v>9</v>
      </c>
      <c r="EH21" s="228">
        <v>0</v>
      </c>
      <c r="EI21" s="61">
        <v>5</v>
      </c>
      <c r="EJ21" s="61">
        <v>4</v>
      </c>
      <c r="EK21" s="61">
        <v>2</v>
      </c>
      <c r="EL21" s="61">
        <v>1</v>
      </c>
      <c r="EM21" s="61">
        <v>2</v>
      </c>
      <c r="EN21" s="62">
        <v>14</v>
      </c>
      <c r="EO21" s="63">
        <v>23</v>
      </c>
      <c r="EP21" s="60">
        <v>8</v>
      </c>
      <c r="EQ21" s="61">
        <v>9</v>
      </c>
      <c r="ER21" s="62">
        <v>17</v>
      </c>
      <c r="ES21" s="228">
        <v>0</v>
      </c>
      <c r="ET21" s="61">
        <v>10</v>
      </c>
      <c r="EU21" s="61">
        <v>10</v>
      </c>
      <c r="EV21" s="61">
        <v>3</v>
      </c>
      <c r="EW21" s="61">
        <v>6</v>
      </c>
      <c r="EX21" s="61">
        <v>2</v>
      </c>
      <c r="EY21" s="62">
        <v>31</v>
      </c>
      <c r="EZ21" s="63">
        <v>48</v>
      </c>
      <c r="FA21" s="60">
        <v>8</v>
      </c>
      <c r="FB21" s="61">
        <v>6</v>
      </c>
      <c r="FC21" s="62">
        <v>14</v>
      </c>
      <c r="FD21" s="228">
        <v>0</v>
      </c>
      <c r="FE21" s="61">
        <v>15</v>
      </c>
      <c r="FF21" s="61">
        <v>7</v>
      </c>
      <c r="FG21" s="61">
        <v>11</v>
      </c>
      <c r="FH21" s="61">
        <v>7</v>
      </c>
      <c r="FI21" s="61">
        <v>6</v>
      </c>
      <c r="FJ21" s="62">
        <v>46</v>
      </c>
      <c r="FK21" s="63">
        <v>60</v>
      </c>
      <c r="FL21" s="60">
        <v>0</v>
      </c>
      <c r="FM21" s="61">
        <v>3</v>
      </c>
      <c r="FN21" s="62">
        <v>3</v>
      </c>
      <c r="FO21" s="228">
        <v>0</v>
      </c>
      <c r="FP21" s="61">
        <v>8</v>
      </c>
      <c r="FQ21" s="61">
        <v>12</v>
      </c>
      <c r="FR21" s="61">
        <v>21</v>
      </c>
      <c r="FS21" s="61">
        <v>13</v>
      </c>
      <c r="FT21" s="61">
        <v>12</v>
      </c>
      <c r="FU21" s="62">
        <v>66</v>
      </c>
      <c r="FV21" s="63">
        <v>69</v>
      </c>
      <c r="FW21" s="60">
        <v>0</v>
      </c>
      <c r="FX21" s="61">
        <v>0</v>
      </c>
      <c r="FY21" s="62">
        <v>0</v>
      </c>
      <c r="FZ21" s="228">
        <v>0</v>
      </c>
      <c r="GA21" s="61">
        <v>0</v>
      </c>
      <c r="GB21" s="61">
        <v>0</v>
      </c>
      <c r="GC21" s="61">
        <v>0</v>
      </c>
      <c r="GD21" s="61">
        <v>0</v>
      </c>
      <c r="GE21" s="61">
        <v>0</v>
      </c>
      <c r="GF21" s="62">
        <v>0</v>
      </c>
      <c r="GG21" s="63">
        <v>0</v>
      </c>
      <c r="GH21" s="60">
        <v>25</v>
      </c>
      <c r="GI21" s="61">
        <v>29</v>
      </c>
      <c r="GJ21" s="62">
        <v>54</v>
      </c>
      <c r="GK21" s="228">
        <v>0</v>
      </c>
      <c r="GL21" s="61">
        <v>43</v>
      </c>
      <c r="GM21" s="61">
        <v>36</v>
      </c>
      <c r="GN21" s="61">
        <v>37</v>
      </c>
      <c r="GO21" s="61">
        <v>27</v>
      </c>
      <c r="GP21" s="61">
        <v>28</v>
      </c>
      <c r="GQ21" s="62">
        <v>171</v>
      </c>
      <c r="GR21" s="63">
        <v>225</v>
      </c>
      <c r="GS21" s="113">
        <v>84</v>
      </c>
      <c r="GT21" s="72">
        <v>95</v>
      </c>
      <c r="GU21" s="73">
        <v>179</v>
      </c>
      <c r="GV21" s="228">
        <v>0</v>
      </c>
      <c r="GW21" s="72">
        <v>158</v>
      </c>
      <c r="GX21" s="72">
        <v>132</v>
      </c>
      <c r="GY21" s="72">
        <v>80</v>
      </c>
      <c r="GZ21" s="72">
        <v>80</v>
      </c>
      <c r="HA21" s="72">
        <v>55</v>
      </c>
      <c r="HB21" s="74">
        <v>505</v>
      </c>
      <c r="HC21" s="75">
        <v>684</v>
      </c>
      <c r="HD21" s="60">
        <v>4</v>
      </c>
      <c r="HE21" s="61">
        <v>4</v>
      </c>
      <c r="HF21" s="62">
        <v>8</v>
      </c>
      <c r="HG21" s="228">
        <v>0</v>
      </c>
      <c r="HH21" s="61">
        <v>12</v>
      </c>
      <c r="HI21" s="61">
        <v>6</v>
      </c>
      <c r="HJ21" s="61">
        <v>3</v>
      </c>
      <c r="HK21" s="61">
        <v>1</v>
      </c>
      <c r="HL21" s="61">
        <v>5</v>
      </c>
      <c r="HM21" s="62">
        <v>27</v>
      </c>
      <c r="HN21" s="63">
        <v>35</v>
      </c>
      <c r="HO21" s="60">
        <v>11</v>
      </c>
      <c r="HP21" s="61">
        <v>10</v>
      </c>
      <c r="HQ21" s="62">
        <v>21</v>
      </c>
      <c r="HR21" s="228">
        <v>0</v>
      </c>
      <c r="HS21" s="61">
        <v>14</v>
      </c>
      <c r="HT21" s="61">
        <v>11</v>
      </c>
      <c r="HU21" s="61">
        <v>2</v>
      </c>
      <c r="HV21" s="61">
        <v>2</v>
      </c>
      <c r="HW21" s="61">
        <v>7</v>
      </c>
      <c r="HX21" s="62">
        <v>36</v>
      </c>
      <c r="HY21" s="63">
        <v>57</v>
      </c>
      <c r="HZ21" s="60">
        <v>11</v>
      </c>
      <c r="IA21" s="61">
        <v>16</v>
      </c>
      <c r="IB21" s="62">
        <v>27</v>
      </c>
      <c r="IC21" s="228">
        <v>0</v>
      </c>
      <c r="ID21" s="61">
        <v>20</v>
      </c>
      <c r="IE21" s="61">
        <v>14</v>
      </c>
      <c r="IF21" s="61">
        <v>9</v>
      </c>
      <c r="IG21" s="61">
        <v>10</v>
      </c>
      <c r="IH21" s="61">
        <v>8</v>
      </c>
      <c r="II21" s="62">
        <v>61</v>
      </c>
      <c r="IJ21" s="63">
        <v>88</v>
      </c>
      <c r="IK21" s="60">
        <v>19</v>
      </c>
      <c r="IL21" s="61">
        <v>28</v>
      </c>
      <c r="IM21" s="62">
        <v>47</v>
      </c>
      <c r="IN21" s="228">
        <v>0</v>
      </c>
      <c r="IO21" s="61">
        <v>39</v>
      </c>
      <c r="IP21" s="61">
        <v>34</v>
      </c>
      <c r="IQ21" s="61">
        <v>11</v>
      </c>
      <c r="IR21" s="61">
        <v>22</v>
      </c>
      <c r="IS21" s="61">
        <v>7</v>
      </c>
      <c r="IT21" s="62">
        <v>113</v>
      </c>
      <c r="IU21" s="63">
        <v>160</v>
      </c>
      <c r="IV21" s="60">
        <v>26</v>
      </c>
      <c r="IW21" s="61">
        <v>20</v>
      </c>
      <c r="IX21" s="62">
        <v>46</v>
      </c>
      <c r="IY21" s="228">
        <v>0</v>
      </c>
      <c r="IZ21" s="61">
        <v>43</v>
      </c>
      <c r="JA21" s="61">
        <v>32</v>
      </c>
      <c r="JB21" s="61">
        <v>21</v>
      </c>
      <c r="JC21" s="61">
        <v>17</v>
      </c>
      <c r="JD21" s="61">
        <v>11</v>
      </c>
      <c r="JE21" s="62">
        <v>124</v>
      </c>
      <c r="JF21" s="63">
        <v>170</v>
      </c>
      <c r="JG21" s="60">
        <v>13</v>
      </c>
      <c r="JH21" s="61">
        <v>17</v>
      </c>
      <c r="JI21" s="62">
        <v>30</v>
      </c>
      <c r="JJ21" s="228">
        <v>0</v>
      </c>
      <c r="JK21" s="61">
        <v>30</v>
      </c>
      <c r="JL21" s="61">
        <v>35</v>
      </c>
      <c r="JM21" s="61">
        <v>34</v>
      </c>
      <c r="JN21" s="61">
        <v>28</v>
      </c>
      <c r="JO21" s="61">
        <v>17</v>
      </c>
      <c r="JP21" s="62">
        <v>144</v>
      </c>
      <c r="JQ21" s="63">
        <v>174</v>
      </c>
      <c r="JR21" s="60">
        <v>0</v>
      </c>
      <c r="JS21" s="61">
        <v>0</v>
      </c>
      <c r="JT21" s="62">
        <v>0</v>
      </c>
      <c r="JU21" s="228">
        <v>0</v>
      </c>
      <c r="JV21" s="61">
        <v>0</v>
      </c>
      <c r="JW21" s="61">
        <v>0</v>
      </c>
      <c r="JX21" s="61">
        <v>0</v>
      </c>
      <c r="JY21" s="61">
        <v>0</v>
      </c>
      <c r="JZ21" s="61">
        <v>0</v>
      </c>
      <c r="KA21" s="62">
        <v>0</v>
      </c>
      <c r="KB21" s="63">
        <v>0</v>
      </c>
      <c r="KC21" s="60">
        <v>84</v>
      </c>
      <c r="KD21" s="61">
        <v>95</v>
      </c>
      <c r="KE21" s="62">
        <v>179</v>
      </c>
      <c r="KF21" s="228">
        <v>0</v>
      </c>
      <c r="KG21" s="61">
        <v>158</v>
      </c>
      <c r="KH21" s="61">
        <v>132</v>
      </c>
      <c r="KI21" s="61">
        <v>80</v>
      </c>
      <c r="KJ21" s="61">
        <v>80</v>
      </c>
      <c r="KK21" s="61">
        <v>55</v>
      </c>
      <c r="KL21" s="62">
        <v>505</v>
      </c>
      <c r="KM21" s="63">
        <v>684</v>
      </c>
    </row>
    <row r="22" spans="2:299" ht="21" customHeight="1" x14ac:dyDescent="0.2">
      <c r="B22" s="472" t="s">
        <v>19</v>
      </c>
      <c r="C22" s="293">
        <v>27</v>
      </c>
      <c r="D22" s="72">
        <v>20</v>
      </c>
      <c r="E22" s="73">
        <v>47</v>
      </c>
      <c r="F22" s="228">
        <v>0</v>
      </c>
      <c r="G22" s="72">
        <v>51</v>
      </c>
      <c r="H22" s="72">
        <v>38</v>
      </c>
      <c r="I22" s="72">
        <v>19</v>
      </c>
      <c r="J22" s="72">
        <v>17</v>
      </c>
      <c r="K22" s="72">
        <v>15</v>
      </c>
      <c r="L22" s="74">
        <v>140</v>
      </c>
      <c r="M22" s="75">
        <v>187</v>
      </c>
      <c r="N22" s="76">
        <v>2</v>
      </c>
      <c r="O22" s="61">
        <v>1</v>
      </c>
      <c r="P22" s="62">
        <v>3</v>
      </c>
      <c r="Q22" s="228">
        <v>0</v>
      </c>
      <c r="R22" s="61">
        <v>2</v>
      </c>
      <c r="S22" s="61">
        <v>0</v>
      </c>
      <c r="T22" s="61">
        <v>0</v>
      </c>
      <c r="U22" s="61">
        <v>1</v>
      </c>
      <c r="V22" s="61">
        <v>0</v>
      </c>
      <c r="W22" s="62">
        <v>3</v>
      </c>
      <c r="X22" s="63">
        <v>6</v>
      </c>
      <c r="Y22" s="60">
        <v>2</v>
      </c>
      <c r="Z22" s="61">
        <v>0</v>
      </c>
      <c r="AA22" s="62">
        <v>2</v>
      </c>
      <c r="AB22" s="228">
        <v>0</v>
      </c>
      <c r="AC22" s="61">
        <v>6</v>
      </c>
      <c r="AD22" s="61">
        <v>3</v>
      </c>
      <c r="AE22" s="61">
        <v>1</v>
      </c>
      <c r="AF22" s="61">
        <v>0</v>
      </c>
      <c r="AG22" s="61">
        <v>2</v>
      </c>
      <c r="AH22" s="62">
        <v>12</v>
      </c>
      <c r="AI22" s="63">
        <v>14</v>
      </c>
      <c r="AJ22" s="76">
        <v>4</v>
      </c>
      <c r="AK22" s="61">
        <v>2</v>
      </c>
      <c r="AL22" s="62">
        <v>6</v>
      </c>
      <c r="AM22" s="228">
        <v>0</v>
      </c>
      <c r="AN22" s="61">
        <v>5</v>
      </c>
      <c r="AO22" s="61">
        <v>4</v>
      </c>
      <c r="AP22" s="61">
        <v>1</v>
      </c>
      <c r="AQ22" s="61">
        <v>6</v>
      </c>
      <c r="AR22" s="61">
        <v>2</v>
      </c>
      <c r="AS22" s="62">
        <v>18</v>
      </c>
      <c r="AT22" s="63">
        <v>24</v>
      </c>
      <c r="AU22" s="60">
        <v>4</v>
      </c>
      <c r="AV22" s="61">
        <v>3</v>
      </c>
      <c r="AW22" s="62">
        <v>7</v>
      </c>
      <c r="AX22" s="228">
        <v>0</v>
      </c>
      <c r="AY22" s="61">
        <v>10</v>
      </c>
      <c r="AZ22" s="61">
        <v>11</v>
      </c>
      <c r="BA22" s="61">
        <v>4</v>
      </c>
      <c r="BB22" s="61">
        <v>0</v>
      </c>
      <c r="BC22" s="61">
        <v>6</v>
      </c>
      <c r="BD22" s="62">
        <v>31</v>
      </c>
      <c r="BE22" s="63">
        <v>38</v>
      </c>
      <c r="BF22" s="76">
        <v>8</v>
      </c>
      <c r="BG22" s="61">
        <v>6</v>
      </c>
      <c r="BH22" s="62">
        <v>14</v>
      </c>
      <c r="BI22" s="228">
        <v>0</v>
      </c>
      <c r="BJ22" s="61">
        <v>10</v>
      </c>
      <c r="BK22" s="61">
        <v>10</v>
      </c>
      <c r="BL22" s="61">
        <v>3</v>
      </c>
      <c r="BM22" s="61">
        <v>6</v>
      </c>
      <c r="BN22" s="61">
        <v>2</v>
      </c>
      <c r="BO22" s="62">
        <v>31</v>
      </c>
      <c r="BP22" s="63">
        <v>45</v>
      </c>
      <c r="BQ22" s="60">
        <v>7</v>
      </c>
      <c r="BR22" s="61">
        <v>8</v>
      </c>
      <c r="BS22" s="62">
        <v>15</v>
      </c>
      <c r="BT22" s="228">
        <v>0</v>
      </c>
      <c r="BU22" s="61">
        <v>18</v>
      </c>
      <c r="BV22" s="61">
        <v>10</v>
      </c>
      <c r="BW22" s="61">
        <v>10</v>
      </c>
      <c r="BX22" s="61">
        <v>4</v>
      </c>
      <c r="BY22" s="61">
        <v>3</v>
      </c>
      <c r="BZ22" s="62">
        <v>45</v>
      </c>
      <c r="CA22" s="63">
        <v>60</v>
      </c>
      <c r="CB22" s="60">
        <v>0</v>
      </c>
      <c r="CC22" s="61">
        <v>0</v>
      </c>
      <c r="CD22" s="62">
        <v>0</v>
      </c>
      <c r="CE22" s="228">
        <v>0</v>
      </c>
      <c r="CF22" s="61">
        <v>0</v>
      </c>
      <c r="CG22" s="61">
        <v>0</v>
      </c>
      <c r="CH22" s="61">
        <v>0</v>
      </c>
      <c r="CI22" s="61">
        <v>0</v>
      </c>
      <c r="CJ22" s="61">
        <v>0</v>
      </c>
      <c r="CK22" s="62">
        <v>0</v>
      </c>
      <c r="CL22" s="63">
        <v>0</v>
      </c>
      <c r="CM22" s="60">
        <v>27</v>
      </c>
      <c r="CN22" s="61">
        <v>20</v>
      </c>
      <c r="CO22" s="62">
        <v>47</v>
      </c>
      <c r="CP22" s="228">
        <v>0</v>
      </c>
      <c r="CQ22" s="61">
        <v>51</v>
      </c>
      <c r="CR22" s="61">
        <v>38</v>
      </c>
      <c r="CS22" s="61">
        <v>19</v>
      </c>
      <c r="CT22" s="61">
        <v>17</v>
      </c>
      <c r="CU22" s="61">
        <v>15</v>
      </c>
      <c r="CV22" s="62">
        <v>140</v>
      </c>
      <c r="CW22" s="63">
        <v>187</v>
      </c>
      <c r="CX22" s="113">
        <v>10</v>
      </c>
      <c r="CY22" s="72">
        <v>4</v>
      </c>
      <c r="CZ22" s="73">
        <v>14</v>
      </c>
      <c r="DA22" s="228">
        <v>0</v>
      </c>
      <c r="DB22" s="72">
        <v>15</v>
      </c>
      <c r="DC22" s="72">
        <v>11</v>
      </c>
      <c r="DD22" s="72">
        <v>13</v>
      </c>
      <c r="DE22" s="72">
        <v>3</v>
      </c>
      <c r="DF22" s="72">
        <v>5</v>
      </c>
      <c r="DG22" s="74">
        <v>47</v>
      </c>
      <c r="DH22" s="75">
        <v>61</v>
      </c>
      <c r="DI22" s="76">
        <v>0</v>
      </c>
      <c r="DJ22" s="61">
        <v>0</v>
      </c>
      <c r="DK22" s="62">
        <v>0</v>
      </c>
      <c r="DL22" s="228">
        <v>0</v>
      </c>
      <c r="DM22" s="61">
        <v>0</v>
      </c>
      <c r="DN22" s="61">
        <v>0</v>
      </c>
      <c r="DO22" s="61">
        <v>1</v>
      </c>
      <c r="DP22" s="61">
        <v>1</v>
      </c>
      <c r="DQ22" s="61">
        <v>0</v>
      </c>
      <c r="DR22" s="62">
        <v>2</v>
      </c>
      <c r="DS22" s="63">
        <v>2</v>
      </c>
      <c r="DT22" s="60">
        <v>1</v>
      </c>
      <c r="DU22" s="61">
        <v>1</v>
      </c>
      <c r="DV22" s="62">
        <v>2</v>
      </c>
      <c r="DW22" s="228">
        <v>0</v>
      </c>
      <c r="DX22" s="61">
        <v>1</v>
      </c>
      <c r="DY22" s="61">
        <v>1</v>
      </c>
      <c r="DZ22" s="61">
        <v>1</v>
      </c>
      <c r="EA22" s="61">
        <v>0</v>
      </c>
      <c r="EB22" s="61">
        <v>0</v>
      </c>
      <c r="EC22" s="62">
        <v>3</v>
      </c>
      <c r="ED22" s="63">
        <v>5</v>
      </c>
      <c r="EE22" s="76">
        <v>3</v>
      </c>
      <c r="EF22" s="61">
        <v>1</v>
      </c>
      <c r="EG22" s="62">
        <v>4</v>
      </c>
      <c r="EH22" s="228">
        <v>0</v>
      </c>
      <c r="EI22" s="61">
        <v>1</v>
      </c>
      <c r="EJ22" s="61">
        <v>2</v>
      </c>
      <c r="EK22" s="61">
        <v>1</v>
      </c>
      <c r="EL22" s="61">
        <v>0</v>
      </c>
      <c r="EM22" s="61">
        <v>0</v>
      </c>
      <c r="EN22" s="62">
        <v>4</v>
      </c>
      <c r="EO22" s="63">
        <v>8</v>
      </c>
      <c r="EP22" s="60">
        <v>4</v>
      </c>
      <c r="EQ22" s="61">
        <v>0</v>
      </c>
      <c r="ER22" s="62">
        <v>4</v>
      </c>
      <c r="ES22" s="228">
        <v>0</v>
      </c>
      <c r="ET22" s="61">
        <v>3</v>
      </c>
      <c r="EU22" s="61">
        <v>0</v>
      </c>
      <c r="EV22" s="61">
        <v>2</v>
      </c>
      <c r="EW22" s="61">
        <v>0</v>
      </c>
      <c r="EX22" s="61">
        <v>1</v>
      </c>
      <c r="EY22" s="62">
        <v>6</v>
      </c>
      <c r="EZ22" s="63">
        <v>10</v>
      </c>
      <c r="FA22" s="76">
        <v>1</v>
      </c>
      <c r="FB22" s="61">
        <v>1</v>
      </c>
      <c r="FC22" s="62">
        <v>2</v>
      </c>
      <c r="FD22" s="228">
        <v>0</v>
      </c>
      <c r="FE22" s="61">
        <v>5</v>
      </c>
      <c r="FF22" s="61">
        <v>3</v>
      </c>
      <c r="FG22" s="61">
        <v>4</v>
      </c>
      <c r="FH22" s="61">
        <v>0</v>
      </c>
      <c r="FI22" s="61">
        <v>1</v>
      </c>
      <c r="FJ22" s="62">
        <v>13</v>
      </c>
      <c r="FK22" s="63">
        <v>15</v>
      </c>
      <c r="FL22" s="60">
        <v>1</v>
      </c>
      <c r="FM22" s="61">
        <v>1</v>
      </c>
      <c r="FN22" s="62">
        <v>2</v>
      </c>
      <c r="FO22" s="228">
        <v>0</v>
      </c>
      <c r="FP22" s="61">
        <v>5</v>
      </c>
      <c r="FQ22" s="61">
        <v>5</v>
      </c>
      <c r="FR22" s="61">
        <v>4</v>
      </c>
      <c r="FS22" s="61">
        <v>2</v>
      </c>
      <c r="FT22" s="61">
        <v>3</v>
      </c>
      <c r="FU22" s="62">
        <v>19</v>
      </c>
      <c r="FV22" s="63">
        <v>21</v>
      </c>
      <c r="FW22" s="60">
        <v>0</v>
      </c>
      <c r="FX22" s="61">
        <v>0</v>
      </c>
      <c r="FY22" s="62">
        <v>0</v>
      </c>
      <c r="FZ22" s="228">
        <v>0</v>
      </c>
      <c r="GA22" s="61">
        <v>0</v>
      </c>
      <c r="GB22" s="61">
        <v>0</v>
      </c>
      <c r="GC22" s="61">
        <v>0</v>
      </c>
      <c r="GD22" s="61">
        <v>0</v>
      </c>
      <c r="GE22" s="61">
        <v>0</v>
      </c>
      <c r="GF22" s="62">
        <v>0</v>
      </c>
      <c r="GG22" s="63">
        <v>0</v>
      </c>
      <c r="GH22" s="60">
        <v>10</v>
      </c>
      <c r="GI22" s="61">
        <v>4</v>
      </c>
      <c r="GJ22" s="62">
        <v>14</v>
      </c>
      <c r="GK22" s="228">
        <v>0</v>
      </c>
      <c r="GL22" s="61">
        <v>15</v>
      </c>
      <c r="GM22" s="61">
        <v>11</v>
      </c>
      <c r="GN22" s="61">
        <v>13</v>
      </c>
      <c r="GO22" s="61">
        <v>3</v>
      </c>
      <c r="GP22" s="61">
        <v>5</v>
      </c>
      <c r="GQ22" s="62">
        <v>47</v>
      </c>
      <c r="GR22" s="63">
        <v>61</v>
      </c>
      <c r="GS22" s="113">
        <v>37</v>
      </c>
      <c r="GT22" s="72">
        <v>24</v>
      </c>
      <c r="GU22" s="73">
        <v>61</v>
      </c>
      <c r="GV22" s="228">
        <v>0</v>
      </c>
      <c r="GW22" s="72">
        <v>66</v>
      </c>
      <c r="GX22" s="72">
        <v>49</v>
      </c>
      <c r="GY22" s="72">
        <v>32</v>
      </c>
      <c r="GZ22" s="72">
        <v>20</v>
      </c>
      <c r="HA22" s="72">
        <v>20</v>
      </c>
      <c r="HB22" s="74">
        <v>187</v>
      </c>
      <c r="HC22" s="75">
        <v>248</v>
      </c>
      <c r="HD22" s="76">
        <v>2</v>
      </c>
      <c r="HE22" s="61">
        <v>1</v>
      </c>
      <c r="HF22" s="62">
        <v>3</v>
      </c>
      <c r="HG22" s="228">
        <v>0</v>
      </c>
      <c r="HH22" s="61">
        <v>2</v>
      </c>
      <c r="HI22" s="61">
        <v>0</v>
      </c>
      <c r="HJ22" s="61">
        <v>1</v>
      </c>
      <c r="HK22" s="61">
        <v>2</v>
      </c>
      <c r="HL22" s="61">
        <v>0</v>
      </c>
      <c r="HM22" s="62">
        <v>5</v>
      </c>
      <c r="HN22" s="63">
        <v>8</v>
      </c>
      <c r="HO22" s="60">
        <v>3</v>
      </c>
      <c r="HP22" s="61">
        <v>1</v>
      </c>
      <c r="HQ22" s="62">
        <v>4</v>
      </c>
      <c r="HR22" s="228">
        <v>0</v>
      </c>
      <c r="HS22" s="61">
        <v>7</v>
      </c>
      <c r="HT22" s="61">
        <v>4</v>
      </c>
      <c r="HU22" s="61">
        <v>2</v>
      </c>
      <c r="HV22" s="61">
        <v>0</v>
      </c>
      <c r="HW22" s="61">
        <v>2</v>
      </c>
      <c r="HX22" s="62">
        <v>15</v>
      </c>
      <c r="HY22" s="63">
        <v>19</v>
      </c>
      <c r="HZ22" s="76">
        <v>7</v>
      </c>
      <c r="IA22" s="61">
        <v>3</v>
      </c>
      <c r="IB22" s="62">
        <v>10</v>
      </c>
      <c r="IC22" s="228">
        <v>0</v>
      </c>
      <c r="ID22" s="61">
        <v>6</v>
      </c>
      <c r="IE22" s="61">
        <v>6</v>
      </c>
      <c r="IF22" s="61">
        <v>2</v>
      </c>
      <c r="IG22" s="61">
        <v>6</v>
      </c>
      <c r="IH22" s="61">
        <v>2</v>
      </c>
      <c r="II22" s="62">
        <v>22</v>
      </c>
      <c r="IJ22" s="63">
        <v>32</v>
      </c>
      <c r="IK22" s="60">
        <v>8</v>
      </c>
      <c r="IL22" s="61">
        <v>3</v>
      </c>
      <c r="IM22" s="62">
        <v>11</v>
      </c>
      <c r="IN22" s="228">
        <v>0</v>
      </c>
      <c r="IO22" s="61">
        <v>13</v>
      </c>
      <c r="IP22" s="61">
        <v>11</v>
      </c>
      <c r="IQ22" s="61">
        <v>6</v>
      </c>
      <c r="IR22" s="61">
        <v>0</v>
      </c>
      <c r="IS22" s="61">
        <v>7</v>
      </c>
      <c r="IT22" s="62">
        <v>37</v>
      </c>
      <c r="IU22" s="63">
        <v>48</v>
      </c>
      <c r="IV22" s="76">
        <v>9</v>
      </c>
      <c r="IW22" s="61">
        <v>7</v>
      </c>
      <c r="IX22" s="62">
        <v>16</v>
      </c>
      <c r="IY22" s="228">
        <v>0</v>
      </c>
      <c r="IZ22" s="61">
        <v>15</v>
      </c>
      <c r="JA22" s="61">
        <v>13</v>
      </c>
      <c r="JB22" s="61">
        <v>7</v>
      </c>
      <c r="JC22" s="61">
        <v>6</v>
      </c>
      <c r="JD22" s="61">
        <v>3</v>
      </c>
      <c r="JE22" s="62">
        <v>44</v>
      </c>
      <c r="JF22" s="63">
        <v>60</v>
      </c>
      <c r="JG22" s="60">
        <v>8</v>
      </c>
      <c r="JH22" s="61">
        <v>9</v>
      </c>
      <c r="JI22" s="62">
        <v>17</v>
      </c>
      <c r="JJ22" s="228">
        <v>0</v>
      </c>
      <c r="JK22" s="61">
        <v>23</v>
      </c>
      <c r="JL22" s="61">
        <v>15</v>
      </c>
      <c r="JM22" s="61">
        <v>14</v>
      </c>
      <c r="JN22" s="61">
        <v>6</v>
      </c>
      <c r="JO22" s="61">
        <v>6</v>
      </c>
      <c r="JP22" s="62">
        <v>64</v>
      </c>
      <c r="JQ22" s="63">
        <v>81</v>
      </c>
      <c r="JR22" s="60">
        <v>0</v>
      </c>
      <c r="JS22" s="61">
        <v>0</v>
      </c>
      <c r="JT22" s="62">
        <v>0</v>
      </c>
      <c r="JU22" s="228">
        <v>0</v>
      </c>
      <c r="JV22" s="61">
        <v>0</v>
      </c>
      <c r="JW22" s="61">
        <v>0</v>
      </c>
      <c r="JX22" s="61">
        <v>0</v>
      </c>
      <c r="JY22" s="61">
        <v>0</v>
      </c>
      <c r="JZ22" s="61">
        <v>0</v>
      </c>
      <c r="KA22" s="62">
        <v>0</v>
      </c>
      <c r="KB22" s="63">
        <v>0</v>
      </c>
      <c r="KC22" s="60">
        <v>37</v>
      </c>
      <c r="KD22" s="61">
        <v>24</v>
      </c>
      <c r="KE22" s="62">
        <v>61</v>
      </c>
      <c r="KF22" s="228">
        <v>0</v>
      </c>
      <c r="KG22" s="61">
        <v>66</v>
      </c>
      <c r="KH22" s="61">
        <v>49</v>
      </c>
      <c r="KI22" s="61">
        <v>32</v>
      </c>
      <c r="KJ22" s="61">
        <v>20</v>
      </c>
      <c r="KK22" s="61">
        <v>20</v>
      </c>
      <c r="KL22" s="62">
        <v>187</v>
      </c>
      <c r="KM22" s="63">
        <v>248</v>
      </c>
    </row>
    <row r="23" spans="2:299" ht="21" customHeight="1" x14ac:dyDescent="0.2">
      <c r="B23" s="472" t="s">
        <v>20</v>
      </c>
      <c r="C23" s="293">
        <v>30</v>
      </c>
      <c r="D23" s="72">
        <v>57</v>
      </c>
      <c r="E23" s="73">
        <v>87</v>
      </c>
      <c r="F23" s="228">
        <v>0</v>
      </c>
      <c r="G23" s="72">
        <v>57</v>
      </c>
      <c r="H23" s="72">
        <v>49</v>
      </c>
      <c r="I23" s="72">
        <v>32</v>
      </c>
      <c r="J23" s="72">
        <v>27</v>
      </c>
      <c r="K23" s="72">
        <v>19</v>
      </c>
      <c r="L23" s="74">
        <v>184</v>
      </c>
      <c r="M23" s="75">
        <v>271</v>
      </c>
      <c r="N23" s="60">
        <v>2</v>
      </c>
      <c r="O23" s="61">
        <v>1</v>
      </c>
      <c r="P23" s="62">
        <v>3</v>
      </c>
      <c r="Q23" s="228">
        <v>0</v>
      </c>
      <c r="R23" s="61">
        <v>3</v>
      </c>
      <c r="S23" s="61">
        <v>0</v>
      </c>
      <c r="T23" s="61">
        <v>0</v>
      </c>
      <c r="U23" s="61">
        <v>1</v>
      </c>
      <c r="V23" s="61">
        <v>0</v>
      </c>
      <c r="W23" s="62">
        <v>4</v>
      </c>
      <c r="X23" s="63">
        <v>7</v>
      </c>
      <c r="Y23" s="60">
        <v>3</v>
      </c>
      <c r="Z23" s="61">
        <v>4</v>
      </c>
      <c r="AA23" s="62">
        <v>7</v>
      </c>
      <c r="AB23" s="228">
        <v>0</v>
      </c>
      <c r="AC23" s="61">
        <v>8</v>
      </c>
      <c r="AD23" s="61">
        <v>5</v>
      </c>
      <c r="AE23" s="61">
        <v>5</v>
      </c>
      <c r="AF23" s="61">
        <v>3</v>
      </c>
      <c r="AG23" s="61">
        <v>2</v>
      </c>
      <c r="AH23" s="62">
        <v>23</v>
      </c>
      <c r="AI23" s="63">
        <v>30</v>
      </c>
      <c r="AJ23" s="60">
        <v>4</v>
      </c>
      <c r="AK23" s="61">
        <v>7</v>
      </c>
      <c r="AL23" s="62">
        <v>11</v>
      </c>
      <c r="AM23" s="228">
        <v>0</v>
      </c>
      <c r="AN23" s="61">
        <v>5</v>
      </c>
      <c r="AO23" s="61">
        <v>3</v>
      </c>
      <c r="AP23" s="61">
        <v>4</v>
      </c>
      <c r="AQ23" s="61">
        <v>4</v>
      </c>
      <c r="AR23" s="61">
        <v>3</v>
      </c>
      <c r="AS23" s="62">
        <v>19</v>
      </c>
      <c r="AT23" s="63">
        <v>30</v>
      </c>
      <c r="AU23" s="60">
        <v>10</v>
      </c>
      <c r="AV23" s="61">
        <v>13</v>
      </c>
      <c r="AW23" s="62">
        <v>23</v>
      </c>
      <c r="AX23" s="228">
        <v>0</v>
      </c>
      <c r="AY23" s="61">
        <v>17</v>
      </c>
      <c r="AZ23" s="61">
        <v>15</v>
      </c>
      <c r="BA23" s="61">
        <v>13</v>
      </c>
      <c r="BB23" s="61">
        <v>6</v>
      </c>
      <c r="BC23" s="61">
        <v>5</v>
      </c>
      <c r="BD23" s="62">
        <v>56</v>
      </c>
      <c r="BE23" s="63">
        <v>79</v>
      </c>
      <c r="BF23" s="60">
        <v>5</v>
      </c>
      <c r="BG23" s="61">
        <v>22</v>
      </c>
      <c r="BH23" s="62">
        <v>27</v>
      </c>
      <c r="BI23" s="228">
        <v>0</v>
      </c>
      <c r="BJ23" s="61">
        <v>14</v>
      </c>
      <c r="BK23" s="61">
        <v>15</v>
      </c>
      <c r="BL23" s="61">
        <v>5</v>
      </c>
      <c r="BM23" s="61">
        <v>7</v>
      </c>
      <c r="BN23" s="61">
        <v>5</v>
      </c>
      <c r="BO23" s="62">
        <v>46</v>
      </c>
      <c r="BP23" s="63">
        <v>73</v>
      </c>
      <c r="BQ23" s="60">
        <v>6</v>
      </c>
      <c r="BR23" s="61">
        <v>10</v>
      </c>
      <c r="BS23" s="62">
        <v>16</v>
      </c>
      <c r="BT23" s="228">
        <v>0</v>
      </c>
      <c r="BU23" s="61">
        <v>10</v>
      </c>
      <c r="BV23" s="61">
        <v>11</v>
      </c>
      <c r="BW23" s="61">
        <v>5</v>
      </c>
      <c r="BX23" s="61">
        <v>6</v>
      </c>
      <c r="BY23" s="61">
        <v>4</v>
      </c>
      <c r="BZ23" s="62">
        <v>36</v>
      </c>
      <c r="CA23" s="63">
        <v>52</v>
      </c>
      <c r="CB23" s="60">
        <v>0</v>
      </c>
      <c r="CC23" s="61">
        <v>0</v>
      </c>
      <c r="CD23" s="62">
        <v>0</v>
      </c>
      <c r="CE23" s="228">
        <v>0</v>
      </c>
      <c r="CF23" s="61">
        <v>0</v>
      </c>
      <c r="CG23" s="61">
        <v>0</v>
      </c>
      <c r="CH23" s="61">
        <v>0</v>
      </c>
      <c r="CI23" s="61">
        <v>0</v>
      </c>
      <c r="CJ23" s="61">
        <v>0</v>
      </c>
      <c r="CK23" s="62">
        <v>0</v>
      </c>
      <c r="CL23" s="63">
        <v>0</v>
      </c>
      <c r="CM23" s="60">
        <v>30</v>
      </c>
      <c r="CN23" s="61">
        <v>57</v>
      </c>
      <c r="CO23" s="62">
        <v>87</v>
      </c>
      <c r="CP23" s="228">
        <v>0</v>
      </c>
      <c r="CQ23" s="61">
        <v>57</v>
      </c>
      <c r="CR23" s="61">
        <v>49</v>
      </c>
      <c r="CS23" s="61">
        <v>32</v>
      </c>
      <c r="CT23" s="61">
        <v>27</v>
      </c>
      <c r="CU23" s="61">
        <v>19</v>
      </c>
      <c r="CV23" s="62">
        <v>184</v>
      </c>
      <c r="CW23" s="63">
        <v>271</v>
      </c>
      <c r="CX23" s="113">
        <v>12</v>
      </c>
      <c r="CY23" s="72">
        <v>16</v>
      </c>
      <c r="CZ23" s="73">
        <v>28</v>
      </c>
      <c r="DA23" s="228">
        <v>0</v>
      </c>
      <c r="DB23" s="72">
        <v>25</v>
      </c>
      <c r="DC23" s="72">
        <v>22</v>
      </c>
      <c r="DD23" s="72">
        <v>9</v>
      </c>
      <c r="DE23" s="72">
        <v>15</v>
      </c>
      <c r="DF23" s="72">
        <v>6</v>
      </c>
      <c r="DG23" s="74">
        <v>77</v>
      </c>
      <c r="DH23" s="75">
        <v>105</v>
      </c>
      <c r="DI23" s="60">
        <v>1</v>
      </c>
      <c r="DJ23" s="61">
        <v>0</v>
      </c>
      <c r="DK23" s="62">
        <v>1</v>
      </c>
      <c r="DL23" s="228">
        <v>0</v>
      </c>
      <c r="DM23" s="61">
        <v>1</v>
      </c>
      <c r="DN23" s="61">
        <v>1</v>
      </c>
      <c r="DO23" s="61">
        <v>0</v>
      </c>
      <c r="DP23" s="61">
        <v>0</v>
      </c>
      <c r="DQ23" s="61">
        <v>0</v>
      </c>
      <c r="DR23" s="62">
        <v>2</v>
      </c>
      <c r="DS23" s="63">
        <v>3</v>
      </c>
      <c r="DT23" s="60">
        <v>1</v>
      </c>
      <c r="DU23" s="61">
        <v>0</v>
      </c>
      <c r="DV23" s="62">
        <v>1</v>
      </c>
      <c r="DW23" s="228">
        <v>0</v>
      </c>
      <c r="DX23" s="61">
        <v>1</v>
      </c>
      <c r="DY23" s="61">
        <v>0</v>
      </c>
      <c r="DZ23" s="61">
        <v>0</v>
      </c>
      <c r="EA23" s="61">
        <v>0</v>
      </c>
      <c r="EB23" s="61">
        <v>0</v>
      </c>
      <c r="EC23" s="62">
        <v>1</v>
      </c>
      <c r="ED23" s="63">
        <v>2</v>
      </c>
      <c r="EE23" s="60">
        <v>1</v>
      </c>
      <c r="EF23" s="61">
        <v>4</v>
      </c>
      <c r="EG23" s="62">
        <v>5</v>
      </c>
      <c r="EH23" s="228">
        <v>0</v>
      </c>
      <c r="EI23" s="61">
        <v>1</v>
      </c>
      <c r="EJ23" s="61">
        <v>4</v>
      </c>
      <c r="EK23" s="61">
        <v>2</v>
      </c>
      <c r="EL23" s="61">
        <v>1</v>
      </c>
      <c r="EM23" s="61">
        <v>0</v>
      </c>
      <c r="EN23" s="62">
        <v>8</v>
      </c>
      <c r="EO23" s="63">
        <v>13</v>
      </c>
      <c r="EP23" s="60">
        <v>3</v>
      </c>
      <c r="EQ23" s="61">
        <v>4</v>
      </c>
      <c r="ER23" s="62">
        <v>7</v>
      </c>
      <c r="ES23" s="228">
        <v>0</v>
      </c>
      <c r="ET23" s="61">
        <v>5</v>
      </c>
      <c r="EU23" s="61">
        <v>5</v>
      </c>
      <c r="EV23" s="61">
        <v>2</v>
      </c>
      <c r="EW23" s="61">
        <v>2</v>
      </c>
      <c r="EX23" s="61">
        <v>1</v>
      </c>
      <c r="EY23" s="62">
        <v>15</v>
      </c>
      <c r="EZ23" s="63">
        <v>22</v>
      </c>
      <c r="FA23" s="60">
        <v>5</v>
      </c>
      <c r="FB23" s="61">
        <v>2</v>
      </c>
      <c r="FC23" s="62">
        <v>7</v>
      </c>
      <c r="FD23" s="228">
        <v>0</v>
      </c>
      <c r="FE23" s="61">
        <v>7</v>
      </c>
      <c r="FF23" s="61">
        <v>5</v>
      </c>
      <c r="FG23" s="61">
        <v>1</v>
      </c>
      <c r="FH23" s="61">
        <v>3</v>
      </c>
      <c r="FI23" s="61">
        <v>1</v>
      </c>
      <c r="FJ23" s="62">
        <v>17</v>
      </c>
      <c r="FK23" s="63">
        <v>24</v>
      </c>
      <c r="FL23" s="60">
        <v>1</v>
      </c>
      <c r="FM23" s="61">
        <v>6</v>
      </c>
      <c r="FN23" s="62">
        <v>7</v>
      </c>
      <c r="FO23" s="228">
        <v>0</v>
      </c>
      <c r="FP23" s="61">
        <v>10</v>
      </c>
      <c r="FQ23" s="61">
        <v>7</v>
      </c>
      <c r="FR23" s="61">
        <v>4</v>
      </c>
      <c r="FS23" s="61">
        <v>9</v>
      </c>
      <c r="FT23" s="61">
        <v>4</v>
      </c>
      <c r="FU23" s="62">
        <v>34</v>
      </c>
      <c r="FV23" s="63">
        <v>41</v>
      </c>
      <c r="FW23" s="60">
        <v>0</v>
      </c>
      <c r="FX23" s="61">
        <v>0</v>
      </c>
      <c r="FY23" s="62">
        <v>0</v>
      </c>
      <c r="FZ23" s="228">
        <v>0</v>
      </c>
      <c r="GA23" s="61">
        <v>0</v>
      </c>
      <c r="GB23" s="61">
        <v>0</v>
      </c>
      <c r="GC23" s="61">
        <v>0</v>
      </c>
      <c r="GD23" s="61">
        <v>0</v>
      </c>
      <c r="GE23" s="61">
        <v>0</v>
      </c>
      <c r="GF23" s="62">
        <v>0</v>
      </c>
      <c r="GG23" s="63">
        <v>0</v>
      </c>
      <c r="GH23" s="60">
        <v>12</v>
      </c>
      <c r="GI23" s="61">
        <v>16</v>
      </c>
      <c r="GJ23" s="62">
        <v>28</v>
      </c>
      <c r="GK23" s="228">
        <v>0</v>
      </c>
      <c r="GL23" s="61">
        <v>25</v>
      </c>
      <c r="GM23" s="61">
        <v>22</v>
      </c>
      <c r="GN23" s="61">
        <v>9</v>
      </c>
      <c r="GO23" s="61">
        <v>15</v>
      </c>
      <c r="GP23" s="61">
        <v>6</v>
      </c>
      <c r="GQ23" s="62">
        <v>77</v>
      </c>
      <c r="GR23" s="63">
        <v>105</v>
      </c>
      <c r="GS23" s="113">
        <v>42</v>
      </c>
      <c r="GT23" s="72">
        <v>73</v>
      </c>
      <c r="GU23" s="73">
        <v>115</v>
      </c>
      <c r="GV23" s="228">
        <v>0</v>
      </c>
      <c r="GW23" s="72">
        <v>82</v>
      </c>
      <c r="GX23" s="72">
        <v>71</v>
      </c>
      <c r="GY23" s="72">
        <v>41</v>
      </c>
      <c r="GZ23" s="72">
        <v>42</v>
      </c>
      <c r="HA23" s="72">
        <v>25</v>
      </c>
      <c r="HB23" s="74">
        <v>261</v>
      </c>
      <c r="HC23" s="75">
        <v>376</v>
      </c>
      <c r="HD23" s="60">
        <v>3</v>
      </c>
      <c r="HE23" s="61">
        <v>1</v>
      </c>
      <c r="HF23" s="62">
        <v>4</v>
      </c>
      <c r="HG23" s="228">
        <v>0</v>
      </c>
      <c r="HH23" s="61">
        <v>4</v>
      </c>
      <c r="HI23" s="61">
        <v>1</v>
      </c>
      <c r="HJ23" s="61">
        <v>0</v>
      </c>
      <c r="HK23" s="61">
        <v>1</v>
      </c>
      <c r="HL23" s="61">
        <v>0</v>
      </c>
      <c r="HM23" s="62">
        <v>6</v>
      </c>
      <c r="HN23" s="63">
        <v>10</v>
      </c>
      <c r="HO23" s="60">
        <v>4</v>
      </c>
      <c r="HP23" s="61">
        <v>4</v>
      </c>
      <c r="HQ23" s="62">
        <v>8</v>
      </c>
      <c r="HR23" s="228">
        <v>0</v>
      </c>
      <c r="HS23" s="61">
        <v>9</v>
      </c>
      <c r="HT23" s="61">
        <v>5</v>
      </c>
      <c r="HU23" s="61">
        <v>5</v>
      </c>
      <c r="HV23" s="61">
        <v>3</v>
      </c>
      <c r="HW23" s="61">
        <v>2</v>
      </c>
      <c r="HX23" s="62">
        <v>24</v>
      </c>
      <c r="HY23" s="63">
        <v>32</v>
      </c>
      <c r="HZ23" s="60">
        <v>5</v>
      </c>
      <c r="IA23" s="61">
        <v>11</v>
      </c>
      <c r="IB23" s="62">
        <v>16</v>
      </c>
      <c r="IC23" s="228">
        <v>0</v>
      </c>
      <c r="ID23" s="61">
        <v>6</v>
      </c>
      <c r="IE23" s="61">
        <v>7</v>
      </c>
      <c r="IF23" s="61">
        <v>6</v>
      </c>
      <c r="IG23" s="61">
        <v>5</v>
      </c>
      <c r="IH23" s="61">
        <v>3</v>
      </c>
      <c r="II23" s="62">
        <v>27</v>
      </c>
      <c r="IJ23" s="63">
        <v>43</v>
      </c>
      <c r="IK23" s="60">
        <v>13</v>
      </c>
      <c r="IL23" s="61">
        <v>17</v>
      </c>
      <c r="IM23" s="62">
        <v>30</v>
      </c>
      <c r="IN23" s="228">
        <v>0</v>
      </c>
      <c r="IO23" s="61">
        <v>22</v>
      </c>
      <c r="IP23" s="61">
        <v>20</v>
      </c>
      <c r="IQ23" s="61">
        <v>15</v>
      </c>
      <c r="IR23" s="61">
        <v>8</v>
      </c>
      <c r="IS23" s="61">
        <v>6</v>
      </c>
      <c r="IT23" s="62">
        <v>71</v>
      </c>
      <c r="IU23" s="63">
        <v>101</v>
      </c>
      <c r="IV23" s="60">
        <v>10</v>
      </c>
      <c r="IW23" s="61">
        <v>24</v>
      </c>
      <c r="IX23" s="62">
        <v>34</v>
      </c>
      <c r="IY23" s="228">
        <v>0</v>
      </c>
      <c r="IZ23" s="61">
        <v>21</v>
      </c>
      <c r="JA23" s="61">
        <v>20</v>
      </c>
      <c r="JB23" s="61">
        <v>6</v>
      </c>
      <c r="JC23" s="61">
        <v>10</v>
      </c>
      <c r="JD23" s="61">
        <v>6</v>
      </c>
      <c r="JE23" s="62">
        <v>63</v>
      </c>
      <c r="JF23" s="63">
        <v>97</v>
      </c>
      <c r="JG23" s="60">
        <v>7</v>
      </c>
      <c r="JH23" s="61">
        <v>16</v>
      </c>
      <c r="JI23" s="62">
        <v>23</v>
      </c>
      <c r="JJ23" s="228">
        <v>0</v>
      </c>
      <c r="JK23" s="61">
        <v>20</v>
      </c>
      <c r="JL23" s="61">
        <v>18</v>
      </c>
      <c r="JM23" s="61">
        <v>9</v>
      </c>
      <c r="JN23" s="61">
        <v>15</v>
      </c>
      <c r="JO23" s="61">
        <v>8</v>
      </c>
      <c r="JP23" s="62">
        <v>70</v>
      </c>
      <c r="JQ23" s="63">
        <v>93</v>
      </c>
      <c r="JR23" s="60">
        <v>0</v>
      </c>
      <c r="JS23" s="61">
        <v>0</v>
      </c>
      <c r="JT23" s="62">
        <v>0</v>
      </c>
      <c r="JU23" s="228">
        <v>0</v>
      </c>
      <c r="JV23" s="61">
        <v>0</v>
      </c>
      <c r="JW23" s="61">
        <v>0</v>
      </c>
      <c r="JX23" s="61">
        <v>0</v>
      </c>
      <c r="JY23" s="61">
        <v>0</v>
      </c>
      <c r="JZ23" s="61">
        <v>0</v>
      </c>
      <c r="KA23" s="62">
        <v>0</v>
      </c>
      <c r="KB23" s="63">
        <v>0</v>
      </c>
      <c r="KC23" s="60">
        <v>42</v>
      </c>
      <c r="KD23" s="61">
        <v>73</v>
      </c>
      <c r="KE23" s="62">
        <v>115</v>
      </c>
      <c r="KF23" s="228">
        <v>0</v>
      </c>
      <c r="KG23" s="61">
        <v>82</v>
      </c>
      <c r="KH23" s="61">
        <v>71</v>
      </c>
      <c r="KI23" s="61">
        <v>41</v>
      </c>
      <c r="KJ23" s="61">
        <v>42</v>
      </c>
      <c r="KK23" s="61">
        <v>25</v>
      </c>
      <c r="KL23" s="62">
        <v>261</v>
      </c>
      <c r="KM23" s="63">
        <v>376</v>
      </c>
    </row>
    <row r="24" spans="2:299" ht="21" customHeight="1" x14ac:dyDescent="0.2">
      <c r="B24" s="472" t="s">
        <v>21</v>
      </c>
      <c r="C24" s="293">
        <v>28</v>
      </c>
      <c r="D24" s="72">
        <v>34</v>
      </c>
      <c r="E24" s="73">
        <v>62</v>
      </c>
      <c r="F24" s="228">
        <v>0</v>
      </c>
      <c r="G24" s="72">
        <v>48</v>
      </c>
      <c r="H24" s="72">
        <v>35</v>
      </c>
      <c r="I24" s="72">
        <v>27</v>
      </c>
      <c r="J24" s="72">
        <v>21</v>
      </c>
      <c r="K24" s="72">
        <v>13</v>
      </c>
      <c r="L24" s="74">
        <v>144</v>
      </c>
      <c r="M24" s="75">
        <v>206</v>
      </c>
      <c r="N24" s="60">
        <v>0</v>
      </c>
      <c r="O24" s="61">
        <v>4</v>
      </c>
      <c r="P24" s="62">
        <v>4</v>
      </c>
      <c r="Q24" s="228">
        <v>0</v>
      </c>
      <c r="R24" s="61">
        <v>2</v>
      </c>
      <c r="S24" s="61">
        <v>0</v>
      </c>
      <c r="T24" s="61">
        <v>1</v>
      </c>
      <c r="U24" s="61">
        <v>3</v>
      </c>
      <c r="V24" s="61">
        <v>3</v>
      </c>
      <c r="W24" s="62">
        <v>9</v>
      </c>
      <c r="X24" s="63">
        <v>13</v>
      </c>
      <c r="Y24" s="60">
        <v>3</v>
      </c>
      <c r="Z24" s="61">
        <v>2</v>
      </c>
      <c r="AA24" s="62">
        <v>5</v>
      </c>
      <c r="AB24" s="228">
        <v>0</v>
      </c>
      <c r="AC24" s="61">
        <v>5</v>
      </c>
      <c r="AD24" s="61">
        <v>5</v>
      </c>
      <c r="AE24" s="61">
        <v>1</v>
      </c>
      <c r="AF24" s="61">
        <v>3</v>
      </c>
      <c r="AG24" s="61">
        <v>0</v>
      </c>
      <c r="AH24" s="62">
        <v>14</v>
      </c>
      <c r="AI24" s="63">
        <v>19</v>
      </c>
      <c r="AJ24" s="60">
        <v>3</v>
      </c>
      <c r="AK24" s="61">
        <v>5</v>
      </c>
      <c r="AL24" s="62">
        <v>8</v>
      </c>
      <c r="AM24" s="228">
        <v>0</v>
      </c>
      <c r="AN24" s="61">
        <v>8</v>
      </c>
      <c r="AO24" s="61">
        <v>3</v>
      </c>
      <c r="AP24" s="61">
        <v>3</v>
      </c>
      <c r="AQ24" s="61">
        <v>2</v>
      </c>
      <c r="AR24" s="61">
        <v>1</v>
      </c>
      <c r="AS24" s="62">
        <v>17</v>
      </c>
      <c r="AT24" s="63">
        <v>25</v>
      </c>
      <c r="AU24" s="60">
        <v>3</v>
      </c>
      <c r="AV24" s="61">
        <v>8</v>
      </c>
      <c r="AW24" s="62">
        <v>11</v>
      </c>
      <c r="AX24" s="228">
        <v>0</v>
      </c>
      <c r="AY24" s="61">
        <v>11</v>
      </c>
      <c r="AZ24" s="61">
        <v>6</v>
      </c>
      <c r="BA24" s="61">
        <v>7</v>
      </c>
      <c r="BB24" s="61">
        <v>8</v>
      </c>
      <c r="BC24" s="61">
        <v>2</v>
      </c>
      <c r="BD24" s="62">
        <v>34</v>
      </c>
      <c r="BE24" s="63">
        <v>45</v>
      </c>
      <c r="BF24" s="60">
        <v>13</v>
      </c>
      <c r="BG24" s="61">
        <v>8</v>
      </c>
      <c r="BH24" s="62">
        <v>21</v>
      </c>
      <c r="BI24" s="228">
        <v>0</v>
      </c>
      <c r="BJ24" s="61">
        <v>14</v>
      </c>
      <c r="BK24" s="61">
        <v>12</v>
      </c>
      <c r="BL24" s="61">
        <v>6</v>
      </c>
      <c r="BM24" s="61">
        <v>5</v>
      </c>
      <c r="BN24" s="61">
        <v>3</v>
      </c>
      <c r="BO24" s="62">
        <v>40</v>
      </c>
      <c r="BP24" s="63">
        <v>61</v>
      </c>
      <c r="BQ24" s="60">
        <v>6</v>
      </c>
      <c r="BR24" s="61">
        <v>7</v>
      </c>
      <c r="BS24" s="62">
        <v>13</v>
      </c>
      <c r="BT24" s="228">
        <v>0</v>
      </c>
      <c r="BU24" s="61">
        <v>8</v>
      </c>
      <c r="BV24" s="61">
        <v>9</v>
      </c>
      <c r="BW24" s="61">
        <v>9</v>
      </c>
      <c r="BX24" s="61">
        <v>0</v>
      </c>
      <c r="BY24" s="61">
        <v>4</v>
      </c>
      <c r="BZ24" s="62">
        <v>30</v>
      </c>
      <c r="CA24" s="63">
        <v>43</v>
      </c>
      <c r="CB24" s="60">
        <v>0</v>
      </c>
      <c r="CC24" s="61">
        <v>0</v>
      </c>
      <c r="CD24" s="62">
        <v>0</v>
      </c>
      <c r="CE24" s="228">
        <v>0</v>
      </c>
      <c r="CF24" s="61">
        <v>0</v>
      </c>
      <c r="CG24" s="61">
        <v>0</v>
      </c>
      <c r="CH24" s="61">
        <v>0</v>
      </c>
      <c r="CI24" s="61">
        <v>0</v>
      </c>
      <c r="CJ24" s="61">
        <v>0</v>
      </c>
      <c r="CK24" s="62">
        <v>0</v>
      </c>
      <c r="CL24" s="63">
        <v>0</v>
      </c>
      <c r="CM24" s="60">
        <v>28</v>
      </c>
      <c r="CN24" s="61">
        <v>34</v>
      </c>
      <c r="CO24" s="62">
        <v>62</v>
      </c>
      <c r="CP24" s="228">
        <v>0</v>
      </c>
      <c r="CQ24" s="61">
        <v>48</v>
      </c>
      <c r="CR24" s="61">
        <v>35</v>
      </c>
      <c r="CS24" s="61">
        <v>27</v>
      </c>
      <c r="CT24" s="61">
        <v>21</v>
      </c>
      <c r="CU24" s="61">
        <v>13</v>
      </c>
      <c r="CV24" s="62">
        <v>144</v>
      </c>
      <c r="CW24" s="63">
        <v>206</v>
      </c>
      <c r="CX24" s="113">
        <v>14</v>
      </c>
      <c r="CY24" s="72">
        <v>7</v>
      </c>
      <c r="CZ24" s="73">
        <v>21</v>
      </c>
      <c r="DA24" s="228">
        <v>0</v>
      </c>
      <c r="DB24" s="72">
        <v>15</v>
      </c>
      <c r="DC24" s="72">
        <v>12</v>
      </c>
      <c r="DD24" s="72">
        <v>8</v>
      </c>
      <c r="DE24" s="72">
        <v>8</v>
      </c>
      <c r="DF24" s="72">
        <v>6</v>
      </c>
      <c r="DG24" s="74">
        <v>49</v>
      </c>
      <c r="DH24" s="75">
        <v>70</v>
      </c>
      <c r="DI24" s="60">
        <v>0</v>
      </c>
      <c r="DJ24" s="61">
        <v>0</v>
      </c>
      <c r="DK24" s="62">
        <v>0</v>
      </c>
      <c r="DL24" s="228">
        <v>0</v>
      </c>
      <c r="DM24" s="61">
        <v>0</v>
      </c>
      <c r="DN24" s="61">
        <v>0</v>
      </c>
      <c r="DO24" s="61">
        <v>0</v>
      </c>
      <c r="DP24" s="61">
        <v>0</v>
      </c>
      <c r="DQ24" s="61">
        <v>0</v>
      </c>
      <c r="DR24" s="62">
        <v>0</v>
      </c>
      <c r="DS24" s="63">
        <v>0</v>
      </c>
      <c r="DT24" s="60">
        <v>3</v>
      </c>
      <c r="DU24" s="61">
        <v>0</v>
      </c>
      <c r="DV24" s="62">
        <v>3</v>
      </c>
      <c r="DW24" s="228">
        <v>0</v>
      </c>
      <c r="DX24" s="61">
        <v>2</v>
      </c>
      <c r="DY24" s="61">
        <v>3</v>
      </c>
      <c r="DZ24" s="61">
        <v>0</v>
      </c>
      <c r="EA24" s="61">
        <v>0</v>
      </c>
      <c r="EB24" s="61">
        <v>1</v>
      </c>
      <c r="EC24" s="62">
        <v>6</v>
      </c>
      <c r="ED24" s="63">
        <v>9</v>
      </c>
      <c r="EE24" s="60">
        <v>0</v>
      </c>
      <c r="EF24" s="61">
        <v>1</v>
      </c>
      <c r="EG24" s="62">
        <v>1</v>
      </c>
      <c r="EH24" s="228">
        <v>0</v>
      </c>
      <c r="EI24" s="61">
        <v>2</v>
      </c>
      <c r="EJ24" s="61">
        <v>0</v>
      </c>
      <c r="EK24" s="61">
        <v>0</v>
      </c>
      <c r="EL24" s="61">
        <v>0</v>
      </c>
      <c r="EM24" s="61">
        <v>0</v>
      </c>
      <c r="EN24" s="62">
        <v>2</v>
      </c>
      <c r="EO24" s="63">
        <v>3</v>
      </c>
      <c r="EP24" s="60">
        <v>8</v>
      </c>
      <c r="EQ24" s="61">
        <v>3</v>
      </c>
      <c r="ER24" s="62">
        <v>11</v>
      </c>
      <c r="ES24" s="228">
        <v>0</v>
      </c>
      <c r="ET24" s="61">
        <v>1</v>
      </c>
      <c r="EU24" s="61">
        <v>2</v>
      </c>
      <c r="EV24" s="61">
        <v>0</v>
      </c>
      <c r="EW24" s="61">
        <v>2</v>
      </c>
      <c r="EX24" s="61">
        <v>1</v>
      </c>
      <c r="EY24" s="62">
        <v>6</v>
      </c>
      <c r="EZ24" s="63">
        <v>17</v>
      </c>
      <c r="FA24" s="60">
        <v>0</v>
      </c>
      <c r="FB24" s="61">
        <v>3</v>
      </c>
      <c r="FC24" s="62">
        <v>3</v>
      </c>
      <c r="FD24" s="228">
        <v>0</v>
      </c>
      <c r="FE24" s="61">
        <v>2</v>
      </c>
      <c r="FF24" s="61">
        <v>3</v>
      </c>
      <c r="FG24" s="61">
        <v>4</v>
      </c>
      <c r="FH24" s="61">
        <v>2</v>
      </c>
      <c r="FI24" s="61">
        <v>2</v>
      </c>
      <c r="FJ24" s="62">
        <v>13</v>
      </c>
      <c r="FK24" s="63">
        <v>16</v>
      </c>
      <c r="FL24" s="60">
        <v>3</v>
      </c>
      <c r="FM24" s="61">
        <v>0</v>
      </c>
      <c r="FN24" s="62">
        <v>3</v>
      </c>
      <c r="FO24" s="228">
        <v>0</v>
      </c>
      <c r="FP24" s="61">
        <v>8</v>
      </c>
      <c r="FQ24" s="61">
        <v>4</v>
      </c>
      <c r="FR24" s="61">
        <v>4</v>
      </c>
      <c r="FS24" s="61">
        <v>4</v>
      </c>
      <c r="FT24" s="61">
        <v>2</v>
      </c>
      <c r="FU24" s="62">
        <v>22</v>
      </c>
      <c r="FV24" s="63">
        <v>25</v>
      </c>
      <c r="FW24" s="60">
        <v>0</v>
      </c>
      <c r="FX24" s="61">
        <v>0</v>
      </c>
      <c r="FY24" s="62">
        <v>0</v>
      </c>
      <c r="FZ24" s="228">
        <v>0</v>
      </c>
      <c r="GA24" s="61">
        <v>0</v>
      </c>
      <c r="GB24" s="61">
        <v>0</v>
      </c>
      <c r="GC24" s="61">
        <v>0</v>
      </c>
      <c r="GD24" s="61">
        <v>0</v>
      </c>
      <c r="GE24" s="61">
        <v>0</v>
      </c>
      <c r="GF24" s="62">
        <v>0</v>
      </c>
      <c r="GG24" s="63">
        <v>0</v>
      </c>
      <c r="GH24" s="60">
        <v>14</v>
      </c>
      <c r="GI24" s="61">
        <v>7</v>
      </c>
      <c r="GJ24" s="62">
        <v>21</v>
      </c>
      <c r="GK24" s="228">
        <v>0</v>
      </c>
      <c r="GL24" s="61">
        <v>15</v>
      </c>
      <c r="GM24" s="61">
        <v>12</v>
      </c>
      <c r="GN24" s="61">
        <v>8</v>
      </c>
      <c r="GO24" s="61">
        <v>8</v>
      </c>
      <c r="GP24" s="61">
        <v>6</v>
      </c>
      <c r="GQ24" s="62">
        <v>49</v>
      </c>
      <c r="GR24" s="63">
        <v>70</v>
      </c>
      <c r="GS24" s="113">
        <v>42</v>
      </c>
      <c r="GT24" s="72">
        <v>41</v>
      </c>
      <c r="GU24" s="73">
        <v>83</v>
      </c>
      <c r="GV24" s="228">
        <v>0</v>
      </c>
      <c r="GW24" s="72">
        <v>63</v>
      </c>
      <c r="GX24" s="72">
        <v>47</v>
      </c>
      <c r="GY24" s="72">
        <v>35</v>
      </c>
      <c r="GZ24" s="72">
        <v>29</v>
      </c>
      <c r="HA24" s="72">
        <v>19</v>
      </c>
      <c r="HB24" s="74">
        <v>193</v>
      </c>
      <c r="HC24" s="75">
        <v>276</v>
      </c>
      <c r="HD24" s="60">
        <v>0</v>
      </c>
      <c r="HE24" s="61">
        <v>4</v>
      </c>
      <c r="HF24" s="62">
        <v>4</v>
      </c>
      <c r="HG24" s="228">
        <v>0</v>
      </c>
      <c r="HH24" s="61">
        <v>2</v>
      </c>
      <c r="HI24" s="61">
        <v>0</v>
      </c>
      <c r="HJ24" s="61">
        <v>1</v>
      </c>
      <c r="HK24" s="61">
        <v>3</v>
      </c>
      <c r="HL24" s="61">
        <v>3</v>
      </c>
      <c r="HM24" s="62">
        <v>9</v>
      </c>
      <c r="HN24" s="63">
        <v>13</v>
      </c>
      <c r="HO24" s="60">
        <v>6</v>
      </c>
      <c r="HP24" s="61">
        <v>2</v>
      </c>
      <c r="HQ24" s="62">
        <v>8</v>
      </c>
      <c r="HR24" s="228">
        <v>0</v>
      </c>
      <c r="HS24" s="61">
        <v>7</v>
      </c>
      <c r="HT24" s="61">
        <v>8</v>
      </c>
      <c r="HU24" s="61">
        <v>1</v>
      </c>
      <c r="HV24" s="61">
        <v>3</v>
      </c>
      <c r="HW24" s="61">
        <v>1</v>
      </c>
      <c r="HX24" s="62">
        <v>20</v>
      </c>
      <c r="HY24" s="63">
        <v>28</v>
      </c>
      <c r="HZ24" s="60">
        <v>3</v>
      </c>
      <c r="IA24" s="61">
        <v>6</v>
      </c>
      <c r="IB24" s="62">
        <v>9</v>
      </c>
      <c r="IC24" s="228">
        <v>0</v>
      </c>
      <c r="ID24" s="61">
        <v>10</v>
      </c>
      <c r="IE24" s="61">
        <v>3</v>
      </c>
      <c r="IF24" s="61">
        <v>3</v>
      </c>
      <c r="IG24" s="61">
        <v>2</v>
      </c>
      <c r="IH24" s="61">
        <v>1</v>
      </c>
      <c r="II24" s="62">
        <v>19</v>
      </c>
      <c r="IJ24" s="63">
        <v>28</v>
      </c>
      <c r="IK24" s="60">
        <v>11</v>
      </c>
      <c r="IL24" s="61">
        <v>11</v>
      </c>
      <c r="IM24" s="62">
        <v>22</v>
      </c>
      <c r="IN24" s="228">
        <v>0</v>
      </c>
      <c r="IO24" s="61">
        <v>12</v>
      </c>
      <c r="IP24" s="61">
        <v>8</v>
      </c>
      <c r="IQ24" s="61">
        <v>7</v>
      </c>
      <c r="IR24" s="61">
        <v>10</v>
      </c>
      <c r="IS24" s="61">
        <v>3</v>
      </c>
      <c r="IT24" s="62">
        <v>40</v>
      </c>
      <c r="IU24" s="63">
        <v>62</v>
      </c>
      <c r="IV24" s="60">
        <v>13</v>
      </c>
      <c r="IW24" s="61">
        <v>11</v>
      </c>
      <c r="IX24" s="62">
        <v>24</v>
      </c>
      <c r="IY24" s="228">
        <v>0</v>
      </c>
      <c r="IZ24" s="61">
        <v>16</v>
      </c>
      <c r="JA24" s="61">
        <v>15</v>
      </c>
      <c r="JB24" s="61">
        <v>10</v>
      </c>
      <c r="JC24" s="61">
        <v>7</v>
      </c>
      <c r="JD24" s="61">
        <v>5</v>
      </c>
      <c r="JE24" s="62">
        <v>53</v>
      </c>
      <c r="JF24" s="63">
        <v>77</v>
      </c>
      <c r="JG24" s="60">
        <v>9</v>
      </c>
      <c r="JH24" s="61">
        <v>7</v>
      </c>
      <c r="JI24" s="62">
        <v>16</v>
      </c>
      <c r="JJ24" s="228">
        <v>0</v>
      </c>
      <c r="JK24" s="61">
        <v>16</v>
      </c>
      <c r="JL24" s="61">
        <v>13</v>
      </c>
      <c r="JM24" s="61">
        <v>13</v>
      </c>
      <c r="JN24" s="61">
        <v>4</v>
      </c>
      <c r="JO24" s="61">
        <v>6</v>
      </c>
      <c r="JP24" s="62">
        <v>52</v>
      </c>
      <c r="JQ24" s="63">
        <v>68</v>
      </c>
      <c r="JR24" s="60">
        <v>0</v>
      </c>
      <c r="JS24" s="61">
        <v>0</v>
      </c>
      <c r="JT24" s="62">
        <v>0</v>
      </c>
      <c r="JU24" s="228">
        <v>0</v>
      </c>
      <c r="JV24" s="61">
        <v>0</v>
      </c>
      <c r="JW24" s="61">
        <v>0</v>
      </c>
      <c r="JX24" s="61">
        <v>0</v>
      </c>
      <c r="JY24" s="61">
        <v>0</v>
      </c>
      <c r="JZ24" s="61">
        <v>0</v>
      </c>
      <c r="KA24" s="62">
        <v>0</v>
      </c>
      <c r="KB24" s="63">
        <v>0</v>
      </c>
      <c r="KC24" s="60">
        <v>42</v>
      </c>
      <c r="KD24" s="61">
        <v>41</v>
      </c>
      <c r="KE24" s="62">
        <v>83</v>
      </c>
      <c r="KF24" s="228">
        <v>0</v>
      </c>
      <c r="KG24" s="61">
        <v>63</v>
      </c>
      <c r="KH24" s="61">
        <v>47</v>
      </c>
      <c r="KI24" s="61">
        <v>35</v>
      </c>
      <c r="KJ24" s="61">
        <v>29</v>
      </c>
      <c r="KK24" s="61">
        <v>19</v>
      </c>
      <c r="KL24" s="62">
        <v>193</v>
      </c>
      <c r="KM24" s="63">
        <v>276</v>
      </c>
    </row>
    <row r="25" spans="2:299" ht="21" customHeight="1" x14ac:dyDescent="0.2">
      <c r="B25" s="472" t="s">
        <v>22</v>
      </c>
      <c r="C25" s="293">
        <v>10</v>
      </c>
      <c r="D25" s="72">
        <v>10</v>
      </c>
      <c r="E25" s="73">
        <v>20</v>
      </c>
      <c r="F25" s="228">
        <v>0</v>
      </c>
      <c r="G25" s="72">
        <v>24</v>
      </c>
      <c r="H25" s="72">
        <v>19</v>
      </c>
      <c r="I25" s="72">
        <v>12</v>
      </c>
      <c r="J25" s="72">
        <v>8</v>
      </c>
      <c r="K25" s="72">
        <v>9</v>
      </c>
      <c r="L25" s="74">
        <v>72</v>
      </c>
      <c r="M25" s="75">
        <v>92</v>
      </c>
      <c r="N25" s="60">
        <v>0</v>
      </c>
      <c r="O25" s="61">
        <v>0</v>
      </c>
      <c r="P25" s="62">
        <v>0</v>
      </c>
      <c r="Q25" s="228">
        <v>0</v>
      </c>
      <c r="R25" s="61">
        <v>0</v>
      </c>
      <c r="S25" s="61">
        <v>0</v>
      </c>
      <c r="T25" s="61">
        <v>0</v>
      </c>
      <c r="U25" s="61">
        <v>1</v>
      </c>
      <c r="V25" s="61">
        <v>0</v>
      </c>
      <c r="W25" s="62">
        <v>1</v>
      </c>
      <c r="X25" s="63">
        <v>1</v>
      </c>
      <c r="Y25" s="60">
        <v>1</v>
      </c>
      <c r="Z25" s="61">
        <v>1</v>
      </c>
      <c r="AA25" s="62">
        <v>2</v>
      </c>
      <c r="AB25" s="228">
        <v>0</v>
      </c>
      <c r="AC25" s="61">
        <v>3</v>
      </c>
      <c r="AD25" s="61">
        <v>1</v>
      </c>
      <c r="AE25" s="61">
        <v>0</v>
      </c>
      <c r="AF25" s="61">
        <v>0</v>
      </c>
      <c r="AG25" s="61">
        <v>2</v>
      </c>
      <c r="AH25" s="62">
        <v>6</v>
      </c>
      <c r="AI25" s="63">
        <v>8</v>
      </c>
      <c r="AJ25" s="60">
        <v>0</v>
      </c>
      <c r="AK25" s="61">
        <v>0</v>
      </c>
      <c r="AL25" s="62">
        <v>0</v>
      </c>
      <c r="AM25" s="228">
        <v>0</v>
      </c>
      <c r="AN25" s="61">
        <v>3</v>
      </c>
      <c r="AO25" s="61">
        <v>0</v>
      </c>
      <c r="AP25" s="61">
        <v>1</v>
      </c>
      <c r="AQ25" s="61">
        <v>0</v>
      </c>
      <c r="AR25" s="61">
        <v>2</v>
      </c>
      <c r="AS25" s="62">
        <v>6</v>
      </c>
      <c r="AT25" s="63">
        <v>6</v>
      </c>
      <c r="AU25" s="60">
        <v>6</v>
      </c>
      <c r="AV25" s="61">
        <v>6</v>
      </c>
      <c r="AW25" s="62">
        <v>12</v>
      </c>
      <c r="AX25" s="228">
        <v>0</v>
      </c>
      <c r="AY25" s="61">
        <v>5</v>
      </c>
      <c r="AZ25" s="61">
        <v>8</v>
      </c>
      <c r="BA25" s="61">
        <v>3</v>
      </c>
      <c r="BB25" s="61">
        <v>1</v>
      </c>
      <c r="BC25" s="61">
        <v>3</v>
      </c>
      <c r="BD25" s="62">
        <v>20</v>
      </c>
      <c r="BE25" s="63">
        <v>32</v>
      </c>
      <c r="BF25" s="60">
        <v>2</v>
      </c>
      <c r="BG25" s="61">
        <v>2</v>
      </c>
      <c r="BH25" s="62">
        <v>4</v>
      </c>
      <c r="BI25" s="228">
        <v>0</v>
      </c>
      <c r="BJ25" s="61">
        <v>5</v>
      </c>
      <c r="BK25" s="61">
        <v>3</v>
      </c>
      <c r="BL25" s="61">
        <v>3</v>
      </c>
      <c r="BM25" s="61">
        <v>1</v>
      </c>
      <c r="BN25" s="61">
        <v>1</v>
      </c>
      <c r="BO25" s="62">
        <v>13</v>
      </c>
      <c r="BP25" s="63">
        <v>17</v>
      </c>
      <c r="BQ25" s="60">
        <v>1</v>
      </c>
      <c r="BR25" s="61">
        <v>1</v>
      </c>
      <c r="BS25" s="62">
        <v>2</v>
      </c>
      <c r="BT25" s="228">
        <v>0</v>
      </c>
      <c r="BU25" s="61">
        <v>8</v>
      </c>
      <c r="BV25" s="61">
        <v>7</v>
      </c>
      <c r="BW25" s="61">
        <v>5</v>
      </c>
      <c r="BX25" s="61">
        <v>5</v>
      </c>
      <c r="BY25" s="61">
        <v>1</v>
      </c>
      <c r="BZ25" s="62">
        <v>26</v>
      </c>
      <c r="CA25" s="63">
        <v>28</v>
      </c>
      <c r="CB25" s="60">
        <v>0</v>
      </c>
      <c r="CC25" s="61">
        <v>0</v>
      </c>
      <c r="CD25" s="62">
        <v>0</v>
      </c>
      <c r="CE25" s="228">
        <v>0</v>
      </c>
      <c r="CF25" s="61">
        <v>0</v>
      </c>
      <c r="CG25" s="61">
        <v>0</v>
      </c>
      <c r="CH25" s="61">
        <v>0</v>
      </c>
      <c r="CI25" s="61">
        <v>0</v>
      </c>
      <c r="CJ25" s="61">
        <v>0</v>
      </c>
      <c r="CK25" s="62">
        <v>0</v>
      </c>
      <c r="CL25" s="63">
        <v>0</v>
      </c>
      <c r="CM25" s="60">
        <v>10</v>
      </c>
      <c r="CN25" s="61">
        <v>10</v>
      </c>
      <c r="CO25" s="62">
        <v>20</v>
      </c>
      <c r="CP25" s="228">
        <v>0</v>
      </c>
      <c r="CQ25" s="61">
        <v>24</v>
      </c>
      <c r="CR25" s="61">
        <v>19</v>
      </c>
      <c r="CS25" s="61">
        <v>12</v>
      </c>
      <c r="CT25" s="61">
        <v>8</v>
      </c>
      <c r="CU25" s="61">
        <v>9</v>
      </c>
      <c r="CV25" s="62">
        <v>72</v>
      </c>
      <c r="CW25" s="63">
        <v>92</v>
      </c>
      <c r="CX25" s="113">
        <v>1</v>
      </c>
      <c r="CY25" s="72">
        <v>4</v>
      </c>
      <c r="CZ25" s="73">
        <v>5</v>
      </c>
      <c r="DA25" s="228">
        <v>0</v>
      </c>
      <c r="DB25" s="72">
        <v>8</v>
      </c>
      <c r="DC25" s="72">
        <v>3</v>
      </c>
      <c r="DD25" s="72">
        <v>3</v>
      </c>
      <c r="DE25" s="72">
        <v>2</v>
      </c>
      <c r="DF25" s="72">
        <v>2</v>
      </c>
      <c r="DG25" s="74">
        <v>18</v>
      </c>
      <c r="DH25" s="75">
        <v>23</v>
      </c>
      <c r="DI25" s="60">
        <v>0</v>
      </c>
      <c r="DJ25" s="61">
        <v>0</v>
      </c>
      <c r="DK25" s="62">
        <v>0</v>
      </c>
      <c r="DL25" s="228">
        <v>0</v>
      </c>
      <c r="DM25" s="61">
        <v>0</v>
      </c>
      <c r="DN25" s="61">
        <v>0</v>
      </c>
      <c r="DO25" s="61">
        <v>0</v>
      </c>
      <c r="DP25" s="61">
        <v>0</v>
      </c>
      <c r="DQ25" s="61">
        <v>0</v>
      </c>
      <c r="DR25" s="62">
        <v>0</v>
      </c>
      <c r="DS25" s="63">
        <v>0</v>
      </c>
      <c r="DT25" s="60">
        <v>0</v>
      </c>
      <c r="DU25" s="61">
        <v>0</v>
      </c>
      <c r="DV25" s="62">
        <v>0</v>
      </c>
      <c r="DW25" s="228">
        <v>0</v>
      </c>
      <c r="DX25" s="61">
        <v>0</v>
      </c>
      <c r="DY25" s="61">
        <v>0</v>
      </c>
      <c r="DZ25" s="61">
        <v>0</v>
      </c>
      <c r="EA25" s="61">
        <v>0</v>
      </c>
      <c r="EB25" s="61">
        <v>0</v>
      </c>
      <c r="EC25" s="62">
        <v>0</v>
      </c>
      <c r="ED25" s="63">
        <v>0</v>
      </c>
      <c r="EE25" s="60">
        <v>1</v>
      </c>
      <c r="EF25" s="61">
        <v>1</v>
      </c>
      <c r="EG25" s="62">
        <v>2</v>
      </c>
      <c r="EH25" s="228">
        <v>0</v>
      </c>
      <c r="EI25" s="61">
        <v>0</v>
      </c>
      <c r="EJ25" s="61">
        <v>1</v>
      </c>
      <c r="EK25" s="61">
        <v>0</v>
      </c>
      <c r="EL25" s="61">
        <v>0</v>
      </c>
      <c r="EM25" s="61">
        <v>0</v>
      </c>
      <c r="EN25" s="62">
        <v>1</v>
      </c>
      <c r="EO25" s="63">
        <v>3</v>
      </c>
      <c r="EP25" s="60">
        <v>0</v>
      </c>
      <c r="EQ25" s="61">
        <v>1</v>
      </c>
      <c r="ER25" s="62">
        <v>1</v>
      </c>
      <c r="ES25" s="228">
        <v>0</v>
      </c>
      <c r="ET25" s="61">
        <v>1</v>
      </c>
      <c r="EU25" s="61">
        <v>0</v>
      </c>
      <c r="EV25" s="61">
        <v>1</v>
      </c>
      <c r="EW25" s="61">
        <v>1</v>
      </c>
      <c r="EX25" s="61">
        <v>0</v>
      </c>
      <c r="EY25" s="62">
        <v>3</v>
      </c>
      <c r="EZ25" s="63">
        <v>4</v>
      </c>
      <c r="FA25" s="60">
        <v>0</v>
      </c>
      <c r="FB25" s="61">
        <v>0</v>
      </c>
      <c r="FC25" s="62">
        <v>0</v>
      </c>
      <c r="FD25" s="228">
        <v>0</v>
      </c>
      <c r="FE25" s="61">
        <v>2</v>
      </c>
      <c r="FF25" s="61">
        <v>1</v>
      </c>
      <c r="FG25" s="61">
        <v>1</v>
      </c>
      <c r="FH25" s="61">
        <v>0</v>
      </c>
      <c r="FI25" s="61">
        <v>0</v>
      </c>
      <c r="FJ25" s="62">
        <v>4</v>
      </c>
      <c r="FK25" s="63">
        <v>4</v>
      </c>
      <c r="FL25" s="60">
        <v>0</v>
      </c>
      <c r="FM25" s="61">
        <v>2</v>
      </c>
      <c r="FN25" s="62">
        <v>2</v>
      </c>
      <c r="FO25" s="228">
        <v>0</v>
      </c>
      <c r="FP25" s="61">
        <v>5</v>
      </c>
      <c r="FQ25" s="61">
        <v>1</v>
      </c>
      <c r="FR25" s="61">
        <v>1</v>
      </c>
      <c r="FS25" s="61">
        <v>1</v>
      </c>
      <c r="FT25" s="61">
        <v>2</v>
      </c>
      <c r="FU25" s="62">
        <v>10</v>
      </c>
      <c r="FV25" s="63">
        <v>12</v>
      </c>
      <c r="FW25" s="60">
        <v>0</v>
      </c>
      <c r="FX25" s="61">
        <v>0</v>
      </c>
      <c r="FY25" s="62">
        <v>0</v>
      </c>
      <c r="FZ25" s="228">
        <v>0</v>
      </c>
      <c r="GA25" s="61">
        <v>0</v>
      </c>
      <c r="GB25" s="61">
        <v>0</v>
      </c>
      <c r="GC25" s="61">
        <v>0</v>
      </c>
      <c r="GD25" s="61">
        <v>0</v>
      </c>
      <c r="GE25" s="61">
        <v>0</v>
      </c>
      <c r="GF25" s="62">
        <v>0</v>
      </c>
      <c r="GG25" s="63">
        <v>0</v>
      </c>
      <c r="GH25" s="60">
        <v>1</v>
      </c>
      <c r="GI25" s="61">
        <v>4</v>
      </c>
      <c r="GJ25" s="62">
        <v>5</v>
      </c>
      <c r="GK25" s="228">
        <v>0</v>
      </c>
      <c r="GL25" s="61">
        <v>8</v>
      </c>
      <c r="GM25" s="61">
        <v>3</v>
      </c>
      <c r="GN25" s="61">
        <v>3</v>
      </c>
      <c r="GO25" s="61">
        <v>2</v>
      </c>
      <c r="GP25" s="61">
        <v>2</v>
      </c>
      <c r="GQ25" s="62">
        <v>18</v>
      </c>
      <c r="GR25" s="63">
        <v>23</v>
      </c>
      <c r="GS25" s="113">
        <v>11</v>
      </c>
      <c r="GT25" s="72">
        <v>14</v>
      </c>
      <c r="GU25" s="73">
        <v>25</v>
      </c>
      <c r="GV25" s="228">
        <v>0</v>
      </c>
      <c r="GW25" s="72">
        <v>32</v>
      </c>
      <c r="GX25" s="72">
        <v>22</v>
      </c>
      <c r="GY25" s="72">
        <v>15</v>
      </c>
      <c r="GZ25" s="72">
        <v>10</v>
      </c>
      <c r="HA25" s="72">
        <v>11</v>
      </c>
      <c r="HB25" s="74">
        <v>90</v>
      </c>
      <c r="HC25" s="75">
        <v>115</v>
      </c>
      <c r="HD25" s="60">
        <v>0</v>
      </c>
      <c r="HE25" s="61">
        <v>0</v>
      </c>
      <c r="HF25" s="62">
        <v>0</v>
      </c>
      <c r="HG25" s="228">
        <v>0</v>
      </c>
      <c r="HH25" s="61">
        <v>0</v>
      </c>
      <c r="HI25" s="61">
        <v>0</v>
      </c>
      <c r="HJ25" s="61">
        <v>0</v>
      </c>
      <c r="HK25" s="61">
        <v>1</v>
      </c>
      <c r="HL25" s="61">
        <v>0</v>
      </c>
      <c r="HM25" s="62">
        <v>1</v>
      </c>
      <c r="HN25" s="63">
        <v>1</v>
      </c>
      <c r="HO25" s="60">
        <v>1</v>
      </c>
      <c r="HP25" s="61">
        <v>1</v>
      </c>
      <c r="HQ25" s="62">
        <v>2</v>
      </c>
      <c r="HR25" s="228">
        <v>0</v>
      </c>
      <c r="HS25" s="61">
        <v>3</v>
      </c>
      <c r="HT25" s="61">
        <v>1</v>
      </c>
      <c r="HU25" s="61">
        <v>0</v>
      </c>
      <c r="HV25" s="61">
        <v>0</v>
      </c>
      <c r="HW25" s="61">
        <v>2</v>
      </c>
      <c r="HX25" s="62">
        <v>6</v>
      </c>
      <c r="HY25" s="63">
        <v>8</v>
      </c>
      <c r="HZ25" s="60">
        <v>1</v>
      </c>
      <c r="IA25" s="61">
        <v>1</v>
      </c>
      <c r="IB25" s="62">
        <v>2</v>
      </c>
      <c r="IC25" s="228">
        <v>0</v>
      </c>
      <c r="ID25" s="61">
        <v>3</v>
      </c>
      <c r="IE25" s="61">
        <v>1</v>
      </c>
      <c r="IF25" s="61">
        <v>1</v>
      </c>
      <c r="IG25" s="61">
        <v>0</v>
      </c>
      <c r="IH25" s="61">
        <v>2</v>
      </c>
      <c r="II25" s="62">
        <v>7</v>
      </c>
      <c r="IJ25" s="63">
        <v>9</v>
      </c>
      <c r="IK25" s="60">
        <v>6</v>
      </c>
      <c r="IL25" s="61">
        <v>7</v>
      </c>
      <c r="IM25" s="62">
        <v>13</v>
      </c>
      <c r="IN25" s="228">
        <v>0</v>
      </c>
      <c r="IO25" s="61">
        <v>6</v>
      </c>
      <c r="IP25" s="61">
        <v>8</v>
      </c>
      <c r="IQ25" s="61">
        <v>4</v>
      </c>
      <c r="IR25" s="61">
        <v>2</v>
      </c>
      <c r="IS25" s="61">
        <v>3</v>
      </c>
      <c r="IT25" s="62">
        <v>23</v>
      </c>
      <c r="IU25" s="63">
        <v>36</v>
      </c>
      <c r="IV25" s="60">
        <v>2</v>
      </c>
      <c r="IW25" s="61">
        <v>2</v>
      </c>
      <c r="IX25" s="62">
        <v>4</v>
      </c>
      <c r="IY25" s="228">
        <v>0</v>
      </c>
      <c r="IZ25" s="61">
        <v>7</v>
      </c>
      <c r="JA25" s="61">
        <v>4</v>
      </c>
      <c r="JB25" s="61">
        <v>4</v>
      </c>
      <c r="JC25" s="61">
        <v>1</v>
      </c>
      <c r="JD25" s="61">
        <v>1</v>
      </c>
      <c r="JE25" s="62">
        <v>17</v>
      </c>
      <c r="JF25" s="63">
        <v>21</v>
      </c>
      <c r="JG25" s="60">
        <v>1</v>
      </c>
      <c r="JH25" s="61">
        <v>3</v>
      </c>
      <c r="JI25" s="62">
        <v>4</v>
      </c>
      <c r="JJ25" s="228">
        <v>0</v>
      </c>
      <c r="JK25" s="61">
        <v>13</v>
      </c>
      <c r="JL25" s="61">
        <v>8</v>
      </c>
      <c r="JM25" s="61">
        <v>6</v>
      </c>
      <c r="JN25" s="61">
        <v>6</v>
      </c>
      <c r="JO25" s="61">
        <v>3</v>
      </c>
      <c r="JP25" s="62">
        <v>36</v>
      </c>
      <c r="JQ25" s="63">
        <v>40</v>
      </c>
      <c r="JR25" s="60">
        <v>0</v>
      </c>
      <c r="JS25" s="61">
        <v>0</v>
      </c>
      <c r="JT25" s="62">
        <v>0</v>
      </c>
      <c r="JU25" s="228">
        <v>0</v>
      </c>
      <c r="JV25" s="61">
        <v>0</v>
      </c>
      <c r="JW25" s="61">
        <v>0</v>
      </c>
      <c r="JX25" s="61">
        <v>0</v>
      </c>
      <c r="JY25" s="61">
        <v>0</v>
      </c>
      <c r="JZ25" s="61">
        <v>0</v>
      </c>
      <c r="KA25" s="62">
        <v>0</v>
      </c>
      <c r="KB25" s="63">
        <v>0</v>
      </c>
      <c r="KC25" s="60">
        <v>11</v>
      </c>
      <c r="KD25" s="61">
        <v>14</v>
      </c>
      <c r="KE25" s="62">
        <v>25</v>
      </c>
      <c r="KF25" s="228">
        <v>0</v>
      </c>
      <c r="KG25" s="61">
        <v>32</v>
      </c>
      <c r="KH25" s="61">
        <v>22</v>
      </c>
      <c r="KI25" s="61">
        <v>15</v>
      </c>
      <c r="KJ25" s="61">
        <v>10</v>
      </c>
      <c r="KK25" s="61">
        <v>11</v>
      </c>
      <c r="KL25" s="62">
        <v>90</v>
      </c>
      <c r="KM25" s="63">
        <v>115</v>
      </c>
    </row>
    <row r="26" spans="2:299" ht="21" customHeight="1" x14ac:dyDescent="0.2">
      <c r="B26" s="472" t="s">
        <v>23</v>
      </c>
      <c r="C26" s="293">
        <v>13</v>
      </c>
      <c r="D26" s="72">
        <v>14</v>
      </c>
      <c r="E26" s="73">
        <v>27</v>
      </c>
      <c r="F26" s="228">
        <v>0</v>
      </c>
      <c r="G26" s="72">
        <v>28</v>
      </c>
      <c r="H26" s="72">
        <v>23</v>
      </c>
      <c r="I26" s="72">
        <v>21</v>
      </c>
      <c r="J26" s="72">
        <v>13</v>
      </c>
      <c r="K26" s="72">
        <v>8</v>
      </c>
      <c r="L26" s="74">
        <v>93</v>
      </c>
      <c r="M26" s="75">
        <v>120</v>
      </c>
      <c r="N26" s="60">
        <v>0</v>
      </c>
      <c r="O26" s="61">
        <v>1</v>
      </c>
      <c r="P26" s="62">
        <v>1</v>
      </c>
      <c r="Q26" s="228">
        <v>0</v>
      </c>
      <c r="R26" s="61">
        <v>1</v>
      </c>
      <c r="S26" s="61">
        <v>2</v>
      </c>
      <c r="T26" s="61">
        <v>0</v>
      </c>
      <c r="U26" s="61">
        <v>0</v>
      </c>
      <c r="V26" s="61">
        <v>0</v>
      </c>
      <c r="W26" s="62">
        <v>3</v>
      </c>
      <c r="X26" s="63">
        <v>4</v>
      </c>
      <c r="Y26" s="60">
        <v>2</v>
      </c>
      <c r="Z26" s="61">
        <v>0</v>
      </c>
      <c r="AA26" s="62">
        <v>2</v>
      </c>
      <c r="AB26" s="228">
        <v>0</v>
      </c>
      <c r="AC26" s="61">
        <v>1</v>
      </c>
      <c r="AD26" s="61">
        <v>3</v>
      </c>
      <c r="AE26" s="61">
        <v>1</v>
      </c>
      <c r="AF26" s="61">
        <v>0</v>
      </c>
      <c r="AG26" s="61">
        <v>2</v>
      </c>
      <c r="AH26" s="62">
        <v>7</v>
      </c>
      <c r="AI26" s="63">
        <v>9</v>
      </c>
      <c r="AJ26" s="60">
        <v>3</v>
      </c>
      <c r="AK26" s="61">
        <v>2</v>
      </c>
      <c r="AL26" s="62">
        <v>5</v>
      </c>
      <c r="AM26" s="228">
        <v>0</v>
      </c>
      <c r="AN26" s="61">
        <v>5</v>
      </c>
      <c r="AO26" s="61">
        <v>2</v>
      </c>
      <c r="AP26" s="61">
        <v>3</v>
      </c>
      <c r="AQ26" s="61">
        <v>0</v>
      </c>
      <c r="AR26" s="61">
        <v>2</v>
      </c>
      <c r="AS26" s="62">
        <v>12</v>
      </c>
      <c r="AT26" s="63">
        <v>17</v>
      </c>
      <c r="AU26" s="60">
        <v>2</v>
      </c>
      <c r="AV26" s="61">
        <v>6</v>
      </c>
      <c r="AW26" s="62">
        <v>8</v>
      </c>
      <c r="AX26" s="228">
        <v>0</v>
      </c>
      <c r="AY26" s="61">
        <v>6</v>
      </c>
      <c r="AZ26" s="61">
        <v>3</v>
      </c>
      <c r="BA26" s="61">
        <v>8</v>
      </c>
      <c r="BB26" s="61">
        <v>5</v>
      </c>
      <c r="BC26" s="61">
        <v>1</v>
      </c>
      <c r="BD26" s="62">
        <v>23</v>
      </c>
      <c r="BE26" s="63">
        <v>31</v>
      </c>
      <c r="BF26" s="60">
        <v>4</v>
      </c>
      <c r="BG26" s="61">
        <v>3</v>
      </c>
      <c r="BH26" s="62">
        <v>7</v>
      </c>
      <c r="BI26" s="228">
        <v>0</v>
      </c>
      <c r="BJ26" s="61">
        <v>9</v>
      </c>
      <c r="BK26" s="61">
        <v>6</v>
      </c>
      <c r="BL26" s="61">
        <v>7</v>
      </c>
      <c r="BM26" s="61">
        <v>3</v>
      </c>
      <c r="BN26" s="61">
        <v>3</v>
      </c>
      <c r="BO26" s="62">
        <v>28</v>
      </c>
      <c r="BP26" s="63">
        <v>35</v>
      </c>
      <c r="BQ26" s="60">
        <v>2</v>
      </c>
      <c r="BR26" s="61">
        <v>2</v>
      </c>
      <c r="BS26" s="62">
        <v>4</v>
      </c>
      <c r="BT26" s="228">
        <v>0</v>
      </c>
      <c r="BU26" s="61">
        <v>6</v>
      </c>
      <c r="BV26" s="61">
        <v>7</v>
      </c>
      <c r="BW26" s="61">
        <v>2</v>
      </c>
      <c r="BX26" s="61">
        <v>5</v>
      </c>
      <c r="BY26" s="61">
        <v>0</v>
      </c>
      <c r="BZ26" s="62">
        <v>20</v>
      </c>
      <c r="CA26" s="63">
        <v>24</v>
      </c>
      <c r="CB26" s="60">
        <v>0</v>
      </c>
      <c r="CC26" s="61">
        <v>0</v>
      </c>
      <c r="CD26" s="62">
        <v>0</v>
      </c>
      <c r="CE26" s="228">
        <v>0</v>
      </c>
      <c r="CF26" s="61">
        <v>0</v>
      </c>
      <c r="CG26" s="61">
        <v>0</v>
      </c>
      <c r="CH26" s="61">
        <v>0</v>
      </c>
      <c r="CI26" s="61">
        <v>0</v>
      </c>
      <c r="CJ26" s="61">
        <v>0</v>
      </c>
      <c r="CK26" s="62">
        <v>0</v>
      </c>
      <c r="CL26" s="63">
        <v>0</v>
      </c>
      <c r="CM26" s="60">
        <v>13</v>
      </c>
      <c r="CN26" s="61">
        <v>14</v>
      </c>
      <c r="CO26" s="62">
        <v>27</v>
      </c>
      <c r="CP26" s="228">
        <v>0</v>
      </c>
      <c r="CQ26" s="61">
        <v>28</v>
      </c>
      <c r="CR26" s="61">
        <v>23</v>
      </c>
      <c r="CS26" s="61">
        <v>21</v>
      </c>
      <c r="CT26" s="61">
        <v>13</v>
      </c>
      <c r="CU26" s="61">
        <v>8</v>
      </c>
      <c r="CV26" s="62">
        <v>93</v>
      </c>
      <c r="CW26" s="63">
        <v>120</v>
      </c>
      <c r="CX26" s="113">
        <v>8</v>
      </c>
      <c r="CY26" s="72">
        <v>7</v>
      </c>
      <c r="CZ26" s="73">
        <v>15</v>
      </c>
      <c r="DA26" s="228">
        <v>0</v>
      </c>
      <c r="DB26" s="72">
        <v>10</v>
      </c>
      <c r="DC26" s="72">
        <v>10</v>
      </c>
      <c r="DD26" s="72">
        <v>4</v>
      </c>
      <c r="DE26" s="72">
        <v>6</v>
      </c>
      <c r="DF26" s="72">
        <v>7</v>
      </c>
      <c r="DG26" s="74">
        <v>37</v>
      </c>
      <c r="DH26" s="75">
        <v>52</v>
      </c>
      <c r="DI26" s="60">
        <v>0</v>
      </c>
      <c r="DJ26" s="61">
        <v>0</v>
      </c>
      <c r="DK26" s="62">
        <v>0</v>
      </c>
      <c r="DL26" s="228">
        <v>0</v>
      </c>
      <c r="DM26" s="61">
        <v>1</v>
      </c>
      <c r="DN26" s="61">
        <v>0</v>
      </c>
      <c r="DO26" s="61">
        <v>0</v>
      </c>
      <c r="DP26" s="61">
        <v>0</v>
      </c>
      <c r="DQ26" s="61">
        <v>0</v>
      </c>
      <c r="DR26" s="62">
        <v>1</v>
      </c>
      <c r="DS26" s="63">
        <v>1</v>
      </c>
      <c r="DT26" s="60">
        <v>0</v>
      </c>
      <c r="DU26" s="61">
        <v>0</v>
      </c>
      <c r="DV26" s="62">
        <v>0</v>
      </c>
      <c r="DW26" s="228">
        <v>0</v>
      </c>
      <c r="DX26" s="61">
        <v>0</v>
      </c>
      <c r="DY26" s="61">
        <v>0</v>
      </c>
      <c r="DZ26" s="61">
        <v>0</v>
      </c>
      <c r="EA26" s="61">
        <v>0</v>
      </c>
      <c r="EB26" s="61">
        <v>0</v>
      </c>
      <c r="EC26" s="62">
        <v>0</v>
      </c>
      <c r="ED26" s="63">
        <v>0</v>
      </c>
      <c r="EE26" s="60">
        <v>1</v>
      </c>
      <c r="EF26" s="61">
        <v>2</v>
      </c>
      <c r="EG26" s="62">
        <v>3</v>
      </c>
      <c r="EH26" s="228">
        <v>0</v>
      </c>
      <c r="EI26" s="61">
        <v>1</v>
      </c>
      <c r="EJ26" s="61">
        <v>0</v>
      </c>
      <c r="EK26" s="61">
        <v>0</v>
      </c>
      <c r="EL26" s="61">
        <v>0</v>
      </c>
      <c r="EM26" s="61">
        <v>1</v>
      </c>
      <c r="EN26" s="62">
        <v>2</v>
      </c>
      <c r="EO26" s="63">
        <v>5</v>
      </c>
      <c r="EP26" s="60">
        <v>4</v>
      </c>
      <c r="EQ26" s="61">
        <v>3</v>
      </c>
      <c r="ER26" s="62">
        <v>7</v>
      </c>
      <c r="ES26" s="228">
        <v>0</v>
      </c>
      <c r="ET26" s="61">
        <v>2</v>
      </c>
      <c r="EU26" s="61">
        <v>2</v>
      </c>
      <c r="EV26" s="61">
        <v>3</v>
      </c>
      <c r="EW26" s="61">
        <v>0</v>
      </c>
      <c r="EX26" s="61">
        <v>1</v>
      </c>
      <c r="EY26" s="62">
        <v>8</v>
      </c>
      <c r="EZ26" s="63">
        <v>15</v>
      </c>
      <c r="FA26" s="60">
        <v>2</v>
      </c>
      <c r="FB26" s="61">
        <v>1</v>
      </c>
      <c r="FC26" s="62">
        <v>3</v>
      </c>
      <c r="FD26" s="228">
        <v>0</v>
      </c>
      <c r="FE26" s="61">
        <v>1</v>
      </c>
      <c r="FF26" s="61">
        <v>3</v>
      </c>
      <c r="FG26" s="61">
        <v>0</v>
      </c>
      <c r="FH26" s="61">
        <v>3</v>
      </c>
      <c r="FI26" s="61">
        <v>0</v>
      </c>
      <c r="FJ26" s="62">
        <v>7</v>
      </c>
      <c r="FK26" s="63">
        <v>10</v>
      </c>
      <c r="FL26" s="60">
        <v>1</v>
      </c>
      <c r="FM26" s="61">
        <v>1</v>
      </c>
      <c r="FN26" s="62">
        <v>2</v>
      </c>
      <c r="FO26" s="228">
        <v>0</v>
      </c>
      <c r="FP26" s="61">
        <v>5</v>
      </c>
      <c r="FQ26" s="61">
        <v>5</v>
      </c>
      <c r="FR26" s="61">
        <v>1</v>
      </c>
      <c r="FS26" s="61">
        <v>3</v>
      </c>
      <c r="FT26" s="61">
        <v>5</v>
      </c>
      <c r="FU26" s="62">
        <v>19</v>
      </c>
      <c r="FV26" s="63">
        <v>21</v>
      </c>
      <c r="FW26" s="60">
        <v>0</v>
      </c>
      <c r="FX26" s="61">
        <v>0</v>
      </c>
      <c r="FY26" s="62">
        <v>0</v>
      </c>
      <c r="FZ26" s="228">
        <v>0</v>
      </c>
      <c r="GA26" s="61">
        <v>0</v>
      </c>
      <c r="GB26" s="61">
        <v>0</v>
      </c>
      <c r="GC26" s="61">
        <v>0</v>
      </c>
      <c r="GD26" s="61">
        <v>0</v>
      </c>
      <c r="GE26" s="61">
        <v>0</v>
      </c>
      <c r="GF26" s="62">
        <v>0</v>
      </c>
      <c r="GG26" s="63">
        <v>0</v>
      </c>
      <c r="GH26" s="60">
        <v>8</v>
      </c>
      <c r="GI26" s="61">
        <v>7</v>
      </c>
      <c r="GJ26" s="62">
        <v>15</v>
      </c>
      <c r="GK26" s="228">
        <v>0</v>
      </c>
      <c r="GL26" s="61">
        <v>10</v>
      </c>
      <c r="GM26" s="61">
        <v>10</v>
      </c>
      <c r="GN26" s="61">
        <v>4</v>
      </c>
      <c r="GO26" s="61">
        <v>6</v>
      </c>
      <c r="GP26" s="61">
        <v>7</v>
      </c>
      <c r="GQ26" s="62">
        <v>37</v>
      </c>
      <c r="GR26" s="63">
        <v>52</v>
      </c>
      <c r="GS26" s="113">
        <v>21</v>
      </c>
      <c r="GT26" s="72">
        <v>21</v>
      </c>
      <c r="GU26" s="73">
        <v>42</v>
      </c>
      <c r="GV26" s="228">
        <v>0</v>
      </c>
      <c r="GW26" s="72">
        <v>38</v>
      </c>
      <c r="GX26" s="72">
        <v>33</v>
      </c>
      <c r="GY26" s="72">
        <v>25</v>
      </c>
      <c r="GZ26" s="72">
        <v>19</v>
      </c>
      <c r="HA26" s="72">
        <v>15</v>
      </c>
      <c r="HB26" s="74">
        <v>130</v>
      </c>
      <c r="HC26" s="75">
        <v>172</v>
      </c>
      <c r="HD26" s="60">
        <v>0</v>
      </c>
      <c r="HE26" s="61">
        <v>1</v>
      </c>
      <c r="HF26" s="62">
        <v>1</v>
      </c>
      <c r="HG26" s="228">
        <v>0</v>
      </c>
      <c r="HH26" s="61">
        <v>2</v>
      </c>
      <c r="HI26" s="61">
        <v>2</v>
      </c>
      <c r="HJ26" s="61">
        <v>0</v>
      </c>
      <c r="HK26" s="61">
        <v>0</v>
      </c>
      <c r="HL26" s="61">
        <v>0</v>
      </c>
      <c r="HM26" s="62">
        <v>4</v>
      </c>
      <c r="HN26" s="63">
        <v>5</v>
      </c>
      <c r="HO26" s="60">
        <v>2</v>
      </c>
      <c r="HP26" s="61">
        <v>0</v>
      </c>
      <c r="HQ26" s="62">
        <v>2</v>
      </c>
      <c r="HR26" s="228">
        <v>0</v>
      </c>
      <c r="HS26" s="61">
        <v>1</v>
      </c>
      <c r="HT26" s="61">
        <v>3</v>
      </c>
      <c r="HU26" s="61">
        <v>1</v>
      </c>
      <c r="HV26" s="61">
        <v>0</v>
      </c>
      <c r="HW26" s="61">
        <v>2</v>
      </c>
      <c r="HX26" s="62">
        <v>7</v>
      </c>
      <c r="HY26" s="63">
        <v>9</v>
      </c>
      <c r="HZ26" s="60">
        <v>4</v>
      </c>
      <c r="IA26" s="61">
        <v>4</v>
      </c>
      <c r="IB26" s="62">
        <v>8</v>
      </c>
      <c r="IC26" s="228">
        <v>0</v>
      </c>
      <c r="ID26" s="61">
        <v>6</v>
      </c>
      <c r="IE26" s="61">
        <v>2</v>
      </c>
      <c r="IF26" s="61">
        <v>3</v>
      </c>
      <c r="IG26" s="61">
        <v>0</v>
      </c>
      <c r="IH26" s="61">
        <v>3</v>
      </c>
      <c r="II26" s="62">
        <v>14</v>
      </c>
      <c r="IJ26" s="63">
        <v>22</v>
      </c>
      <c r="IK26" s="60">
        <v>6</v>
      </c>
      <c r="IL26" s="61">
        <v>9</v>
      </c>
      <c r="IM26" s="62">
        <v>15</v>
      </c>
      <c r="IN26" s="228">
        <v>0</v>
      </c>
      <c r="IO26" s="61">
        <v>8</v>
      </c>
      <c r="IP26" s="61">
        <v>5</v>
      </c>
      <c r="IQ26" s="61">
        <v>11</v>
      </c>
      <c r="IR26" s="61">
        <v>5</v>
      </c>
      <c r="IS26" s="61">
        <v>2</v>
      </c>
      <c r="IT26" s="62">
        <v>31</v>
      </c>
      <c r="IU26" s="63">
        <v>46</v>
      </c>
      <c r="IV26" s="60">
        <v>6</v>
      </c>
      <c r="IW26" s="61">
        <v>4</v>
      </c>
      <c r="IX26" s="62">
        <v>10</v>
      </c>
      <c r="IY26" s="228">
        <v>0</v>
      </c>
      <c r="IZ26" s="61">
        <v>10</v>
      </c>
      <c r="JA26" s="61">
        <v>9</v>
      </c>
      <c r="JB26" s="61">
        <v>7</v>
      </c>
      <c r="JC26" s="61">
        <v>6</v>
      </c>
      <c r="JD26" s="61">
        <v>3</v>
      </c>
      <c r="JE26" s="62">
        <v>35</v>
      </c>
      <c r="JF26" s="63">
        <v>45</v>
      </c>
      <c r="JG26" s="60">
        <v>3</v>
      </c>
      <c r="JH26" s="61">
        <v>3</v>
      </c>
      <c r="JI26" s="62">
        <v>6</v>
      </c>
      <c r="JJ26" s="228">
        <v>0</v>
      </c>
      <c r="JK26" s="61">
        <v>11</v>
      </c>
      <c r="JL26" s="61">
        <v>12</v>
      </c>
      <c r="JM26" s="61">
        <v>3</v>
      </c>
      <c r="JN26" s="61">
        <v>8</v>
      </c>
      <c r="JO26" s="61">
        <v>5</v>
      </c>
      <c r="JP26" s="62">
        <v>39</v>
      </c>
      <c r="JQ26" s="63">
        <v>45</v>
      </c>
      <c r="JR26" s="60">
        <v>0</v>
      </c>
      <c r="JS26" s="61">
        <v>0</v>
      </c>
      <c r="JT26" s="62">
        <v>0</v>
      </c>
      <c r="JU26" s="228">
        <v>0</v>
      </c>
      <c r="JV26" s="61">
        <v>0</v>
      </c>
      <c r="JW26" s="61">
        <v>0</v>
      </c>
      <c r="JX26" s="61">
        <v>0</v>
      </c>
      <c r="JY26" s="61">
        <v>0</v>
      </c>
      <c r="JZ26" s="61">
        <v>0</v>
      </c>
      <c r="KA26" s="62">
        <v>0</v>
      </c>
      <c r="KB26" s="63">
        <v>0</v>
      </c>
      <c r="KC26" s="60">
        <v>21</v>
      </c>
      <c r="KD26" s="61">
        <v>21</v>
      </c>
      <c r="KE26" s="62">
        <v>42</v>
      </c>
      <c r="KF26" s="228">
        <v>0</v>
      </c>
      <c r="KG26" s="61">
        <v>38</v>
      </c>
      <c r="KH26" s="61">
        <v>33</v>
      </c>
      <c r="KI26" s="61">
        <v>25</v>
      </c>
      <c r="KJ26" s="61">
        <v>19</v>
      </c>
      <c r="KK26" s="61">
        <v>15</v>
      </c>
      <c r="KL26" s="62">
        <v>130</v>
      </c>
      <c r="KM26" s="63">
        <v>172</v>
      </c>
    </row>
    <row r="27" spans="2:299" ht="21" customHeight="1" x14ac:dyDescent="0.2">
      <c r="B27" s="472" t="s">
        <v>24</v>
      </c>
      <c r="C27" s="293">
        <v>18</v>
      </c>
      <c r="D27" s="72">
        <v>20</v>
      </c>
      <c r="E27" s="73">
        <v>38</v>
      </c>
      <c r="F27" s="228">
        <v>0</v>
      </c>
      <c r="G27" s="72">
        <v>34</v>
      </c>
      <c r="H27" s="72">
        <v>20</v>
      </c>
      <c r="I27" s="72">
        <v>15</v>
      </c>
      <c r="J27" s="72">
        <v>14</v>
      </c>
      <c r="K27" s="72">
        <v>8</v>
      </c>
      <c r="L27" s="74">
        <v>91</v>
      </c>
      <c r="M27" s="75">
        <v>129</v>
      </c>
      <c r="N27" s="60">
        <v>1</v>
      </c>
      <c r="O27" s="61">
        <v>0</v>
      </c>
      <c r="P27" s="62">
        <v>1</v>
      </c>
      <c r="Q27" s="228">
        <v>0</v>
      </c>
      <c r="R27" s="61">
        <v>0</v>
      </c>
      <c r="S27" s="61">
        <v>0</v>
      </c>
      <c r="T27" s="61">
        <v>0</v>
      </c>
      <c r="U27" s="61">
        <v>0</v>
      </c>
      <c r="V27" s="61">
        <v>1</v>
      </c>
      <c r="W27" s="62">
        <v>1</v>
      </c>
      <c r="X27" s="63">
        <v>2</v>
      </c>
      <c r="Y27" s="60">
        <v>0</v>
      </c>
      <c r="Z27" s="61">
        <v>1</v>
      </c>
      <c r="AA27" s="62">
        <v>1</v>
      </c>
      <c r="AB27" s="228">
        <v>0</v>
      </c>
      <c r="AC27" s="61">
        <v>0</v>
      </c>
      <c r="AD27" s="61">
        <v>1</v>
      </c>
      <c r="AE27" s="61">
        <v>1</v>
      </c>
      <c r="AF27" s="61">
        <v>1</v>
      </c>
      <c r="AG27" s="61">
        <v>1</v>
      </c>
      <c r="AH27" s="62">
        <v>4</v>
      </c>
      <c r="AI27" s="63">
        <v>5</v>
      </c>
      <c r="AJ27" s="60">
        <v>0</v>
      </c>
      <c r="AK27" s="61">
        <v>1</v>
      </c>
      <c r="AL27" s="62">
        <v>1</v>
      </c>
      <c r="AM27" s="228">
        <v>0</v>
      </c>
      <c r="AN27" s="61">
        <v>3</v>
      </c>
      <c r="AO27" s="61">
        <v>2</v>
      </c>
      <c r="AP27" s="61">
        <v>2</v>
      </c>
      <c r="AQ27" s="61">
        <v>1</v>
      </c>
      <c r="AR27" s="61">
        <v>0</v>
      </c>
      <c r="AS27" s="62">
        <v>8</v>
      </c>
      <c r="AT27" s="63">
        <v>9</v>
      </c>
      <c r="AU27" s="60">
        <v>4</v>
      </c>
      <c r="AV27" s="61">
        <v>6</v>
      </c>
      <c r="AW27" s="62">
        <v>10</v>
      </c>
      <c r="AX27" s="228">
        <v>0</v>
      </c>
      <c r="AY27" s="61">
        <v>9</v>
      </c>
      <c r="AZ27" s="61">
        <v>4</v>
      </c>
      <c r="BA27" s="61">
        <v>4</v>
      </c>
      <c r="BB27" s="61">
        <v>2</v>
      </c>
      <c r="BC27" s="61">
        <v>2</v>
      </c>
      <c r="BD27" s="62">
        <v>21</v>
      </c>
      <c r="BE27" s="63">
        <v>31</v>
      </c>
      <c r="BF27" s="60">
        <v>6</v>
      </c>
      <c r="BG27" s="61">
        <v>4</v>
      </c>
      <c r="BH27" s="62">
        <v>10</v>
      </c>
      <c r="BI27" s="228">
        <v>0</v>
      </c>
      <c r="BJ27" s="61">
        <v>11</v>
      </c>
      <c r="BK27" s="61">
        <v>7</v>
      </c>
      <c r="BL27" s="61">
        <v>6</v>
      </c>
      <c r="BM27" s="61">
        <v>2</v>
      </c>
      <c r="BN27" s="61">
        <v>1</v>
      </c>
      <c r="BO27" s="62">
        <v>27</v>
      </c>
      <c r="BP27" s="63">
        <v>37</v>
      </c>
      <c r="BQ27" s="60">
        <v>7</v>
      </c>
      <c r="BR27" s="61">
        <v>8</v>
      </c>
      <c r="BS27" s="62">
        <v>15</v>
      </c>
      <c r="BT27" s="228">
        <v>0</v>
      </c>
      <c r="BU27" s="61">
        <v>11</v>
      </c>
      <c r="BV27" s="61">
        <v>6</v>
      </c>
      <c r="BW27" s="61">
        <v>2</v>
      </c>
      <c r="BX27" s="61">
        <v>8</v>
      </c>
      <c r="BY27" s="61">
        <v>3</v>
      </c>
      <c r="BZ27" s="62">
        <v>30</v>
      </c>
      <c r="CA27" s="63">
        <v>45</v>
      </c>
      <c r="CB27" s="60">
        <v>0</v>
      </c>
      <c r="CC27" s="61">
        <v>0</v>
      </c>
      <c r="CD27" s="62">
        <v>0</v>
      </c>
      <c r="CE27" s="228">
        <v>0</v>
      </c>
      <c r="CF27" s="61">
        <v>0</v>
      </c>
      <c r="CG27" s="61">
        <v>0</v>
      </c>
      <c r="CH27" s="61">
        <v>0</v>
      </c>
      <c r="CI27" s="61">
        <v>0</v>
      </c>
      <c r="CJ27" s="61">
        <v>0</v>
      </c>
      <c r="CK27" s="62">
        <v>0</v>
      </c>
      <c r="CL27" s="63">
        <v>0</v>
      </c>
      <c r="CM27" s="60">
        <v>18</v>
      </c>
      <c r="CN27" s="61">
        <v>20</v>
      </c>
      <c r="CO27" s="62">
        <v>38</v>
      </c>
      <c r="CP27" s="228">
        <v>0</v>
      </c>
      <c r="CQ27" s="61">
        <v>34</v>
      </c>
      <c r="CR27" s="61">
        <v>20</v>
      </c>
      <c r="CS27" s="61">
        <v>15</v>
      </c>
      <c r="CT27" s="61">
        <v>14</v>
      </c>
      <c r="CU27" s="61">
        <v>8</v>
      </c>
      <c r="CV27" s="62">
        <v>91</v>
      </c>
      <c r="CW27" s="63">
        <v>129</v>
      </c>
      <c r="CX27" s="113">
        <v>8</v>
      </c>
      <c r="CY27" s="72">
        <v>7</v>
      </c>
      <c r="CZ27" s="73">
        <v>15</v>
      </c>
      <c r="DA27" s="228">
        <v>0</v>
      </c>
      <c r="DB27" s="72">
        <v>9</v>
      </c>
      <c r="DC27" s="72">
        <v>7</v>
      </c>
      <c r="DD27" s="72">
        <v>5</v>
      </c>
      <c r="DE27" s="72">
        <v>6</v>
      </c>
      <c r="DF27" s="72">
        <v>2</v>
      </c>
      <c r="DG27" s="74">
        <v>29</v>
      </c>
      <c r="DH27" s="75">
        <v>44</v>
      </c>
      <c r="DI27" s="60">
        <v>0</v>
      </c>
      <c r="DJ27" s="61">
        <v>0</v>
      </c>
      <c r="DK27" s="62">
        <v>0</v>
      </c>
      <c r="DL27" s="228">
        <v>0</v>
      </c>
      <c r="DM27" s="61">
        <v>0</v>
      </c>
      <c r="DN27" s="61">
        <v>0</v>
      </c>
      <c r="DO27" s="61">
        <v>0</v>
      </c>
      <c r="DP27" s="61">
        <v>0</v>
      </c>
      <c r="DQ27" s="61">
        <v>0</v>
      </c>
      <c r="DR27" s="62">
        <v>0</v>
      </c>
      <c r="DS27" s="63">
        <v>0</v>
      </c>
      <c r="DT27" s="60">
        <v>0</v>
      </c>
      <c r="DU27" s="61">
        <v>0</v>
      </c>
      <c r="DV27" s="62">
        <v>0</v>
      </c>
      <c r="DW27" s="228">
        <v>0</v>
      </c>
      <c r="DX27" s="61">
        <v>2</v>
      </c>
      <c r="DY27" s="61">
        <v>0</v>
      </c>
      <c r="DZ27" s="61">
        <v>0</v>
      </c>
      <c r="EA27" s="61">
        <v>0</v>
      </c>
      <c r="EB27" s="61">
        <v>0</v>
      </c>
      <c r="EC27" s="62">
        <v>2</v>
      </c>
      <c r="ED27" s="63">
        <v>2</v>
      </c>
      <c r="EE27" s="60">
        <v>2</v>
      </c>
      <c r="EF27" s="61">
        <v>1</v>
      </c>
      <c r="EG27" s="62">
        <v>3</v>
      </c>
      <c r="EH27" s="228">
        <v>0</v>
      </c>
      <c r="EI27" s="61">
        <v>1</v>
      </c>
      <c r="EJ27" s="61">
        <v>2</v>
      </c>
      <c r="EK27" s="61">
        <v>0</v>
      </c>
      <c r="EL27" s="61">
        <v>0</v>
      </c>
      <c r="EM27" s="61">
        <v>0</v>
      </c>
      <c r="EN27" s="62">
        <v>3</v>
      </c>
      <c r="EO27" s="63">
        <v>6</v>
      </c>
      <c r="EP27" s="60">
        <v>2</v>
      </c>
      <c r="EQ27" s="61">
        <v>2</v>
      </c>
      <c r="ER27" s="62">
        <v>4</v>
      </c>
      <c r="ES27" s="228">
        <v>0</v>
      </c>
      <c r="ET27" s="61">
        <v>3</v>
      </c>
      <c r="EU27" s="61">
        <v>2</v>
      </c>
      <c r="EV27" s="61">
        <v>3</v>
      </c>
      <c r="EW27" s="61">
        <v>1</v>
      </c>
      <c r="EX27" s="61">
        <v>0</v>
      </c>
      <c r="EY27" s="62">
        <v>9</v>
      </c>
      <c r="EZ27" s="63">
        <v>13</v>
      </c>
      <c r="FA27" s="60">
        <v>4</v>
      </c>
      <c r="FB27" s="61">
        <v>2</v>
      </c>
      <c r="FC27" s="62">
        <v>6</v>
      </c>
      <c r="FD27" s="228">
        <v>0</v>
      </c>
      <c r="FE27" s="61">
        <v>2</v>
      </c>
      <c r="FF27" s="61">
        <v>1</v>
      </c>
      <c r="FG27" s="61">
        <v>1</v>
      </c>
      <c r="FH27" s="61">
        <v>1</v>
      </c>
      <c r="FI27" s="61">
        <v>1</v>
      </c>
      <c r="FJ27" s="62">
        <v>6</v>
      </c>
      <c r="FK27" s="63">
        <v>12</v>
      </c>
      <c r="FL27" s="60">
        <v>0</v>
      </c>
      <c r="FM27" s="61">
        <v>2</v>
      </c>
      <c r="FN27" s="62">
        <v>2</v>
      </c>
      <c r="FO27" s="228">
        <v>0</v>
      </c>
      <c r="FP27" s="61">
        <v>1</v>
      </c>
      <c r="FQ27" s="61">
        <v>2</v>
      </c>
      <c r="FR27" s="61">
        <v>1</v>
      </c>
      <c r="FS27" s="61">
        <v>4</v>
      </c>
      <c r="FT27" s="61">
        <v>1</v>
      </c>
      <c r="FU27" s="62">
        <v>9</v>
      </c>
      <c r="FV27" s="63">
        <v>11</v>
      </c>
      <c r="FW27" s="60">
        <v>0</v>
      </c>
      <c r="FX27" s="61">
        <v>0</v>
      </c>
      <c r="FY27" s="62">
        <v>0</v>
      </c>
      <c r="FZ27" s="228">
        <v>0</v>
      </c>
      <c r="GA27" s="61">
        <v>0</v>
      </c>
      <c r="GB27" s="61">
        <v>0</v>
      </c>
      <c r="GC27" s="61">
        <v>0</v>
      </c>
      <c r="GD27" s="61">
        <v>0</v>
      </c>
      <c r="GE27" s="61">
        <v>0</v>
      </c>
      <c r="GF27" s="62">
        <v>0</v>
      </c>
      <c r="GG27" s="63">
        <v>0</v>
      </c>
      <c r="GH27" s="60">
        <v>8</v>
      </c>
      <c r="GI27" s="61">
        <v>7</v>
      </c>
      <c r="GJ27" s="62">
        <v>15</v>
      </c>
      <c r="GK27" s="228">
        <v>0</v>
      </c>
      <c r="GL27" s="61">
        <v>9</v>
      </c>
      <c r="GM27" s="61">
        <v>7</v>
      </c>
      <c r="GN27" s="61">
        <v>5</v>
      </c>
      <c r="GO27" s="61">
        <v>6</v>
      </c>
      <c r="GP27" s="61">
        <v>2</v>
      </c>
      <c r="GQ27" s="62">
        <v>29</v>
      </c>
      <c r="GR27" s="63">
        <v>44</v>
      </c>
      <c r="GS27" s="113">
        <v>26</v>
      </c>
      <c r="GT27" s="72">
        <v>27</v>
      </c>
      <c r="GU27" s="73">
        <v>53</v>
      </c>
      <c r="GV27" s="228">
        <v>0</v>
      </c>
      <c r="GW27" s="72">
        <v>43</v>
      </c>
      <c r="GX27" s="72">
        <v>27</v>
      </c>
      <c r="GY27" s="72">
        <v>20</v>
      </c>
      <c r="GZ27" s="72">
        <v>20</v>
      </c>
      <c r="HA27" s="72">
        <v>10</v>
      </c>
      <c r="HB27" s="74">
        <v>120</v>
      </c>
      <c r="HC27" s="75">
        <v>173</v>
      </c>
      <c r="HD27" s="60">
        <v>1</v>
      </c>
      <c r="HE27" s="61">
        <v>0</v>
      </c>
      <c r="HF27" s="62">
        <v>1</v>
      </c>
      <c r="HG27" s="228">
        <v>0</v>
      </c>
      <c r="HH27" s="61">
        <v>0</v>
      </c>
      <c r="HI27" s="61">
        <v>0</v>
      </c>
      <c r="HJ27" s="61">
        <v>0</v>
      </c>
      <c r="HK27" s="61">
        <v>0</v>
      </c>
      <c r="HL27" s="61">
        <v>1</v>
      </c>
      <c r="HM27" s="62">
        <v>1</v>
      </c>
      <c r="HN27" s="63">
        <v>2</v>
      </c>
      <c r="HO27" s="60">
        <v>0</v>
      </c>
      <c r="HP27" s="61">
        <v>1</v>
      </c>
      <c r="HQ27" s="62">
        <v>1</v>
      </c>
      <c r="HR27" s="228">
        <v>0</v>
      </c>
      <c r="HS27" s="61">
        <v>2</v>
      </c>
      <c r="HT27" s="61">
        <v>1</v>
      </c>
      <c r="HU27" s="61">
        <v>1</v>
      </c>
      <c r="HV27" s="61">
        <v>1</v>
      </c>
      <c r="HW27" s="61">
        <v>1</v>
      </c>
      <c r="HX27" s="62">
        <v>6</v>
      </c>
      <c r="HY27" s="63">
        <v>7</v>
      </c>
      <c r="HZ27" s="60">
        <v>2</v>
      </c>
      <c r="IA27" s="61">
        <v>2</v>
      </c>
      <c r="IB27" s="62">
        <v>4</v>
      </c>
      <c r="IC27" s="228">
        <v>0</v>
      </c>
      <c r="ID27" s="61">
        <v>4</v>
      </c>
      <c r="IE27" s="61">
        <v>4</v>
      </c>
      <c r="IF27" s="61">
        <v>2</v>
      </c>
      <c r="IG27" s="61">
        <v>1</v>
      </c>
      <c r="IH27" s="61">
        <v>0</v>
      </c>
      <c r="II27" s="62">
        <v>11</v>
      </c>
      <c r="IJ27" s="63">
        <v>15</v>
      </c>
      <c r="IK27" s="60">
        <v>6</v>
      </c>
      <c r="IL27" s="61">
        <v>8</v>
      </c>
      <c r="IM27" s="62">
        <v>14</v>
      </c>
      <c r="IN27" s="228">
        <v>0</v>
      </c>
      <c r="IO27" s="61">
        <v>12</v>
      </c>
      <c r="IP27" s="61">
        <v>6</v>
      </c>
      <c r="IQ27" s="61">
        <v>7</v>
      </c>
      <c r="IR27" s="61">
        <v>3</v>
      </c>
      <c r="IS27" s="61">
        <v>2</v>
      </c>
      <c r="IT27" s="62">
        <v>30</v>
      </c>
      <c r="IU27" s="63">
        <v>44</v>
      </c>
      <c r="IV27" s="60">
        <v>10</v>
      </c>
      <c r="IW27" s="61">
        <v>6</v>
      </c>
      <c r="IX27" s="62">
        <v>16</v>
      </c>
      <c r="IY27" s="228">
        <v>0</v>
      </c>
      <c r="IZ27" s="61">
        <v>13</v>
      </c>
      <c r="JA27" s="61">
        <v>8</v>
      </c>
      <c r="JB27" s="61">
        <v>7</v>
      </c>
      <c r="JC27" s="61">
        <v>3</v>
      </c>
      <c r="JD27" s="61">
        <v>2</v>
      </c>
      <c r="JE27" s="62">
        <v>33</v>
      </c>
      <c r="JF27" s="63">
        <v>49</v>
      </c>
      <c r="JG27" s="60">
        <v>7</v>
      </c>
      <c r="JH27" s="61">
        <v>10</v>
      </c>
      <c r="JI27" s="62">
        <v>17</v>
      </c>
      <c r="JJ27" s="228">
        <v>0</v>
      </c>
      <c r="JK27" s="61">
        <v>12</v>
      </c>
      <c r="JL27" s="61">
        <v>8</v>
      </c>
      <c r="JM27" s="61">
        <v>3</v>
      </c>
      <c r="JN27" s="61">
        <v>12</v>
      </c>
      <c r="JO27" s="61">
        <v>4</v>
      </c>
      <c r="JP27" s="62">
        <v>39</v>
      </c>
      <c r="JQ27" s="63">
        <v>56</v>
      </c>
      <c r="JR27" s="60">
        <v>0</v>
      </c>
      <c r="JS27" s="61">
        <v>0</v>
      </c>
      <c r="JT27" s="62">
        <v>0</v>
      </c>
      <c r="JU27" s="228">
        <v>0</v>
      </c>
      <c r="JV27" s="61">
        <v>0</v>
      </c>
      <c r="JW27" s="61">
        <v>0</v>
      </c>
      <c r="JX27" s="61">
        <v>0</v>
      </c>
      <c r="JY27" s="61">
        <v>0</v>
      </c>
      <c r="JZ27" s="61">
        <v>0</v>
      </c>
      <c r="KA27" s="62">
        <v>0</v>
      </c>
      <c r="KB27" s="63">
        <v>0</v>
      </c>
      <c r="KC27" s="60">
        <v>26</v>
      </c>
      <c r="KD27" s="61">
        <v>27</v>
      </c>
      <c r="KE27" s="62">
        <v>53</v>
      </c>
      <c r="KF27" s="228">
        <v>0</v>
      </c>
      <c r="KG27" s="61">
        <v>43</v>
      </c>
      <c r="KH27" s="61">
        <v>27</v>
      </c>
      <c r="KI27" s="61">
        <v>20</v>
      </c>
      <c r="KJ27" s="61">
        <v>20</v>
      </c>
      <c r="KK27" s="61">
        <v>10</v>
      </c>
      <c r="KL27" s="62">
        <v>120</v>
      </c>
      <c r="KM27" s="63">
        <v>173</v>
      </c>
    </row>
    <row r="28" spans="2:299" ht="21" customHeight="1" x14ac:dyDescent="0.2">
      <c r="B28" s="472" t="s">
        <v>25</v>
      </c>
      <c r="C28" s="293">
        <v>9</v>
      </c>
      <c r="D28" s="72">
        <v>12</v>
      </c>
      <c r="E28" s="73">
        <v>21</v>
      </c>
      <c r="F28" s="228">
        <v>0</v>
      </c>
      <c r="G28" s="72">
        <v>10</v>
      </c>
      <c r="H28" s="72">
        <v>13</v>
      </c>
      <c r="I28" s="72">
        <v>6</v>
      </c>
      <c r="J28" s="72">
        <v>4</v>
      </c>
      <c r="K28" s="72">
        <v>7</v>
      </c>
      <c r="L28" s="74">
        <v>40</v>
      </c>
      <c r="M28" s="75">
        <v>61</v>
      </c>
      <c r="N28" s="60">
        <v>0</v>
      </c>
      <c r="O28" s="61">
        <v>2</v>
      </c>
      <c r="P28" s="62">
        <v>2</v>
      </c>
      <c r="Q28" s="228">
        <v>0</v>
      </c>
      <c r="R28" s="61">
        <v>0</v>
      </c>
      <c r="S28" s="61">
        <v>0</v>
      </c>
      <c r="T28" s="61">
        <v>0</v>
      </c>
      <c r="U28" s="61">
        <v>0</v>
      </c>
      <c r="V28" s="61">
        <v>0</v>
      </c>
      <c r="W28" s="62">
        <v>0</v>
      </c>
      <c r="X28" s="63">
        <v>2</v>
      </c>
      <c r="Y28" s="60">
        <v>1</v>
      </c>
      <c r="Z28" s="61">
        <v>1</v>
      </c>
      <c r="AA28" s="62">
        <v>2</v>
      </c>
      <c r="AB28" s="228">
        <v>0</v>
      </c>
      <c r="AC28" s="61">
        <v>2</v>
      </c>
      <c r="AD28" s="61">
        <v>2</v>
      </c>
      <c r="AE28" s="61">
        <v>0</v>
      </c>
      <c r="AF28" s="61">
        <v>1</v>
      </c>
      <c r="AG28" s="61">
        <v>0</v>
      </c>
      <c r="AH28" s="62">
        <v>5</v>
      </c>
      <c r="AI28" s="63">
        <v>7</v>
      </c>
      <c r="AJ28" s="60">
        <v>0</v>
      </c>
      <c r="AK28" s="61">
        <v>0</v>
      </c>
      <c r="AL28" s="62">
        <v>0</v>
      </c>
      <c r="AM28" s="228">
        <v>0</v>
      </c>
      <c r="AN28" s="61">
        <v>0</v>
      </c>
      <c r="AO28" s="61">
        <v>0</v>
      </c>
      <c r="AP28" s="61">
        <v>1</v>
      </c>
      <c r="AQ28" s="61">
        <v>0</v>
      </c>
      <c r="AR28" s="61">
        <v>1</v>
      </c>
      <c r="AS28" s="62">
        <v>2</v>
      </c>
      <c r="AT28" s="63">
        <v>2</v>
      </c>
      <c r="AU28" s="60">
        <v>3</v>
      </c>
      <c r="AV28" s="61">
        <v>7</v>
      </c>
      <c r="AW28" s="62">
        <v>10</v>
      </c>
      <c r="AX28" s="228">
        <v>0</v>
      </c>
      <c r="AY28" s="61">
        <v>3</v>
      </c>
      <c r="AZ28" s="61">
        <v>4</v>
      </c>
      <c r="BA28" s="61">
        <v>2</v>
      </c>
      <c r="BB28" s="61">
        <v>1</v>
      </c>
      <c r="BC28" s="61">
        <v>1</v>
      </c>
      <c r="BD28" s="62">
        <v>11</v>
      </c>
      <c r="BE28" s="63">
        <v>21</v>
      </c>
      <c r="BF28" s="60">
        <v>4</v>
      </c>
      <c r="BG28" s="61">
        <v>1</v>
      </c>
      <c r="BH28" s="62">
        <v>5</v>
      </c>
      <c r="BI28" s="228">
        <v>0</v>
      </c>
      <c r="BJ28" s="61">
        <v>0</v>
      </c>
      <c r="BK28" s="61">
        <v>2</v>
      </c>
      <c r="BL28" s="61">
        <v>2</v>
      </c>
      <c r="BM28" s="61">
        <v>1</v>
      </c>
      <c r="BN28" s="61">
        <v>4</v>
      </c>
      <c r="BO28" s="62">
        <v>9</v>
      </c>
      <c r="BP28" s="63">
        <v>14</v>
      </c>
      <c r="BQ28" s="60">
        <v>1</v>
      </c>
      <c r="BR28" s="61">
        <v>1</v>
      </c>
      <c r="BS28" s="62">
        <v>2</v>
      </c>
      <c r="BT28" s="228">
        <v>0</v>
      </c>
      <c r="BU28" s="61">
        <v>5</v>
      </c>
      <c r="BV28" s="61">
        <v>5</v>
      </c>
      <c r="BW28" s="61">
        <v>1</v>
      </c>
      <c r="BX28" s="61">
        <v>1</v>
      </c>
      <c r="BY28" s="61">
        <v>1</v>
      </c>
      <c r="BZ28" s="62">
        <v>13</v>
      </c>
      <c r="CA28" s="63">
        <v>15</v>
      </c>
      <c r="CB28" s="60">
        <v>0</v>
      </c>
      <c r="CC28" s="61">
        <v>0</v>
      </c>
      <c r="CD28" s="62">
        <v>0</v>
      </c>
      <c r="CE28" s="228">
        <v>0</v>
      </c>
      <c r="CF28" s="61">
        <v>0</v>
      </c>
      <c r="CG28" s="61">
        <v>0</v>
      </c>
      <c r="CH28" s="61">
        <v>0</v>
      </c>
      <c r="CI28" s="61">
        <v>0</v>
      </c>
      <c r="CJ28" s="61">
        <v>0</v>
      </c>
      <c r="CK28" s="62">
        <v>0</v>
      </c>
      <c r="CL28" s="63">
        <v>0</v>
      </c>
      <c r="CM28" s="60">
        <v>9</v>
      </c>
      <c r="CN28" s="61">
        <v>12</v>
      </c>
      <c r="CO28" s="62">
        <v>21</v>
      </c>
      <c r="CP28" s="228">
        <v>0</v>
      </c>
      <c r="CQ28" s="61">
        <v>10</v>
      </c>
      <c r="CR28" s="61">
        <v>13</v>
      </c>
      <c r="CS28" s="61">
        <v>6</v>
      </c>
      <c r="CT28" s="61">
        <v>4</v>
      </c>
      <c r="CU28" s="61">
        <v>7</v>
      </c>
      <c r="CV28" s="62">
        <v>40</v>
      </c>
      <c r="CW28" s="63">
        <v>61</v>
      </c>
      <c r="CX28" s="113">
        <v>5</v>
      </c>
      <c r="CY28" s="72">
        <v>14</v>
      </c>
      <c r="CZ28" s="73">
        <v>19</v>
      </c>
      <c r="DA28" s="228">
        <v>0</v>
      </c>
      <c r="DB28" s="72">
        <v>9</v>
      </c>
      <c r="DC28" s="72">
        <v>7</v>
      </c>
      <c r="DD28" s="72">
        <v>5</v>
      </c>
      <c r="DE28" s="72">
        <v>3</v>
      </c>
      <c r="DF28" s="72">
        <v>4</v>
      </c>
      <c r="DG28" s="74">
        <v>28</v>
      </c>
      <c r="DH28" s="75">
        <v>47</v>
      </c>
      <c r="DI28" s="60">
        <v>0</v>
      </c>
      <c r="DJ28" s="61">
        <v>0</v>
      </c>
      <c r="DK28" s="62">
        <v>0</v>
      </c>
      <c r="DL28" s="228">
        <v>0</v>
      </c>
      <c r="DM28" s="61">
        <v>0</v>
      </c>
      <c r="DN28" s="61">
        <v>0</v>
      </c>
      <c r="DO28" s="61">
        <v>0</v>
      </c>
      <c r="DP28" s="61">
        <v>0</v>
      </c>
      <c r="DQ28" s="61">
        <v>0</v>
      </c>
      <c r="DR28" s="62">
        <v>0</v>
      </c>
      <c r="DS28" s="63">
        <v>0</v>
      </c>
      <c r="DT28" s="60">
        <v>1</v>
      </c>
      <c r="DU28" s="61">
        <v>2</v>
      </c>
      <c r="DV28" s="62">
        <v>3</v>
      </c>
      <c r="DW28" s="228">
        <v>0</v>
      </c>
      <c r="DX28" s="61">
        <v>0</v>
      </c>
      <c r="DY28" s="61">
        <v>1</v>
      </c>
      <c r="DZ28" s="61">
        <v>0</v>
      </c>
      <c r="EA28" s="61">
        <v>0</v>
      </c>
      <c r="EB28" s="61">
        <v>1</v>
      </c>
      <c r="EC28" s="62">
        <v>2</v>
      </c>
      <c r="ED28" s="63">
        <v>5</v>
      </c>
      <c r="EE28" s="60">
        <v>0</v>
      </c>
      <c r="EF28" s="61">
        <v>2</v>
      </c>
      <c r="EG28" s="62">
        <v>2</v>
      </c>
      <c r="EH28" s="228">
        <v>0</v>
      </c>
      <c r="EI28" s="61">
        <v>0</v>
      </c>
      <c r="EJ28" s="61">
        <v>0</v>
      </c>
      <c r="EK28" s="61">
        <v>0</v>
      </c>
      <c r="EL28" s="61">
        <v>0</v>
      </c>
      <c r="EM28" s="61">
        <v>0</v>
      </c>
      <c r="EN28" s="62">
        <v>0</v>
      </c>
      <c r="EO28" s="63">
        <v>2</v>
      </c>
      <c r="EP28" s="60">
        <v>0</v>
      </c>
      <c r="EQ28" s="61">
        <v>3</v>
      </c>
      <c r="ER28" s="62">
        <v>3</v>
      </c>
      <c r="ES28" s="228">
        <v>0</v>
      </c>
      <c r="ET28" s="61">
        <v>2</v>
      </c>
      <c r="EU28" s="61">
        <v>1</v>
      </c>
      <c r="EV28" s="61">
        <v>0</v>
      </c>
      <c r="EW28" s="61">
        <v>0</v>
      </c>
      <c r="EX28" s="61">
        <v>1</v>
      </c>
      <c r="EY28" s="62">
        <v>4</v>
      </c>
      <c r="EZ28" s="63">
        <v>7</v>
      </c>
      <c r="FA28" s="60">
        <v>3</v>
      </c>
      <c r="FB28" s="61">
        <v>3</v>
      </c>
      <c r="FC28" s="62">
        <v>6</v>
      </c>
      <c r="FD28" s="228">
        <v>0</v>
      </c>
      <c r="FE28" s="61">
        <v>2</v>
      </c>
      <c r="FF28" s="61">
        <v>2</v>
      </c>
      <c r="FG28" s="61">
        <v>1</v>
      </c>
      <c r="FH28" s="61">
        <v>2</v>
      </c>
      <c r="FI28" s="61">
        <v>0</v>
      </c>
      <c r="FJ28" s="62">
        <v>7</v>
      </c>
      <c r="FK28" s="63">
        <v>13</v>
      </c>
      <c r="FL28" s="60">
        <v>1</v>
      </c>
      <c r="FM28" s="61">
        <v>4</v>
      </c>
      <c r="FN28" s="62">
        <v>5</v>
      </c>
      <c r="FO28" s="228">
        <v>0</v>
      </c>
      <c r="FP28" s="61">
        <v>5</v>
      </c>
      <c r="FQ28" s="61">
        <v>3</v>
      </c>
      <c r="FR28" s="61">
        <v>4</v>
      </c>
      <c r="FS28" s="61">
        <v>1</v>
      </c>
      <c r="FT28" s="61">
        <v>2</v>
      </c>
      <c r="FU28" s="62">
        <v>15</v>
      </c>
      <c r="FV28" s="63">
        <v>20</v>
      </c>
      <c r="FW28" s="60">
        <v>0</v>
      </c>
      <c r="FX28" s="61">
        <v>0</v>
      </c>
      <c r="FY28" s="62">
        <v>0</v>
      </c>
      <c r="FZ28" s="228">
        <v>0</v>
      </c>
      <c r="GA28" s="61">
        <v>0</v>
      </c>
      <c r="GB28" s="61">
        <v>0</v>
      </c>
      <c r="GC28" s="61">
        <v>0</v>
      </c>
      <c r="GD28" s="61">
        <v>0</v>
      </c>
      <c r="GE28" s="61">
        <v>0</v>
      </c>
      <c r="GF28" s="62">
        <v>0</v>
      </c>
      <c r="GG28" s="63">
        <v>0</v>
      </c>
      <c r="GH28" s="60">
        <v>5</v>
      </c>
      <c r="GI28" s="61">
        <v>14</v>
      </c>
      <c r="GJ28" s="62">
        <v>19</v>
      </c>
      <c r="GK28" s="228">
        <v>0</v>
      </c>
      <c r="GL28" s="61">
        <v>9</v>
      </c>
      <c r="GM28" s="61">
        <v>7</v>
      </c>
      <c r="GN28" s="61">
        <v>5</v>
      </c>
      <c r="GO28" s="61">
        <v>3</v>
      </c>
      <c r="GP28" s="61">
        <v>4</v>
      </c>
      <c r="GQ28" s="62">
        <v>28</v>
      </c>
      <c r="GR28" s="63">
        <v>47</v>
      </c>
      <c r="GS28" s="113">
        <v>14</v>
      </c>
      <c r="GT28" s="72">
        <v>26</v>
      </c>
      <c r="GU28" s="73">
        <v>40</v>
      </c>
      <c r="GV28" s="228">
        <v>0</v>
      </c>
      <c r="GW28" s="72">
        <v>19</v>
      </c>
      <c r="GX28" s="72">
        <v>20</v>
      </c>
      <c r="GY28" s="72">
        <v>11</v>
      </c>
      <c r="GZ28" s="72">
        <v>7</v>
      </c>
      <c r="HA28" s="72">
        <v>11</v>
      </c>
      <c r="HB28" s="74">
        <v>68</v>
      </c>
      <c r="HC28" s="75">
        <v>108</v>
      </c>
      <c r="HD28" s="60">
        <v>0</v>
      </c>
      <c r="HE28" s="61">
        <v>2</v>
      </c>
      <c r="HF28" s="62">
        <v>2</v>
      </c>
      <c r="HG28" s="228">
        <v>0</v>
      </c>
      <c r="HH28" s="61">
        <v>0</v>
      </c>
      <c r="HI28" s="61">
        <v>0</v>
      </c>
      <c r="HJ28" s="61">
        <v>0</v>
      </c>
      <c r="HK28" s="61">
        <v>0</v>
      </c>
      <c r="HL28" s="61">
        <v>0</v>
      </c>
      <c r="HM28" s="62">
        <v>0</v>
      </c>
      <c r="HN28" s="63">
        <v>2</v>
      </c>
      <c r="HO28" s="60">
        <v>2</v>
      </c>
      <c r="HP28" s="61">
        <v>3</v>
      </c>
      <c r="HQ28" s="62">
        <v>5</v>
      </c>
      <c r="HR28" s="228">
        <v>0</v>
      </c>
      <c r="HS28" s="61">
        <v>2</v>
      </c>
      <c r="HT28" s="61">
        <v>3</v>
      </c>
      <c r="HU28" s="61">
        <v>0</v>
      </c>
      <c r="HV28" s="61">
        <v>1</v>
      </c>
      <c r="HW28" s="61">
        <v>1</v>
      </c>
      <c r="HX28" s="62">
        <v>7</v>
      </c>
      <c r="HY28" s="63">
        <v>12</v>
      </c>
      <c r="HZ28" s="60">
        <v>0</v>
      </c>
      <c r="IA28" s="61">
        <v>2</v>
      </c>
      <c r="IB28" s="62">
        <v>2</v>
      </c>
      <c r="IC28" s="228">
        <v>0</v>
      </c>
      <c r="ID28" s="61">
        <v>0</v>
      </c>
      <c r="IE28" s="61">
        <v>0</v>
      </c>
      <c r="IF28" s="61">
        <v>1</v>
      </c>
      <c r="IG28" s="61">
        <v>0</v>
      </c>
      <c r="IH28" s="61">
        <v>1</v>
      </c>
      <c r="II28" s="62">
        <v>2</v>
      </c>
      <c r="IJ28" s="63">
        <v>4</v>
      </c>
      <c r="IK28" s="60">
        <v>3</v>
      </c>
      <c r="IL28" s="61">
        <v>10</v>
      </c>
      <c r="IM28" s="62">
        <v>13</v>
      </c>
      <c r="IN28" s="228">
        <v>0</v>
      </c>
      <c r="IO28" s="61">
        <v>5</v>
      </c>
      <c r="IP28" s="61">
        <v>5</v>
      </c>
      <c r="IQ28" s="61">
        <v>2</v>
      </c>
      <c r="IR28" s="61">
        <v>1</v>
      </c>
      <c r="IS28" s="61">
        <v>2</v>
      </c>
      <c r="IT28" s="62">
        <v>15</v>
      </c>
      <c r="IU28" s="63">
        <v>28</v>
      </c>
      <c r="IV28" s="60">
        <v>7</v>
      </c>
      <c r="IW28" s="61">
        <v>4</v>
      </c>
      <c r="IX28" s="62">
        <v>11</v>
      </c>
      <c r="IY28" s="228">
        <v>0</v>
      </c>
      <c r="IZ28" s="61">
        <v>2</v>
      </c>
      <c r="JA28" s="61">
        <v>4</v>
      </c>
      <c r="JB28" s="61">
        <v>3</v>
      </c>
      <c r="JC28" s="61">
        <v>3</v>
      </c>
      <c r="JD28" s="61">
        <v>4</v>
      </c>
      <c r="JE28" s="62">
        <v>16</v>
      </c>
      <c r="JF28" s="63">
        <v>27</v>
      </c>
      <c r="JG28" s="60">
        <v>2</v>
      </c>
      <c r="JH28" s="61">
        <v>5</v>
      </c>
      <c r="JI28" s="62">
        <v>7</v>
      </c>
      <c r="JJ28" s="228">
        <v>0</v>
      </c>
      <c r="JK28" s="61">
        <v>10</v>
      </c>
      <c r="JL28" s="61">
        <v>8</v>
      </c>
      <c r="JM28" s="61">
        <v>5</v>
      </c>
      <c r="JN28" s="61">
        <v>2</v>
      </c>
      <c r="JO28" s="61">
        <v>3</v>
      </c>
      <c r="JP28" s="62">
        <v>28</v>
      </c>
      <c r="JQ28" s="63">
        <v>35</v>
      </c>
      <c r="JR28" s="60">
        <v>0</v>
      </c>
      <c r="JS28" s="61">
        <v>0</v>
      </c>
      <c r="JT28" s="62">
        <v>0</v>
      </c>
      <c r="JU28" s="228">
        <v>0</v>
      </c>
      <c r="JV28" s="61">
        <v>0</v>
      </c>
      <c r="JW28" s="61">
        <v>0</v>
      </c>
      <c r="JX28" s="61">
        <v>0</v>
      </c>
      <c r="JY28" s="61">
        <v>0</v>
      </c>
      <c r="JZ28" s="61">
        <v>0</v>
      </c>
      <c r="KA28" s="62">
        <v>0</v>
      </c>
      <c r="KB28" s="63">
        <v>0</v>
      </c>
      <c r="KC28" s="60">
        <v>14</v>
      </c>
      <c r="KD28" s="61">
        <v>26</v>
      </c>
      <c r="KE28" s="62">
        <v>40</v>
      </c>
      <c r="KF28" s="228">
        <v>0</v>
      </c>
      <c r="KG28" s="61">
        <v>19</v>
      </c>
      <c r="KH28" s="61">
        <v>20</v>
      </c>
      <c r="KI28" s="61">
        <v>11</v>
      </c>
      <c r="KJ28" s="61">
        <v>7</v>
      </c>
      <c r="KK28" s="61">
        <v>11</v>
      </c>
      <c r="KL28" s="62">
        <v>68</v>
      </c>
      <c r="KM28" s="63">
        <v>108</v>
      </c>
    </row>
    <row r="29" spans="2:299" ht="21" customHeight="1" x14ac:dyDescent="0.2">
      <c r="B29" s="472" t="s">
        <v>26</v>
      </c>
      <c r="C29" s="293">
        <v>9</v>
      </c>
      <c r="D29" s="72">
        <v>9</v>
      </c>
      <c r="E29" s="73">
        <v>18</v>
      </c>
      <c r="F29" s="228">
        <v>0</v>
      </c>
      <c r="G29" s="72">
        <v>25</v>
      </c>
      <c r="H29" s="72">
        <v>16</v>
      </c>
      <c r="I29" s="72">
        <v>9</v>
      </c>
      <c r="J29" s="72">
        <v>8</v>
      </c>
      <c r="K29" s="72">
        <v>8</v>
      </c>
      <c r="L29" s="74">
        <v>66</v>
      </c>
      <c r="M29" s="75">
        <v>84</v>
      </c>
      <c r="N29" s="60">
        <v>1</v>
      </c>
      <c r="O29" s="61">
        <v>0</v>
      </c>
      <c r="P29" s="62">
        <v>1</v>
      </c>
      <c r="Q29" s="228">
        <v>0</v>
      </c>
      <c r="R29" s="61">
        <v>1</v>
      </c>
      <c r="S29" s="61">
        <v>0</v>
      </c>
      <c r="T29" s="61">
        <v>1</v>
      </c>
      <c r="U29" s="61">
        <v>0</v>
      </c>
      <c r="V29" s="61">
        <v>0</v>
      </c>
      <c r="W29" s="62">
        <v>2</v>
      </c>
      <c r="X29" s="63">
        <v>3</v>
      </c>
      <c r="Y29" s="60">
        <v>0</v>
      </c>
      <c r="Z29" s="61">
        <v>2</v>
      </c>
      <c r="AA29" s="62">
        <v>2</v>
      </c>
      <c r="AB29" s="228">
        <v>0</v>
      </c>
      <c r="AC29" s="61">
        <v>1</v>
      </c>
      <c r="AD29" s="61">
        <v>2</v>
      </c>
      <c r="AE29" s="61">
        <v>0</v>
      </c>
      <c r="AF29" s="61">
        <v>0</v>
      </c>
      <c r="AG29" s="61">
        <v>1</v>
      </c>
      <c r="AH29" s="62">
        <v>4</v>
      </c>
      <c r="AI29" s="63">
        <v>6</v>
      </c>
      <c r="AJ29" s="60">
        <v>1</v>
      </c>
      <c r="AK29" s="61">
        <v>0</v>
      </c>
      <c r="AL29" s="62">
        <v>1</v>
      </c>
      <c r="AM29" s="228">
        <v>0</v>
      </c>
      <c r="AN29" s="61">
        <v>4</v>
      </c>
      <c r="AO29" s="61">
        <v>3</v>
      </c>
      <c r="AP29" s="61">
        <v>1</v>
      </c>
      <c r="AQ29" s="61">
        <v>2</v>
      </c>
      <c r="AR29" s="61">
        <v>0</v>
      </c>
      <c r="AS29" s="62">
        <v>10</v>
      </c>
      <c r="AT29" s="63">
        <v>11</v>
      </c>
      <c r="AU29" s="60">
        <v>2</v>
      </c>
      <c r="AV29" s="61">
        <v>2</v>
      </c>
      <c r="AW29" s="62">
        <v>4</v>
      </c>
      <c r="AX29" s="228">
        <v>0</v>
      </c>
      <c r="AY29" s="61">
        <v>7</v>
      </c>
      <c r="AZ29" s="61">
        <v>2</v>
      </c>
      <c r="BA29" s="61">
        <v>2</v>
      </c>
      <c r="BB29" s="61">
        <v>3</v>
      </c>
      <c r="BC29" s="61">
        <v>1</v>
      </c>
      <c r="BD29" s="62">
        <v>15</v>
      </c>
      <c r="BE29" s="63">
        <v>19</v>
      </c>
      <c r="BF29" s="60">
        <v>2</v>
      </c>
      <c r="BG29" s="61">
        <v>3</v>
      </c>
      <c r="BH29" s="62">
        <v>5</v>
      </c>
      <c r="BI29" s="228">
        <v>0</v>
      </c>
      <c r="BJ29" s="61">
        <v>4</v>
      </c>
      <c r="BK29" s="61">
        <v>4</v>
      </c>
      <c r="BL29" s="61">
        <v>2</v>
      </c>
      <c r="BM29" s="61">
        <v>2</v>
      </c>
      <c r="BN29" s="61">
        <v>2</v>
      </c>
      <c r="BO29" s="62">
        <v>14</v>
      </c>
      <c r="BP29" s="63">
        <v>19</v>
      </c>
      <c r="BQ29" s="60">
        <v>3</v>
      </c>
      <c r="BR29" s="61">
        <v>2</v>
      </c>
      <c r="BS29" s="62">
        <v>5</v>
      </c>
      <c r="BT29" s="228">
        <v>0</v>
      </c>
      <c r="BU29" s="61">
        <v>8</v>
      </c>
      <c r="BV29" s="61">
        <v>5</v>
      </c>
      <c r="BW29" s="61">
        <v>3</v>
      </c>
      <c r="BX29" s="61">
        <v>1</v>
      </c>
      <c r="BY29" s="61">
        <v>4</v>
      </c>
      <c r="BZ29" s="62">
        <v>21</v>
      </c>
      <c r="CA29" s="63">
        <v>26</v>
      </c>
      <c r="CB29" s="60">
        <v>0</v>
      </c>
      <c r="CC29" s="61">
        <v>0</v>
      </c>
      <c r="CD29" s="62">
        <v>0</v>
      </c>
      <c r="CE29" s="228">
        <v>0</v>
      </c>
      <c r="CF29" s="61">
        <v>0</v>
      </c>
      <c r="CG29" s="61">
        <v>0</v>
      </c>
      <c r="CH29" s="61">
        <v>0</v>
      </c>
      <c r="CI29" s="61">
        <v>0</v>
      </c>
      <c r="CJ29" s="61">
        <v>0</v>
      </c>
      <c r="CK29" s="62">
        <v>0</v>
      </c>
      <c r="CL29" s="63">
        <v>0</v>
      </c>
      <c r="CM29" s="60">
        <v>9</v>
      </c>
      <c r="CN29" s="61">
        <v>9</v>
      </c>
      <c r="CO29" s="62">
        <v>18</v>
      </c>
      <c r="CP29" s="228">
        <v>0</v>
      </c>
      <c r="CQ29" s="61">
        <v>25</v>
      </c>
      <c r="CR29" s="61">
        <v>16</v>
      </c>
      <c r="CS29" s="61">
        <v>9</v>
      </c>
      <c r="CT29" s="61">
        <v>8</v>
      </c>
      <c r="CU29" s="61">
        <v>8</v>
      </c>
      <c r="CV29" s="62">
        <v>66</v>
      </c>
      <c r="CW29" s="63">
        <v>84</v>
      </c>
      <c r="CX29" s="113">
        <v>2</v>
      </c>
      <c r="CY29" s="72">
        <v>4</v>
      </c>
      <c r="CZ29" s="73">
        <v>6</v>
      </c>
      <c r="DA29" s="228">
        <v>0</v>
      </c>
      <c r="DB29" s="72">
        <v>9</v>
      </c>
      <c r="DC29" s="72">
        <v>5</v>
      </c>
      <c r="DD29" s="72">
        <v>5</v>
      </c>
      <c r="DE29" s="72">
        <v>2</v>
      </c>
      <c r="DF29" s="72">
        <v>3</v>
      </c>
      <c r="DG29" s="74">
        <v>24</v>
      </c>
      <c r="DH29" s="75">
        <v>30</v>
      </c>
      <c r="DI29" s="60">
        <v>0</v>
      </c>
      <c r="DJ29" s="61">
        <v>0</v>
      </c>
      <c r="DK29" s="62">
        <v>0</v>
      </c>
      <c r="DL29" s="228">
        <v>0</v>
      </c>
      <c r="DM29" s="61">
        <v>0</v>
      </c>
      <c r="DN29" s="61">
        <v>0</v>
      </c>
      <c r="DO29" s="61">
        <v>0</v>
      </c>
      <c r="DP29" s="61">
        <v>0</v>
      </c>
      <c r="DQ29" s="61">
        <v>0</v>
      </c>
      <c r="DR29" s="62">
        <v>0</v>
      </c>
      <c r="DS29" s="63">
        <v>0</v>
      </c>
      <c r="DT29" s="60">
        <v>0</v>
      </c>
      <c r="DU29" s="61">
        <v>0</v>
      </c>
      <c r="DV29" s="62">
        <v>0</v>
      </c>
      <c r="DW29" s="228">
        <v>0</v>
      </c>
      <c r="DX29" s="61">
        <v>0</v>
      </c>
      <c r="DY29" s="61">
        <v>0</v>
      </c>
      <c r="DZ29" s="61">
        <v>0</v>
      </c>
      <c r="EA29" s="61">
        <v>1</v>
      </c>
      <c r="EB29" s="61">
        <v>0</v>
      </c>
      <c r="EC29" s="62">
        <v>1</v>
      </c>
      <c r="ED29" s="63">
        <v>1</v>
      </c>
      <c r="EE29" s="60">
        <v>0</v>
      </c>
      <c r="EF29" s="61">
        <v>2</v>
      </c>
      <c r="EG29" s="62">
        <v>2</v>
      </c>
      <c r="EH29" s="228">
        <v>0</v>
      </c>
      <c r="EI29" s="61">
        <v>1</v>
      </c>
      <c r="EJ29" s="61">
        <v>0</v>
      </c>
      <c r="EK29" s="61">
        <v>1</v>
      </c>
      <c r="EL29" s="61">
        <v>0</v>
      </c>
      <c r="EM29" s="61">
        <v>0</v>
      </c>
      <c r="EN29" s="62">
        <v>2</v>
      </c>
      <c r="EO29" s="63">
        <v>4</v>
      </c>
      <c r="EP29" s="60">
        <v>0</v>
      </c>
      <c r="EQ29" s="61">
        <v>0</v>
      </c>
      <c r="ER29" s="62">
        <v>0</v>
      </c>
      <c r="ES29" s="228">
        <v>0</v>
      </c>
      <c r="ET29" s="61">
        <v>0</v>
      </c>
      <c r="EU29" s="61">
        <v>0</v>
      </c>
      <c r="EV29" s="61">
        <v>1</v>
      </c>
      <c r="EW29" s="61">
        <v>0</v>
      </c>
      <c r="EX29" s="61">
        <v>0</v>
      </c>
      <c r="EY29" s="62">
        <v>1</v>
      </c>
      <c r="EZ29" s="63">
        <v>1</v>
      </c>
      <c r="FA29" s="60">
        <v>2</v>
      </c>
      <c r="FB29" s="61">
        <v>1</v>
      </c>
      <c r="FC29" s="62">
        <v>3</v>
      </c>
      <c r="FD29" s="228">
        <v>0</v>
      </c>
      <c r="FE29" s="61">
        <v>4</v>
      </c>
      <c r="FF29" s="61">
        <v>1</v>
      </c>
      <c r="FG29" s="61">
        <v>1</v>
      </c>
      <c r="FH29" s="61">
        <v>0</v>
      </c>
      <c r="FI29" s="61">
        <v>1</v>
      </c>
      <c r="FJ29" s="62">
        <v>7</v>
      </c>
      <c r="FK29" s="63">
        <v>10</v>
      </c>
      <c r="FL29" s="60">
        <v>0</v>
      </c>
      <c r="FM29" s="61">
        <v>1</v>
      </c>
      <c r="FN29" s="62">
        <v>1</v>
      </c>
      <c r="FO29" s="228">
        <v>0</v>
      </c>
      <c r="FP29" s="61">
        <v>4</v>
      </c>
      <c r="FQ29" s="61">
        <v>4</v>
      </c>
      <c r="FR29" s="61">
        <v>2</v>
      </c>
      <c r="FS29" s="61">
        <v>1</v>
      </c>
      <c r="FT29" s="61">
        <v>2</v>
      </c>
      <c r="FU29" s="62">
        <v>13</v>
      </c>
      <c r="FV29" s="63">
        <v>14</v>
      </c>
      <c r="FW29" s="60">
        <v>0</v>
      </c>
      <c r="FX29" s="61">
        <v>0</v>
      </c>
      <c r="FY29" s="62">
        <v>0</v>
      </c>
      <c r="FZ29" s="228">
        <v>0</v>
      </c>
      <c r="GA29" s="61">
        <v>0</v>
      </c>
      <c r="GB29" s="61">
        <v>0</v>
      </c>
      <c r="GC29" s="61">
        <v>0</v>
      </c>
      <c r="GD29" s="61">
        <v>0</v>
      </c>
      <c r="GE29" s="61">
        <v>0</v>
      </c>
      <c r="GF29" s="62">
        <v>0</v>
      </c>
      <c r="GG29" s="63">
        <v>0</v>
      </c>
      <c r="GH29" s="60">
        <v>2</v>
      </c>
      <c r="GI29" s="61">
        <v>4</v>
      </c>
      <c r="GJ29" s="62">
        <v>6</v>
      </c>
      <c r="GK29" s="228">
        <v>0</v>
      </c>
      <c r="GL29" s="61">
        <v>9</v>
      </c>
      <c r="GM29" s="61">
        <v>5</v>
      </c>
      <c r="GN29" s="61">
        <v>5</v>
      </c>
      <c r="GO29" s="61">
        <v>2</v>
      </c>
      <c r="GP29" s="61">
        <v>3</v>
      </c>
      <c r="GQ29" s="62">
        <v>24</v>
      </c>
      <c r="GR29" s="63">
        <v>30</v>
      </c>
      <c r="GS29" s="113">
        <v>11</v>
      </c>
      <c r="GT29" s="72">
        <v>13</v>
      </c>
      <c r="GU29" s="73">
        <v>24</v>
      </c>
      <c r="GV29" s="228">
        <v>0</v>
      </c>
      <c r="GW29" s="72">
        <v>34</v>
      </c>
      <c r="GX29" s="72">
        <v>21</v>
      </c>
      <c r="GY29" s="72">
        <v>14</v>
      </c>
      <c r="GZ29" s="72">
        <v>10</v>
      </c>
      <c r="HA29" s="72">
        <v>11</v>
      </c>
      <c r="HB29" s="74">
        <v>90</v>
      </c>
      <c r="HC29" s="75">
        <v>114</v>
      </c>
      <c r="HD29" s="60">
        <v>1</v>
      </c>
      <c r="HE29" s="61">
        <v>0</v>
      </c>
      <c r="HF29" s="62">
        <v>1</v>
      </c>
      <c r="HG29" s="228">
        <v>0</v>
      </c>
      <c r="HH29" s="61">
        <v>1</v>
      </c>
      <c r="HI29" s="61">
        <v>0</v>
      </c>
      <c r="HJ29" s="61">
        <v>1</v>
      </c>
      <c r="HK29" s="61">
        <v>0</v>
      </c>
      <c r="HL29" s="61">
        <v>0</v>
      </c>
      <c r="HM29" s="62">
        <v>2</v>
      </c>
      <c r="HN29" s="63">
        <v>3</v>
      </c>
      <c r="HO29" s="60">
        <v>0</v>
      </c>
      <c r="HP29" s="61">
        <v>2</v>
      </c>
      <c r="HQ29" s="62">
        <v>2</v>
      </c>
      <c r="HR29" s="228">
        <v>0</v>
      </c>
      <c r="HS29" s="61">
        <v>1</v>
      </c>
      <c r="HT29" s="61">
        <v>2</v>
      </c>
      <c r="HU29" s="61">
        <v>0</v>
      </c>
      <c r="HV29" s="61">
        <v>1</v>
      </c>
      <c r="HW29" s="61">
        <v>1</v>
      </c>
      <c r="HX29" s="62">
        <v>5</v>
      </c>
      <c r="HY29" s="63">
        <v>7</v>
      </c>
      <c r="HZ29" s="60">
        <v>1</v>
      </c>
      <c r="IA29" s="61">
        <v>2</v>
      </c>
      <c r="IB29" s="62">
        <v>3</v>
      </c>
      <c r="IC29" s="228">
        <v>0</v>
      </c>
      <c r="ID29" s="61">
        <v>5</v>
      </c>
      <c r="IE29" s="61">
        <v>3</v>
      </c>
      <c r="IF29" s="61">
        <v>2</v>
      </c>
      <c r="IG29" s="61">
        <v>2</v>
      </c>
      <c r="IH29" s="61">
        <v>0</v>
      </c>
      <c r="II29" s="62">
        <v>12</v>
      </c>
      <c r="IJ29" s="63">
        <v>15</v>
      </c>
      <c r="IK29" s="60">
        <v>2</v>
      </c>
      <c r="IL29" s="61">
        <v>2</v>
      </c>
      <c r="IM29" s="62">
        <v>4</v>
      </c>
      <c r="IN29" s="228">
        <v>0</v>
      </c>
      <c r="IO29" s="61">
        <v>7</v>
      </c>
      <c r="IP29" s="61">
        <v>2</v>
      </c>
      <c r="IQ29" s="61">
        <v>3</v>
      </c>
      <c r="IR29" s="61">
        <v>3</v>
      </c>
      <c r="IS29" s="61">
        <v>1</v>
      </c>
      <c r="IT29" s="62">
        <v>16</v>
      </c>
      <c r="IU29" s="63">
        <v>20</v>
      </c>
      <c r="IV29" s="60">
        <v>4</v>
      </c>
      <c r="IW29" s="61">
        <v>4</v>
      </c>
      <c r="IX29" s="62">
        <v>8</v>
      </c>
      <c r="IY29" s="228">
        <v>0</v>
      </c>
      <c r="IZ29" s="61">
        <v>8</v>
      </c>
      <c r="JA29" s="61">
        <v>5</v>
      </c>
      <c r="JB29" s="61">
        <v>3</v>
      </c>
      <c r="JC29" s="61">
        <v>2</v>
      </c>
      <c r="JD29" s="61">
        <v>3</v>
      </c>
      <c r="JE29" s="62">
        <v>21</v>
      </c>
      <c r="JF29" s="63">
        <v>29</v>
      </c>
      <c r="JG29" s="60">
        <v>3</v>
      </c>
      <c r="JH29" s="61">
        <v>3</v>
      </c>
      <c r="JI29" s="62">
        <v>6</v>
      </c>
      <c r="JJ29" s="228">
        <v>0</v>
      </c>
      <c r="JK29" s="61">
        <v>12</v>
      </c>
      <c r="JL29" s="61">
        <v>9</v>
      </c>
      <c r="JM29" s="61">
        <v>5</v>
      </c>
      <c r="JN29" s="61">
        <v>2</v>
      </c>
      <c r="JO29" s="61">
        <v>6</v>
      </c>
      <c r="JP29" s="62">
        <v>34</v>
      </c>
      <c r="JQ29" s="63">
        <v>40</v>
      </c>
      <c r="JR29" s="60">
        <v>0</v>
      </c>
      <c r="JS29" s="61">
        <v>0</v>
      </c>
      <c r="JT29" s="62">
        <v>0</v>
      </c>
      <c r="JU29" s="228">
        <v>0</v>
      </c>
      <c r="JV29" s="61">
        <v>0</v>
      </c>
      <c r="JW29" s="61">
        <v>0</v>
      </c>
      <c r="JX29" s="61">
        <v>0</v>
      </c>
      <c r="JY29" s="61">
        <v>0</v>
      </c>
      <c r="JZ29" s="61">
        <v>0</v>
      </c>
      <c r="KA29" s="62">
        <v>0</v>
      </c>
      <c r="KB29" s="63">
        <v>0</v>
      </c>
      <c r="KC29" s="60">
        <v>11</v>
      </c>
      <c r="KD29" s="61">
        <v>13</v>
      </c>
      <c r="KE29" s="62">
        <v>24</v>
      </c>
      <c r="KF29" s="228">
        <v>0</v>
      </c>
      <c r="KG29" s="61">
        <v>34</v>
      </c>
      <c r="KH29" s="61">
        <v>21</v>
      </c>
      <c r="KI29" s="61">
        <v>14</v>
      </c>
      <c r="KJ29" s="61">
        <v>10</v>
      </c>
      <c r="KK29" s="61">
        <v>11</v>
      </c>
      <c r="KL29" s="62">
        <v>90</v>
      </c>
      <c r="KM29" s="63">
        <v>114</v>
      </c>
    </row>
    <row r="30" spans="2:299" ht="21" customHeight="1" x14ac:dyDescent="0.2">
      <c r="B30" s="472" t="s">
        <v>27</v>
      </c>
      <c r="C30" s="293">
        <v>13</v>
      </c>
      <c r="D30" s="72">
        <v>16</v>
      </c>
      <c r="E30" s="73">
        <v>29</v>
      </c>
      <c r="F30" s="228">
        <v>0</v>
      </c>
      <c r="G30" s="72">
        <v>13</v>
      </c>
      <c r="H30" s="72">
        <v>13</v>
      </c>
      <c r="I30" s="72">
        <v>12</v>
      </c>
      <c r="J30" s="72">
        <v>5</v>
      </c>
      <c r="K30" s="72">
        <v>3</v>
      </c>
      <c r="L30" s="74">
        <v>46</v>
      </c>
      <c r="M30" s="75">
        <v>75</v>
      </c>
      <c r="N30" s="60">
        <v>0</v>
      </c>
      <c r="O30" s="61">
        <v>1</v>
      </c>
      <c r="P30" s="62">
        <v>1</v>
      </c>
      <c r="Q30" s="228">
        <v>0</v>
      </c>
      <c r="R30" s="61">
        <v>0</v>
      </c>
      <c r="S30" s="61">
        <v>1</v>
      </c>
      <c r="T30" s="61">
        <v>0</v>
      </c>
      <c r="U30" s="61">
        <v>0</v>
      </c>
      <c r="V30" s="61">
        <v>0</v>
      </c>
      <c r="W30" s="62">
        <v>1</v>
      </c>
      <c r="X30" s="63">
        <v>2</v>
      </c>
      <c r="Y30" s="60">
        <v>1</v>
      </c>
      <c r="Z30" s="61">
        <v>0</v>
      </c>
      <c r="AA30" s="62">
        <v>1</v>
      </c>
      <c r="AB30" s="228">
        <v>0</v>
      </c>
      <c r="AC30" s="61">
        <v>0</v>
      </c>
      <c r="AD30" s="61">
        <v>2</v>
      </c>
      <c r="AE30" s="61">
        <v>1</v>
      </c>
      <c r="AF30" s="61">
        <v>0</v>
      </c>
      <c r="AG30" s="61">
        <v>1</v>
      </c>
      <c r="AH30" s="62">
        <v>4</v>
      </c>
      <c r="AI30" s="63">
        <v>5</v>
      </c>
      <c r="AJ30" s="60">
        <v>2</v>
      </c>
      <c r="AK30" s="61">
        <v>1</v>
      </c>
      <c r="AL30" s="62">
        <v>3</v>
      </c>
      <c r="AM30" s="228">
        <v>0</v>
      </c>
      <c r="AN30" s="61">
        <v>0</v>
      </c>
      <c r="AO30" s="61">
        <v>1</v>
      </c>
      <c r="AP30" s="61">
        <v>1</v>
      </c>
      <c r="AQ30" s="61">
        <v>0</v>
      </c>
      <c r="AR30" s="61">
        <v>0</v>
      </c>
      <c r="AS30" s="62">
        <v>2</v>
      </c>
      <c r="AT30" s="63">
        <v>5</v>
      </c>
      <c r="AU30" s="60">
        <v>3</v>
      </c>
      <c r="AV30" s="61">
        <v>7</v>
      </c>
      <c r="AW30" s="62">
        <v>10</v>
      </c>
      <c r="AX30" s="228">
        <v>0</v>
      </c>
      <c r="AY30" s="61">
        <v>5</v>
      </c>
      <c r="AZ30" s="61">
        <v>4</v>
      </c>
      <c r="BA30" s="61">
        <v>3</v>
      </c>
      <c r="BB30" s="61">
        <v>1</v>
      </c>
      <c r="BC30" s="61">
        <v>0</v>
      </c>
      <c r="BD30" s="62">
        <v>13</v>
      </c>
      <c r="BE30" s="63">
        <v>23</v>
      </c>
      <c r="BF30" s="60">
        <v>5</v>
      </c>
      <c r="BG30" s="61">
        <v>6</v>
      </c>
      <c r="BH30" s="62">
        <v>11</v>
      </c>
      <c r="BI30" s="228">
        <v>0</v>
      </c>
      <c r="BJ30" s="61">
        <v>1</v>
      </c>
      <c r="BK30" s="61">
        <v>2</v>
      </c>
      <c r="BL30" s="61">
        <v>4</v>
      </c>
      <c r="BM30" s="61">
        <v>3</v>
      </c>
      <c r="BN30" s="61">
        <v>2</v>
      </c>
      <c r="BO30" s="62">
        <v>12</v>
      </c>
      <c r="BP30" s="63">
        <v>23</v>
      </c>
      <c r="BQ30" s="60">
        <v>2</v>
      </c>
      <c r="BR30" s="61">
        <v>1</v>
      </c>
      <c r="BS30" s="62">
        <v>3</v>
      </c>
      <c r="BT30" s="228">
        <v>0</v>
      </c>
      <c r="BU30" s="61">
        <v>7</v>
      </c>
      <c r="BV30" s="61">
        <v>3</v>
      </c>
      <c r="BW30" s="61">
        <v>3</v>
      </c>
      <c r="BX30" s="61">
        <v>1</v>
      </c>
      <c r="BY30" s="61">
        <v>0</v>
      </c>
      <c r="BZ30" s="62">
        <v>14</v>
      </c>
      <c r="CA30" s="63">
        <v>17</v>
      </c>
      <c r="CB30" s="60">
        <v>0</v>
      </c>
      <c r="CC30" s="61">
        <v>0</v>
      </c>
      <c r="CD30" s="62">
        <v>0</v>
      </c>
      <c r="CE30" s="228">
        <v>0</v>
      </c>
      <c r="CF30" s="61">
        <v>0</v>
      </c>
      <c r="CG30" s="61">
        <v>0</v>
      </c>
      <c r="CH30" s="61">
        <v>0</v>
      </c>
      <c r="CI30" s="61">
        <v>0</v>
      </c>
      <c r="CJ30" s="61">
        <v>0</v>
      </c>
      <c r="CK30" s="62">
        <v>0</v>
      </c>
      <c r="CL30" s="63">
        <v>0</v>
      </c>
      <c r="CM30" s="60">
        <v>13</v>
      </c>
      <c r="CN30" s="61">
        <v>16</v>
      </c>
      <c r="CO30" s="62">
        <v>29</v>
      </c>
      <c r="CP30" s="228">
        <v>0</v>
      </c>
      <c r="CQ30" s="61">
        <v>13</v>
      </c>
      <c r="CR30" s="61">
        <v>13</v>
      </c>
      <c r="CS30" s="61">
        <v>12</v>
      </c>
      <c r="CT30" s="61">
        <v>5</v>
      </c>
      <c r="CU30" s="61">
        <v>3</v>
      </c>
      <c r="CV30" s="62">
        <v>46</v>
      </c>
      <c r="CW30" s="63">
        <v>75</v>
      </c>
      <c r="CX30" s="113">
        <v>6</v>
      </c>
      <c r="CY30" s="72">
        <v>4</v>
      </c>
      <c r="CZ30" s="73">
        <v>10</v>
      </c>
      <c r="DA30" s="228">
        <v>0</v>
      </c>
      <c r="DB30" s="72">
        <v>9</v>
      </c>
      <c r="DC30" s="72">
        <v>1</v>
      </c>
      <c r="DD30" s="72">
        <v>5</v>
      </c>
      <c r="DE30" s="72">
        <v>2</v>
      </c>
      <c r="DF30" s="72">
        <v>1</v>
      </c>
      <c r="DG30" s="74">
        <v>18</v>
      </c>
      <c r="DH30" s="75">
        <v>28</v>
      </c>
      <c r="DI30" s="60">
        <v>0</v>
      </c>
      <c r="DJ30" s="61">
        <v>1</v>
      </c>
      <c r="DK30" s="62">
        <v>1</v>
      </c>
      <c r="DL30" s="228">
        <v>0</v>
      </c>
      <c r="DM30" s="61">
        <v>0</v>
      </c>
      <c r="DN30" s="61">
        <v>0</v>
      </c>
      <c r="DO30" s="61">
        <v>0</v>
      </c>
      <c r="DP30" s="61">
        <v>0</v>
      </c>
      <c r="DQ30" s="61">
        <v>0</v>
      </c>
      <c r="DR30" s="62">
        <v>0</v>
      </c>
      <c r="DS30" s="63">
        <v>1</v>
      </c>
      <c r="DT30" s="60">
        <v>0</v>
      </c>
      <c r="DU30" s="61">
        <v>0</v>
      </c>
      <c r="DV30" s="62">
        <v>0</v>
      </c>
      <c r="DW30" s="228">
        <v>0</v>
      </c>
      <c r="DX30" s="61">
        <v>0</v>
      </c>
      <c r="DY30" s="61">
        <v>0</v>
      </c>
      <c r="DZ30" s="61">
        <v>0</v>
      </c>
      <c r="EA30" s="61">
        <v>0</v>
      </c>
      <c r="EB30" s="61">
        <v>0</v>
      </c>
      <c r="EC30" s="62">
        <v>0</v>
      </c>
      <c r="ED30" s="63">
        <v>0</v>
      </c>
      <c r="EE30" s="60">
        <v>1</v>
      </c>
      <c r="EF30" s="61">
        <v>0</v>
      </c>
      <c r="EG30" s="62">
        <v>1</v>
      </c>
      <c r="EH30" s="228">
        <v>0</v>
      </c>
      <c r="EI30" s="61">
        <v>0</v>
      </c>
      <c r="EJ30" s="61">
        <v>1</v>
      </c>
      <c r="EK30" s="61">
        <v>0</v>
      </c>
      <c r="EL30" s="61">
        <v>0</v>
      </c>
      <c r="EM30" s="61">
        <v>0</v>
      </c>
      <c r="EN30" s="62">
        <v>1</v>
      </c>
      <c r="EO30" s="63">
        <v>2</v>
      </c>
      <c r="EP30" s="60">
        <v>4</v>
      </c>
      <c r="EQ30" s="61">
        <v>0</v>
      </c>
      <c r="ER30" s="62">
        <v>4</v>
      </c>
      <c r="ES30" s="228">
        <v>0</v>
      </c>
      <c r="ET30" s="61">
        <v>3</v>
      </c>
      <c r="EU30" s="61">
        <v>0</v>
      </c>
      <c r="EV30" s="61">
        <v>0</v>
      </c>
      <c r="EW30" s="61">
        <v>0</v>
      </c>
      <c r="EX30" s="61">
        <v>0</v>
      </c>
      <c r="EY30" s="62">
        <v>3</v>
      </c>
      <c r="EZ30" s="63">
        <v>7</v>
      </c>
      <c r="FA30" s="60">
        <v>0</v>
      </c>
      <c r="FB30" s="61">
        <v>1</v>
      </c>
      <c r="FC30" s="62">
        <v>1</v>
      </c>
      <c r="FD30" s="228">
        <v>0</v>
      </c>
      <c r="FE30" s="61">
        <v>2</v>
      </c>
      <c r="FF30" s="61">
        <v>0</v>
      </c>
      <c r="FG30" s="61">
        <v>1</v>
      </c>
      <c r="FH30" s="61">
        <v>1</v>
      </c>
      <c r="FI30" s="61">
        <v>0</v>
      </c>
      <c r="FJ30" s="62">
        <v>4</v>
      </c>
      <c r="FK30" s="63">
        <v>5</v>
      </c>
      <c r="FL30" s="60">
        <v>1</v>
      </c>
      <c r="FM30" s="61">
        <v>2</v>
      </c>
      <c r="FN30" s="62">
        <v>3</v>
      </c>
      <c r="FO30" s="228">
        <v>0</v>
      </c>
      <c r="FP30" s="61">
        <v>4</v>
      </c>
      <c r="FQ30" s="61">
        <v>0</v>
      </c>
      <c r="FR30" s="61">
        <v>4</v>
      </c>
      <c r="FS30" s="61">
        <v>1</v>
      </c>
      <c r="FT30" s="61">
        <v>1</v>
      </c>
      <c r="FU30" s="62">
        <v>10</v>
      </c>
      <c r="FV30" s="63">
        <v>13</v>
      </c>
      <c r="FW30" s="60">
        <v>0</v>
      </c>
      <c r="FX30" s="61">
        <v>0</v>
      </c>
      <c r="FY30" s="62">
        <v>0</v>
      </c>
      <c r="FZ30" s="228">
        <v>0</v>
      </c>
      <c r="GA30" s="61">
        <v>0</v>
      </c>
      <c r="GB30" s="61">
        <v>0</v>
      </c>
      <c r="GC30" s="61">
        <v>0</v>
      </c>
      <c r="GD30" s="61">
        <v>0</v>
      </c>
      <c r="GE30" s="61">
        <v>0</v>
      </c>
      <c r="GF30" s="62">
        <v>0</v>
      </c>
      <c r="GG30" s="63">
        <v>0</v>
      </c>
      <c r="GH30" s="60">
        <v>6</v>
      </c>
      <c r="GI30" s="61">
        <v>4</v>
      </c>
      <c r="GJ30" s="62">
        <v>10</v>
      </c>
      <c r="GK30" s="228">
        <v>0</v>
      </c>
      <c r="GL30" s="61">
        <v>9</v>
      </c>
      <c r="GM30" s="61">
        <v>1</v>
      </c>
      <c r="GN30" s="61">
        <v>5</v>
      </c>
      <c r="GO30" s="61">
        <v>2</v>
      </c>
      <c r="GP30" s="61">
        <v>1</v>
      </c>
      <c r="GQ30" s="62">
        <v>18</v>
      </c>
      <c r="GR30" s="63">
        <v>28</v>
      </c>
      <c r="GS30" s="113">
        <v>19</v>
      </c>
      <c r="GT30" s="72">
        <v>20</v>
      </c>
      <c r="GU30" s="73">
        <v>39</v>
      </c>
      <c r="GV30" s="228">
        <v>0</v>
      </c>
      <c r="GW30" s="72">
        <v>22</v>
      </c>
      <c r="GX30" s="72">
        <v>14</v>
      </c>
      <c r="GY30" s="72">
        <v>17</v>
      </c>
      <c r="GZ30" s="72">
        <v>7</v>
      </c>
      <c r="HA30" s="72">
        <v>4</v>
      </c>
      <c r="HB30" s="74">
        <v>64</v>
      </c>
      <c r="HC30" s="75">
        <v>103</v>
      </c>
      <c r="HD30" s="60">
        <v>0</v>
      </c>
      <c r="HE30" s="61">
        <v>2</v>
      </c>
      <c r="HF30" s="62">
        <v>2</v>
      </c>
      <c r="HG30" s="228">
        <v>0</v>
      </c>
      <c r="HH30" s="61">
        <v>0</v>
      </c>
      <c r="HI30" s="61">
        <v>1</v>
      </c>
      <c r="HJ30" s="61">
        <v>0</v>
      </c>
      <c r="HK30" s="61">
        <v>0</v>
      </c>
      <c r="HL30" s="61">
        <v>0</v>
      </c>
      <c r="HM30" s="62">
        <v>1</v>
      </c>
      <c r="HN30" s="63">
        <v>3</v>
      </c>
      <c r="HO30" s="60">
        <v>1</v>
      </c>
      <c r="HP30" s="61">
        <v>0</v>
      </c>
      <c r="HQ30" s="62">
        <v>1</v>
      </c>
      <c r="HR30" s="228">
        <v>0</v>
      </c>
      <c r="HS30" s="61">
        <v>0</v>
      </c>
      <c r="HT30" s="61">
        <v>2</v>
      </c>
      <c r="HU30" s="61">
        <v>1</v>
      </c>
      <c r="HV30" s="61">
        <v>0</v>
      </c>
      <c r="HW30" s="61">
        <v>1</v>
      </c>
      <c r="HX30" s="62">
        <v>4</v>
      </c>
      <c r="HY30" s="63">
        <v>5</v>
      </c>
      <c r="HZ30" s="60">
        <v>3</v>
      </c>
      <c r="IA30" s="61">
        <v>1</v>
      </c>
      <c r="IB30" s="62">
        <v>4</v>
      </c>
      <c r="IC30" s="228">
        <v>0</v>
      </c>
      <c r="ID30" s="61">
        <v>0</v>
      </c>
      <c r="IE30" s="61">
        <v>2</v>
      </c>
      <c r="IF30" s="61">
        <v>1</v>
      </c>
      <c r="IG30" s="61">
        <v>0</v>
      </c>
      <c r="IH30" s="61">
        <v>0</v>
      </c>
      <c r="II30" s="62">
        <v>3</v>
      </c>
      <c r="IJ30" s="63">
        <v>7</v>
      </c>
      <c r="IK30" s="60">
        <v>7</v>
      </c>
      <c r="IL30" s="61">
        <v>7</v>
      </c>
      <c r="IM30" s="62">
        <v>14</v>
      </c>
      <c r="IN30" s="228">
        <v>0</v>
      </c>
      <c r="IO30" s="61">
        <v>8</v>
      </c>
      <c r="IP30" s="61">
        <v>4</v>
      </c>
      <c r="IQ30" s="61">
        <v>3</v>
      </c>
      <c r="IR30" s="61">
        <v>1</v>
      </c>
      <c r="IS30" s="61">
        <v>0</v>
      </c>
      <c r="IT30" s="62">
        <v>16</v>
      </c>
      <c r="IU30" s="63">
        <v>30</v>
      </c>
      <c r="IV30" s="60">
        <v>5</v>
      </c>
      <c r="IW30" s="61">
        <v>7</v>
      </c>
      <c r="IX30" s="62">
        <v>12</v>
      </c>
      <c r="IY30" s="228">
        <v>0</v>
      </c>
      <c r="IZ30" s="61">
        <v>3</v>
      </c>
      <c r="JA30" s="61">
        <v>2</v>
      </c>
      <c r="JB30" s="61">
        <v>5</v>
      </c>
      <c r="JC30" s="61">
        <v>4</v>
      </c>
      <c r="JD30" s="61">
        <v>2</v>
      </c>
      <c r="JE30" s="62">
        <v>16</v>
      </c>
      <c r="JF30" s="63">
        <v>28</v>
      </c>
      <c r="JG30" s="60">
        <v>3</v>
      </c>
      <c r="JH30" s="61">
        <v>3</v>
      </c>
      <c r="JI30" s="62">
        <v>6</v>
      </c>
      <c r="JJ30" s="228">
        <v>0</v>
      </c>
      <c r="JK30" s="61">
        <v>11</v>
      </c>
      <c r="JL30" s="61">
        <v>3</v>
      </c>
      <c r="JM30" s="61">
        <v>7</v>
      </c>
      <c r="JN30" s="61">
        <v>2</v>
      </c>
      <c r="JO30" s="61">
        <v>1</v>
      </c>
      <c r="JP30" s="62">
        <v>24</v>
      </c>
      <c r="JQ30" s="63">
        <v>30</v>
      </c>
      <c r="JR30" s="60">
        <v>0</v>
      </c>
      <c r="JS30" s="61">
        <v>0</v>
      </c>
      <c r="JT30" s="62">
        <v>0</v>
      </c>
      <c r="JU30" s="228">
        <v>0</v>
      </c>
      <c r="JV30" s="61">
        <v>0</v>
      </c>
      <c r="JW30" s="61">
        <v>0</v>
      </c>
      <c r="JX30" s="61">
        <v>0</v>
      </c>
      <c r="JY30" s="61">
        <v>0</v>
      </c>
      <c r="JZ30" s="61">
        <v>0</v>
      </c>
      <c r="KA30" s="62">
        <v>0</v>
      </c>
      <c r="KB30" s="63">
        <v>0</v>
      </c>
      <c r="KC30" s="60">
        <v>19</v>
      </c>
      <c r="KD30" s="61">
        <v>20</v>
      </c>
      <c r="KE30" s="62">
        <v>39</v>
      </c>
      <c r="KF30" s="228">
        <v>0</v>
      </c>
      <c r="KG30" s="61">
        <v>22</v>
      </c>
      <c r="KH30" s="61">
        <v>14</v>
      </c>
      <c r="KI30" s="61">
        <v>17</v>
      </c>
      <c r="KJ30" s="61">
        <v>7</v>
      </c>
      <c r="KK30" s="61">
        <v>4</v>
      </c>
      <c r="KL30" s="62">
        <v>64</v>
      </c>
      <c r="KM30" s="63">
        <v>103</v>
      </c>
    </row>
    <row r="31" spans="2:299" ht="21" customHeight="1" x14ac:dyDescent="0.2">
      <c r="B31" s="472" t="s">
        <v>28</v>
      </c>
      <c r="C31" s="293">
        <v>0</v>
      </c>
      <c r="D31" s="72">
        <v>2</v>
      </c>
      <c r="E31" s="73">
        <v>2</v>
      </c>
      <c r="F31" s="228">
        <v>0</v>
      </c>
      <c r="G31" s="72">
        <v>6</v>
      </c>
      <c r="H31" s="72">
        <v>3</v>
      </c>
      <c r="I31" s="72">
        <v>4</v>
      </c>
      <c r="J31" s="72">
        <v>2</v>
      </c>
      <c r="K31" s="72">
        <v>1</v>
      </c>
      <c r="L31" s="74">
        <v>16</v>
      </c>
      <c r="M31" s="75">
        <v>18</v>
      </c>
      <c r="N31" s="60">
        <v>0</v>
      </c>
      <c r="O31" s="61">
        <v>1</v>
      </c>
      <c r="P31" s="62">
        <v>1</v>
      </c>
      <c r="Q31" s="228">
        <v>0</v>
      </c>
      <c r="R31" s="61">
        <v>0</v>
      </c>
      <c r="S31" s="61">
        <v>0</v>
      </c>
      <c r="T31" s="61">
        <v>1</v>
      </c>
      <c r="U31" s="61">
        <v>0</v>
      </c>
      <c r="V31" s="61">
        <v>0</v>
      </c>
      <c r="W31" s="62">
        <v>1</v>
      </c>
      <c r="X31" s="63">
        <v>2</v>
      </c>
      <c r="Y31" s="60">
        <v>0</v>
      </c>
      <c r="Z31" s="61">
        <v>1</v>
      </c>
      <c r="AA31" s="62">
        <v>1</v>
      </c>
      <c r="AB31" s="228">
        <v>0</v>
      </c>
      <c r="AC31" s="61">
        <v>2</v>
      </c>
      <c r="AD31" s="61">
        <v>0</v>
      </c>
      <c r="AE31" s="61">
        <v>0</v>
      </c>
      <c r="AF31" s="61">
        <v>0</v>
      </c>
      <c r="AG31" s="61">
        <v>0</v>
      </c>
      <c r="AH31" s="62">
        <v>2</v>
      </c>
      <c r="AI31" s="63">
        <v>3</v>
      </c>
      <c r="AJ31" s="60">
        <v>0</v>
      </c>
      <c r="AK31" s="61">
        <v>0</v>
      </c>
      <c r="AL31" s="62">
        <v>0</v>
      </c>
      <c r="AM31" s="228">
        <v>0</v>
      </c>
      <c r="AN31" s="61">
        <v>1</v>
      </c>
      <c r="AO31" s="61">
        <v>1</v>
      </c>
      <c r="AP31" s="61">
        <v>0</v>
      </c>
      <c r="AQ31" s="61">
        <v>0</v>
      </c>
      <c r="AR31" s="61">
        <v>1</v>
      </c>
      <c r="AS31" s="62">
        <v>3</v>
      </c>
      <c r="AT31" s="63">
        <v>3</v>
      </c>
      <c r="AU31" s="60">
        <v>0</v>
      </c>
      <c r="AV31" s="61">
        <v>0</v>
      </c>
      <c r="AW31" s="62">
        <v>0</v>
      </c>
      <c r="AX31" s="228">
        <v>0</v>
      </c>
      <c r="AY31" s="61">
        <v>3</v>
      </c>
      <c r="AZ31" s="61">
        <v>1</v>
      </c>
      <c r="BA31" s="61">
        <v>0</v>
      </c>
      <c r="BB31" s="61">
        <v>1</v>
      </c>
      <c r="BC31" s="61">
        <v>0</v>
      </c>
      <c r="BD31" s="62">
        <v>5</v>
      </c>
      <c r="BE31" s="63">
        <v>5</v>
      </c>
      <c r="BF31" s="60">
        <v>0</v>
      </c>
      <c r="BG31" s="61">
        <v>0</v>
      </c>
      <c r="BH31" s="62">
        <v>0</v>
      </c>
      <c r="BI31" s="228">
        <v>0</v>
      </c>
      <c r="BJ31" s="61">
        <v>0</v>
      </c>
      <c r="BK31" s="61">
        <v>1</v>
      </c>
      <c r="BL31" s="61">
        <v>1</v>
      </c>
      <c r="BM31" s="61">
        <v>0</v>
      </c>
      <c r="BN31" s="61">
        <v>0</v>
      </c>
      <c r="BO31" s="62">
        <v>2</v>
      </c>
      <c r="BP31" s="63">
        <v>2</v>
      </c>
      <c r="BQ31" s="60">
        <v>0</v>
      </c>
      <c r="BR31" s="61">
        <v>0</v>
      </c>
      <c r="BS31" s="62">
        <v>0</v>
      </c>
      <c r="BT31" s="228">
        <v>0</v>
      </c>
      <c r="BU31" s="61">
        <v>0</v>
      </c>
      <c r="BV31" s="61">
        <v>0</v>
      </c>
      <c r="BW31" s="61">
        <v>2</v>
      </c>
      <c r="BX31" s="61">
        <v>1</v>
      </c>
      <c r="BY31" s="61">
        <v>0</v>
      </c>
      <c r="BZ31" s="62">
        <v>3</v>
      </c>
      <c r="CA31" s="63">
        <v>3</v>
      </c>
      <c r="CB31" s="60">
        <v>0</v>
      </c>
      <c r="CC31" s="61">
        <v>0</v>
      </c>
      <c r="CD31" s="62">
        <v>0</v>
      </c>
      <c r="CE31" s="228">
        <v>0</v>
      </c>
      <c r="CF31" s="61">
        <v>0</v>
      </c>
      <c r="CG31" s="61">
        <v>0</v>
      </c>
      <c r="CH31" s="61">
        <v>0</v>
      </c>
      <c r="CI31" s="61">
        <v>0</v>
      </c>
      <c r="CJ31" s="61">
        <v>0</v>
      </c>
      <c r="CK31" s="62">
        <v>0</v>
      </c>
      <c r="CL31" s="63">
        <v>0</v>
      </c>
      <c r="CM31" s="60">
        <v>0</v>
      </c>
      <c r="CN31" s="61">
        <v>2</v>
      </c>
      <c r="CO31" s="62">
        <v>2</v>
      </c>
      <c r="CP31" s="228">
        <v>0</v>
      </c>
      <c r="CQ31" s="61">
        <v>6</v>
      </c>
      <c r="CR31" s="61">
        <v>3</v>
      </c>
      <c r="CS31" s="61">
        <v>4</v>
      </c>
      <c r="CT31" s="61">
        <v>2</v>
      </c>
      <c r="CU31" s="61">
        <v>1</v>
      </c>
      <c r="CV31" s="62">
        <v>16</v>
      </c>
      <c r="CW31" s="63">
        <v>18</v>
      </c>
      <c r="CX31" s="113">
        <v>0</v>
      </c>
      <c r="CY31" s="72">
        <v>1</v>
      </c>
      <c r="CZ31" s="73">
        <v>1</v>
      </c>
      <c r="DA31" s="228">
        <v>0</v>
      </c>
      <c r="DB31" s="72">
        <v>1</v>
      </c>
      <c r="DC31" s="72">
        <v>2</v>
      </c>
      <c r="DD31" s="72">
        <v>1</v>
      </c>
      <c r="DE31" s="72">
        <v>2</v>
      </c>
      <c r="DF31" s="72">
        <v>0</v>
      </c>
      <c r="DG31" s="74">
        <v>6</v>
      </c>
      <c r="DH31" s="75">
        <v>7</v>
      </c>
      <c r="DI31" s="60">
        <v>0</v>
      </c>
      <c r="DJ31" s="61">
        <v>0</v>
      </c>
      <c r="DK31" s="62">
        <v>0</v>
      </c>
      <c r="DL31" s="228">
        <v>0</v>
      </c>
      <c r="DM31" s="61">
        <v>0</v>
      </c>
      <c r="DN31" s="61">
        <v>0</v>
      </c>
      <c r="DO31" s="61">
        <v>0</v>
      </c>
      <c r="DP31" s="61">
        <v>0</v>
      </c>
      <c r="DQ31" s="61">
        <v>0</v>
      </c>
      <c r="DR31" s="62">
        <v>0</v>
      </c>
      <c r="DS31" s="63">
        <v>0</v>
      </c>
      <c r="DT31" s="60">
        <v>0</v>
      </c>
      <c r="DU31" s="61">
        <v>1</v>
      </c>
      <c r="DV31" s="62">
        <v>1</v>
      </c>
      <c r="DW31" s="228">
        <v>0</v>
      </c>
      <c r="DX31" s="61">
        <v>0</v>
      </c>
      <c r="DY31" s="61">
        <v>0</v>
      </c>
      <c r="DZ31" s="61">
        <v>1</v>
      </c>
      <c r="EA31" s="61">
        <v>0</v>
      </c>
      <c r="EB31" s="61">
        <v>0</v>
      </c>
      <c r="EC31" s="62">
        <v>1</v>
      </c>
      <c r="ED31" s="63">
        <v>2</v>
      </c>
      <c r="EE31" s="60">
        <v>0</v>
      </c>
      <c r="EF31" s="61">
        <v>0</v>
      </c>
      <c r="EG31" s="62">
        <v>0</v>
      </c>
      <c r="EH31" s="228">
        <v>0</v>
      </c>
      <c r="EI31" s="61">
        <v>0</v>
      </c>
      <c r="EJ31" s="61">
        <v>0</v>
      </c>
      <c r="EK31" s="61">
        <v>0</v>
      </c>
      <c r="EL31" s="61">
        <v>0</v>
      </c>
      <c r="EM31" s="61">
        <v>0</v>
      </c>
      <c r="EN31" s="62">
        <v>0</v>
      </c>
      <c r="EO31" s="63">
        <v>0</v>
      </c>
      <c r="EP31" s="60">
        <v>0</v>
      </c>
      <c r="EQ31" s="61">
        <v>0</v>
      </c>
      <c r="ER31" s="62">
        <v>0</v>
      </c>
      <c r="ES31" s="228">
        <v>0</v>
      </c>
      <c r="ET31" s="61">
        <v>0</v>
      </c>
      <c r="EU31" s="61">
        <v>1</v>
      </c>
      <c r="EV31" s="61">
        <v>0</v>
      </c>
      <c r="EW31" s="61">
        <v>0</v>
      </c>
      <c r="EX31" s="61">
        <v>0</v>
      </c>
      <c r="EY31" s="62">
        <v>1</v>
      </c>
      <c r="EZ31" s="63">
        <v>1</v>
      </c>
      <c r="FA31" s="60">
        <v>0</v>
      </c>
      <c r="FB31" s="61">
        <v>0</v>
      </c>
      <c r="FC31" s="62">
        <v>0</v>
      </c>
      <c r="FD31" s="228">
        <v>0</v>
      </c>
      <c r="FE31" s="61">
        <v>1</v>
      </c>
      <c r="FF31" s="61">
        <v>0</v>
      </c>
      <c r="FG31" s="61">
        <v>0</v>
      </c>
      <c r="FH31" s="61">
        <v>2</v>
      </c>
      <c r="FI31" s="61">
        <v>0</v>
      </c>
      <c r="FJ31" s="62">
        <v>3</v>
      </c>
      <c r="FK31" s="63">
        <v>3</v>
      </c>
      <c r="FL31" s="60">
        <v>0</v>
      </c>
      <c r="FM31" s="61">
        <v>0</v>
      </c>
      <c r="FN31" s="62">
        <v>0</v>
      </c>
      <c r="FO31" s="228">
        <v>0</v>
      </c>
      <c r="FP31" s="61">
        <v>0</v>
      </c>
      <c r="FQ31" s="61">
        <v>1</v>
      </c>
      <c r="FR31" s="61">
        <v>0</v>
      </c>
      <c r="FS31" s="61">
        <v>0</v>
      </c>
      <c r="FT31" s="61">
        <v>0</v>
      </c>
      <c r="FU31" s="62">
        <v>1</v>
      </c>
      <c r="FV31" s="63">
        <v>1</v>
      </c>
      <c r="FW31" s="60">
        <v>0</v>
      </c>
      <c r="FX31" s="61">
        <v>0</v>
      </c>
      <c r="FY31" s="62">
        <v>0</v>
      </c>
      <c r="FZ31" s="228">
        <v>0</v>
      </c>
      <c r="GA31" s="61">
        <v>0</v>
      </c>
      <c r="GB31" s="61">
        <v>0</v>
      </c>
      <c r="GC31" s="61">
        <v>0</v>
      </c>
      <c r="GD31" s="61">
        <v>0</v>
      </c>
      <c r="GE31" s="61">
        <v>0</v>
      </c>
      <c r="GF31" s="62">
        <v>0</v>
      </c>
      <c r="GG31" s="63">
        <v>0</v>
      </c>
      <c r="GH31" s="60">
        <v>0</v>
      </c>
      <c r="GI31" s="61">
        <v>1</v>
      </c>
      <c r="GJ31" s="62">
        <v>1</v>
      </c>
      <c r="GK31" s="228">
        <v>0</v>
      </c>
      <c r="GL31" s="61">
        <v>1</v>
      </c>
      <c r="GM31" s="61">
        <v>2</v>
      </c>
      <c r="GN31" s="61">
        <v>1</v>
      </c>
      <c r="GO31" s="61">
        <v>2</v>
      </c>
      <c r="GP31" s="61">
        <v>0</v>
      </c>
      <c r="GQ31" s="62">
        <v>6</v>
      </c>
      <c r="GR31" s="63">
        <v>7</v>
      </c>
      <c r="GS31" s="113">
        <v>0</v>
      </c>
      <c r="GT31" s="72">
        <v>3</v>
      </c>
      <c r="GU31" s="73">
        <v>3</v>
      </c>
      <c r="GV31" s="228">
        <v>0</v>
      </c>
      <c r="GW31" s="72">
        <v>7</v>
      </c>
      <c r="GX31" s="72">
        <v>5</v>
      </c>
      <c r="GY31" s="72">
        <v>5</v>
      </c>
      <c r="GZ31" s="72">
        <v>4</v>
      </c>
      <c r="HA31" s="72">
        <v>1</v>
      </c>
      <c r="HB31" s="74">
        <v>22</v>
      </c>
      <c r="HC31" s="75">
        <v>25</v>
      </c>
      <c r="HD31" s="60">
        <v>0</v>
      </c>
      <c r="HE31" s="61">
        <v>1</v>
      </c>
      <c r="HF31" s="62">
        <v>1</v>
      </c>
      <c r="HG31" s="228">
        <v>0</v>
      </c>
      <c r="HH31" s="61">
        <v>0</v>
      </c>
      <c r="HI31" s="61">
        <v>0</v>
      </c>
      <c r="HJ31" s="61">
        <v>1</v>
      </c>
      <c r="HK31" s="61">
        <v>0</v>
      </c>
      <c r="HL31" s="61">
        <v>0</v>
      </c>
      <c r="HM31" s="62">
        <v>1</v>
      </c>
      <c r="HN31" s="63">
        <v>2</v>
      </c>
      <c r="HO31" s="60">
        <v>0</v>
      </c>
      <c r="HP31" s="61">
        <v>2</v>
      </c>
      <c r="HQ31" s="62">
        <v>2</v>
      </c>
      <c r="HR31" s="228">
        <v>0</v>
      </c>
      <c r="HS31" s="61">
        <v>2</v>
      </c>
      <c r="HT31" s="61">
        <v>0</v>
      </c>
      <c r="HU31" s="61">
        <v>1</v>
      </c>
      <c r="HV31" s="61">
        <v>0</v>
      </c>
      <c r="HW31" s="61">
        <v>0</v>
      </c>
      <c r="HX31" s="62">
        <v>3</v>
      </c>
      <c r="HY31" s="63">
        <v>5</v>
      </c>
      <c r="HZ31" s="60">
        <v>0</v>
      </c>
      <c r="IA31" s="61">
        <v>0</v>
      </c>
      <c r="IB31" s="62">
        <v>0</v>
      </c>
      <c r="IC31" s="228">
        <v>0</v>
      </c>
      <c r="ID31" s="61">
        <v>1</v>
      </c>
      <c r="IE31" s="61">
        <v>1</v>
      </c>
      <c r="IF31" s="61">
        <v>0</v>
      </c>
      <c r="IG31" s="61">
        <v>0</v>
      </c>
      <c r="IH31" s="61">
        <v>1</v>
      </c>
      <c r="II31" s="62">
        <v>3</v>
      </c>
      <c r="IJ31" s="63">
        <v>3</v>
      </c>
      <c r="IK31" s="60">
        <v>0</v>
      </c>
      <c r="IL31" s="61">
        <v>0</v>
      </c>
      <c r="IM31" s="62">
        <v>0</v>
      </c>
      <c r="IN31" s="228">
        <v>0</v>
      </c>
      <c r="IO31" s="61">
        <v>3</v>
      </c>
      <c r="IP31" s="61">
        <v>2</v>
      </c>
      <c r="IQ31" s="61">
        <v>0</v>
      </c>
      <c r="IR31" s="61">
        <v>1</v>
      </c>
      <c r="IS31" s="61">
        <v>0</v>
      </c>
      <c r="IT31" s="62">
        <v>6</v>
      </c>
      <c r="IU31" s="63">
        <v>6</v>
      </c>
      <c r="IV31" s="60">
        <v>0</v>
      </c>
      <c r="IW31" s="61">
        <v>0</v>
      </c>
      <c r="IX31" s="62">
        <v>0</v>
      </c>
      <c r="IY31" s="228">
        <v>0</v>
      </c>
      <c r="IZ31" s="61">
        <v>1</v>
      </c>
      <c r="JA31" s="61">
        <v>1</v>
      </c>
      <c r="JB31" s="61">
        <v>1</v>
      </c>
      <c r="JC31" s="61">
        <v>2</v>
      </c>
      <c r="JD31" s="61">
        <v>0</v>
      </c>
      <c r="JE31" s="62">
        <v>5</v>
      </c>
      <c r="JF31" s="63">
        <v>5</v>
      </c>
      <c r="JG31" s="60">
        <v>0</v>
      </c>
      <c r="JH31" s="61">
        <v>0</v>
      </c>
      <c r="JI31" s="62">
        <v>0</v>
      </c>
      <c r="JJ31" s="228">
        <v>0</v>
      </c>
      <c r="JK31" s="61">
        <v>0</v>
      </c>
      <c r="JL31" s="61">
        <v>1</v>
      </c>
      <c r="JM31" s="61">
        <v>2</v>
      </c>
      <c r="JN31" s="61">
        <v>1</v>
      </c>
      <c r="JO31" s="61">
        <v>0</v>
      </c>
      <c r="JP31" s="62">
        <v>4</v>
      </c>
      <c r="JQ31" s="63">
        <v>4</v>
      </c>
      <c r="JR31" s="60">
        <v>0</v>
      </c>
      <c r="JS31" s="61">
        <v>0</v>
      </c>
      <c r="JT31" s="62">
        <v>0</v>
      </c>
      <c r="JU31" s="228">
        <v>0</v>
      </c>
      <c r="JV31" s="61">
        <v>0</v>
      </c>
      <c r="JW31" s="61">
        <v>0</v>
      </c>
      <c r="JX31" s="61">
        <v>0</v>
      </c>
      <c r="JY31" s="61">
        <v>0</v>
      </c>
      <c r="JZ31" s="61">
        <v>0</v>
      </c>
      <c r="KA31" s="62">
        <v>0</v>
      </c>
      <c r="KB31" s="63">
        <v>0</v>
      </c>
      <c r="KC31" s="60">
        <v>0</v>
      </c>
      <c r="KD31" s="61">
        <v>3</v>
      </c>
      <c r="KE31" s="62">
        <v>3</v>
      </c>
      <c r="KF31" s="228">
        <v>0</v>
      </c>
      <c r="KG31" s="61">
        <v>7</v>
      </c>
      <c r="KH31" s="61">
        <v>5</v>
      </c>
      <c r="KI31" s="61">
        <v>5</v>
      </c>
      <c r="KJ31" s="61">
        <v>4</v>
      </c>
      <c r="KK31" s="61">
        <v>1</v>
      </c>
      <c r="KL31" s="62">
        <v>22</v>
      </c>
      <c r="KM31" s="63">
        <v>25</v>
      </c>
    </row>
    <row r="32" spans="2:299" ht="21" customHeight="1" x14ac:dyDescent="0.2">
      <c r="B32" s="472" t="s">
        <v>29</v>
      </c>
      <c r="C32" s="293">
        <v>0</v>
      </c>
      <c r="D32" s="72">
        <v>5</v>
      </c>
      <c r="E32" s="73">
        <v>5</v>
      </c>
      <c r="F32" s="228">
        <v>0</v>
      </c>
      <c r="G32" s="72">
        <v>6</v>
      </c>
      <c r="H32" s="72">
        <v>4</v>
      </c>
      <c r="I32" s="72">
        <v>3</v>
      </c>
      <c r="J32" s="72">
        <v>5</v>
      </c>
      <c r="K32" s="72">
        <v>1</v>
      </c>
      <c r="L32" s="74">
        <v>19</v>
      </c>
      <c r="M32" s="75">
        <v>24</v>
      </c>
      <c r="N32" s="60">
        <v>0</v>
      </c>
      <c r="O32" s="61">
        <v>0</v>
      </c>
      <c r="P32" s="62">
        <v>0</v>
      </c>
      <c r="Q32" s="228">
        <v>0</v>
      </c>
      <c r="R32" s="61">
        <v>0</v>
      </c>
      <c r="S32" s="61">
        <v>0</v>
      </c>
      <c r="T32" s="61">
        <v>1</v>
      </c>
      <c r="U32" s="61">
        <v>0</v>
      </c>
      <c r="V32" s="61">
        <v>0</v>
      </c>
      <c r="W32" s="62">
        <v>1</v>
      </c>
      <c r="X32" s="63">
        <v>1</v>
      </c>
      <c r="Y32" s="60">
        <v>0</v>
      </c>
      <c r="Z32" s="61">
        <v>0</v>
      </c>
      <c r="AA32" s="62">
        <v>0</v>
      </c>
      <c r="AB32" s="228">
        <v>0</v>
      </c>
      <c r="AC32" s="61">
        <v>0</v>
      </c>
      <c r="AD32" s="61">
        <v>1</v>
      </c>
      <c r="AE32" s="61">
        <v>0</v>
      </c>
      <c r="AF32" s="61">
        <v>0</v>
      </c>
      <c r="AG32" s="61">
        <v>0</v>
      </c>
      <c r="AH32" s="62">
        <v>1</v>
      </c>
      <c r="AI32" s="63">
        <v>1</v>
      </c>
      <c r="AJ32" s="60">
        <v>0</v>
      </c>
      <c r="AK32" s="61">
        <v>1</v>
      </c>
      <c r="AL32" s="62">
        <v>1</v>
      </c>
      <c r="AM32" s="228">
        <v>0</v>
      </c>
      <c r="AN32" s="61">
        <v>1</v>
      </c>
      <c r="AO32" s="61">
        <v>0</v>
      </c>
      <c r="AP32" s="61">
        <v>0</v>
      </c>
      <c r="AQ32" s="61">
        <v>1</v>
      </c>
      <c r="AR32" s="61">
        <v>0</v>
      </c>
      <c r="AS32" s="62">
        <v>2</v>
      </c>
      <c r="AT32" s="63">
        <v>3</v>
      </c>
      <c r="AU32" s="60">
        <v>0</v>
      </c>
      <c r="AV32" s="61">
        <v>1</v>
      </c>
      <c r="AW32" s="62">
        <v>1</v>
      </c>
      <c r="AX32" s="228">
        <v>0</v>
      </c>
      <c r="AY32" s="61">
        <v>2</v>
      </c>
      <c r="AZ32" s="61">
        <v>0</v>
      </c>
      <c r="BA32" s="61">
        <v>1</v>
      </c>
      <c r="BB32" s="61">
        <v>2</v>
      </c>
      <c r="BC32" s="61">
        <v>0</v>
      </c>
      <c r="BD32" s="62">
        <v>5</v>
      </c>
      <c r="BE32" s="63">
        <v>6</v>
      </c>
      <c r="BF32" s="60">
        <v>0</v>
      </c>
      <c r="BG32" s="61">
        <v>2</v>
      </c>
      <c r="BH32" s="62">
        <v>2</v>
      </c>
      <c r="BI32" s="228">
        <v>0</v>
      </c>
      <c r="BJ32" s="61">
        <v>1</v>
      </c>
      <c r="BK32" s="61">
        <v>1</v>
      </c>
      <c r="BL32" s="61">
        <v>0</v>
      </c>
      <c r="BM32" s="61">
        <v>1</v>
      </c>
      <c r="BN32" s="61">
        <v>0</v>
      </c>
      <c r="BO32" s="62">
        <v>3</v>
      </c>
      <c r="BP32" s="63">
        <v>5</v>
      </c>
      <c r="BQ32" s="60">
        <v>0</v>
      </c>
      <c r="BR32" s="61">
        <v>1</v>
      </c>
      <c r="BS32" s="62">
        <v>1</v>
      </c>
      <c r="BT32" s="228">
        <v>0</v>
      </c>
      <c r="BU32" s="61">
        <v>2</v>
      </c>
      <c r="BV32" s="61">
        <v>2</v>
      </c>
      <c r="BW32" s="61">
        <v>1</v>
      </c>
      <c r="BX32" s="61">
        <v>1</v>
      </c>
      <c r="BY32" s="61">
        <v>1</v>
      </c>
      <c r="BZ32" s="62">
        <v>7</v>
      </c>
      <c r="CA32" s="63">
        <v>8</v>
      </c>
      <c r="CB32" s="60">
        <v>0</v>
      </c>
      <c r="CC32" s="61">
        <v>0</v>
      </c>
      <c r="CD32" s="62">
        <v>0</v>
      </c>
      <c r="CE32" s="228">
        <v>0</v>
      </c>
      <c r="CF32" s="61">
        <v>0</v>
      </c>
      <c r="CG32" s="61">
        <v>0</v>
      </c>
      <c r="CH32" s="61">
        <v>0</v>
      </c>
      <c r="CI32" s="61">
        <v>0</v>
      </c>
      <c r="CJ32" s="61">
        <v>0</v>
      </c>
      <c r="CK32" s="62">
        <v>0</v>
      </c>
      <c r="CL32" s="63">
        <v>0</v>
      </c>
      <c r="CM32" s="60">
        <v>0</v>
      </c>
      <c r="CN32" s="61">
        <v>5</v>
      </c>
      <c r="CO32" s="62">
        <v>5</v>
      </c>
      <c r="CP32" s="228">
        <v>0</v>
      </c>
      <c r="CQ32" s="61">
        <v>6</v>
      </c>
      <c r="CR32" s="61">
        <v>4</v>
      </c>
      <c r="CS32" s="61">
        <v>3</v>
      </c>
      <c r="CT32" s="61">
        <v>5</v>
      </c>
      <c r="CU32" s="61">
        <v>1</v>
      </c>
      <c r="CV32" s="62">
        <v>19</v>
      </c>
      <c r="CW32" s="63">
        <v>24</v>
      </c>
      <c r="CX32" s="113">
        <v>1</v>
      </c>
      <c r="CY32" s="72">
        <v>2</v>
      </c>
      <c r="CZ32" s="73">
        <v>3</v>
      </c>
      <c r="DA32" s="228">
        <v>0</v>
      </c>
      <c r="DB32" s="72">
        <v>6</v>
      </c>
      <c r="DC32" s="72">
        <v>2</v>
      </c>
      <c r="DD32" s="72">
        <v>0</v>
      </c>
      <c r="DE32" s="72">
        <v>2</v>
      </c>
      <c r="DF32" s="72">
        <v>0</v>
      </c>
      <c r="DG32" s="74">
        <v>10</v>
      </c>
      <c r="DH32" s="75">
        <v>13</v>
      </c>
      <c r="DI32" s="60">
        <v>0</v>
      </c>
      <c r="DJ32" s="61">
        <v>0</v>
      </c>
      <c r="DK32" s="62">
        <v>0</v>
      </c>
      <c r="DL32" s="228">
        <v>0</v>
      </c>
      <c r="DM32" s="61">
        <v>0</v>
      </c>
      <c r="DN32" s="61">
        <v>0</v>
      </c>
      <c r="DO32" s="61">
        <v>0</v>
      </c>
      <c r="DP32" s="61">
        <v>0</v>
      </c>
      <c r="DQ32" s="61">
        <v>0</v>
      </c>
      <c r="DR32" s="62">
        <v>0</v>
      </c>
      <c r="DS32" s="63">
        <v>0</v>
      </c>
      <c r="DT32" s="60">
        <v>0</v>
      </c>
      <c r="DU32" s="61">
        <v>1</v>
      </c>
      <c r="DV32" s="62">
        <v>1</v>
      </c>
      <c r="DW32" s="228">
        <v>0</v>
      </c>
      <c r="DX32" s="61">
        <v>0</v>
      </c>
      <c r="DY32" s="61">
        <v>1</v>
      </c>
      <c r="DZ32" s="61">
        <v>0</v>
      </c>
      <c r="EA32" s="61">
        <v>0</v>
      </c>
      <c r="EB32" s="61">
        <v>0</v>
      </c>
      <c r="EC32" s="62">
        <v>1</v>
      </c>
      <c r="ED32" s="63">
        <v>2</v>
      </c>
      <c r="EE32" s="60">
        <v>1</v>
      </c>
      <c r="EF32" s="61">
        <v>0</v>
      </c>
      <c r="EG32" s="62">
        <v>1</v>
      </c>
      <c r="EH32" s="228">
        <v>0</v>
      </c>
      <c r="EI32" s="61">
        <v>0</v>
      </c>
      <c r="EJ32" s="61">
        <v>0</v>
      </c>
      <c r="EK32" s="61">
        <v>0</v>
      </c>
      <c r="EL32" s="61">
        <v>0</v>
      </c>
      <c r="EM32" s="61">
        <v>0</v>
      </c>
      <c r="EN32" s="62">
        <v>0</v>
      </c>
      <c r="EO32" s="63">
        <v>1</v>
      </c>
      <c r="EP32" s="60">
        <v>0</v>
      </c>
      <c r="EQ32" s="61">
        <v>1</v>
      </c>
      <c r="ER32" s="62">
        <v>1</v>
      </c>
      <c r="ES32" s="228">
        <v>0</v>
      </c>
      <c r="ET32" s="61">
        <v>3</v>
      </c>
      <c r="EU32" s="61">
        <v>0</v>
      </c>
      <c r="EV32" s="61">
        <v>0</v>
      </c>
      <c r="EW32" s="61">
        <v>1</v>
      </c>
      <c r="EX32" s="61">
        <v>0</v>
      </c>
      <c r="EY32" s="62">
        <v>4</v>
      </c>
      <c r="EZ32" s="63">
        <v>5</v>
      </c>
      <c r="FA32" s="60">
        <v>0</v>
      </c>
      <c r="FB32" s="61">
        <v>0</v>
      </c>
      <c r="FC32" s="62">
        <v>0</v>
      </c>
      <c r="FD32" s="228">
        <v>0</v>
      </c>
      <c r="FE32" s="61">
        <v>1</v>
      </c>
      <c r="FF32" s="61">
        <v>0</v>
      </c>
      <c r="FG32" s="61">
        <v>0</v>
      </c>
      <c r="FH32" s="61">
        <v>0</v>
      </c>
      <c r="FI32" s="61">
        <v>0</v>
      </c>
      <c r="FJ32" s="62">
        <v>1</v>
      </c>
      <c r="FK32" s="63">
        <v>1</v>
      </c>
      <c r="FL32" s="60">
        <v>0</v>
      </c>
      <c r="FM32" s="61">
        <v>0</v>
      </c>
      <c r="FN32" s="62">
        <v>0</v>
      </c>
      <c r="FO32" s="228">
        <v>0</v>
      </c>
      <c r="FP32" s="61">
        <v>2</v>
      </c>
      <c r="FQ32" s="61">
        <v>1</v>
      </c>
      <c r="FR32" s="61">
        <v>0</v>
      </c>
      <c r="FS32" s="61">
        <v>1</v>
      </c>
      <c r="FT32" s="61">
        <v>0</v>
      </c>
      <c r="FU32" s="62">
        <v>4</v>
      </c>
      <c r="FV32" s="63">
        <v>4</v>
      </c>
      <c r="FW32" s="60">
        <v>0</v>
      </c>
      <c r="FX32" s="61">
        <v>0</v>
      </c>
      <c r="FY32" s="62">
        <v>0</v>
      </c>
      <c r="FZ32" s="228">
        <v>0</v>
      </c>
      <c r="GA32" s="61">
        <v>0</v>
      </c>
      <c r="GB32" s="61">
        <v>0</v>
      </c>
      <c r="GC32" s="61">
        <v>0</v>
      </c>
      <c r="GD32" s="61">
        <v>0</v>
      </c>
      <c r="GE32" s="61">
        <v>0</v>
      </c>
      <c r="GF32" s="62">
        <v>0</v>
      </c>
      <c r="GG32" s="63">
        <v>0</v>
      </c>
      <c r="GH32" s="60">
        <v>1</v>
      </c>
      <c r="GI32" s="61">
        <v>2</v>
      </c>
      <c r="GJ32" s="62">
        <v>3</v>
      </c>
      <c r="GK32" s="228">
        <v>0</v>
      </c>
      <c r="GL32" s="61">
        <v>6</v>
      </c>
      <c r="GM32" s="61">
        <v>2</v>
      </c>
      <c r="GN32" s="61">
        <v>0</v>
      </c>
      <c r="GO32" s="61">
        <v>2</v>
      </c>
      <c r="GP32" s="61">
        <v>0</v>
      </c>
      <c r="GQ32" s="62">
        <v>10</v>
      </c>
      <c r="GR32" s="63">
        <v>13</v>
      </c>
      <c r="GS32" s="113">
        <v>1</v>
      </c>
      <c r="GT32" s="72">
        <v>7</v>
      </c>
      <c r="GU32" s="73">
        <v>8</v>
      </c>
      <c r="GV32" s="228">
        <v>0</v>
      </c>
      <c r="GW32" s="72">
        <v>12</v>
      </c>
      <c r="GX32" s="72">
        <v>6</v>
      </c>
      <c r="GY32" s="72">
        <v>3</v>
      </c>
      <c r="GZ32" s="72">
        <v>7</v>
      </c>
      <c r="HA32" s="72">
        <v>1</v>
      </c>
      <c r="HB32" s="74">
        <v>29</v>
      </c>
      <c r="HC32" s="75">
        <v>37</v>
      </c>
      <c r="HD32" s="60">
        <v>0</v>
      </c>
      <c r="HE32" s="61">
        <v>0</v>
      </c>
      <c r="HF32" s="62">
        <v>0</v>
      </c>
      <c r="HG32" s="228">
        <v>0</v>
      </c>
      <c r="HH32" s="61">
        <v>0</v>
      </c>
      <c r="HI32" s="61">
        <v>0</v>
      </c>
      <c r="HJ32" s="61">
        <v>1</v>
      </c>
      <c r="HK32" s="61">
        <v>0</v>
      </c>
      <c r="HL32" s="61">
        <v>0</v>
      </c>
      <c r="HM32" s="62">
        <v>1</v>
      </c>
      <c r="HN32" s="63">
        <v>1</v>
      </c>
      <c r="HO32" s="60">
        <v>0</v>
      </c>
      <c r="HP32" s="61">
        <v>1</v>
      </c>
      <c r="HQ32" s="62">
        <v>1</v>
      </c>
      <c r="HR32" s="228">
        <v>0</v>
      </c>
      <c r="HS32" s="61">
        <v>0</v>
      </c>
      <c r="HT32" s="61">
        <v>2</v>
      </c>
      <c r="HU32" s="61">
        <v>0</v>
      </c>
      <c r="HV32" s="61">
        <v>0</v>
      </c>
      <c r="HW32" s="61">
        <v>0</v>
      </c>
      <c r="HX32" s="62">
        <v>2</v>
      </c>
      <c r="HY32" s="63">
        <v>3</v>
      </c>
      <c r="HZ32" s="60">
        <v>1</v>
      </c>
      <c r="IA32" s="61">
        <v>1</v>
      </c>
      <c r="IB32" s="62">
        <v>2</v>
      </c>
      <c r="IC32" s="228">
        <v>0</v>
      </c>
      <c r="ID32" s="61">
        <v>1</v>
      </c>
      <c r="IE32" s="61">
        <v>0</v>
      </c>
      <c r="IF32" s="61">
        <v>0</v>
      </c>
      <c r="IG32" s="61">
        <v>1</v>
      </c>
      <c r="IH32" s="61">
        <v>0</v>
      </c>
      <c r="II32" s="62">
        <v>2</v>
      </c>
      <c r="IJ32" s="63">
        <v>4</v>
      </c>
      <c r="IK32" s="60">
        <v>0</v>
      </c>
      <c r="IL32" s="61">
        <v>2</v>
      </c>
      <c r="IM32" s="62">
        <v>2</v>
      </c>
      <c r="IN32" s="228">
        <v>0</v>
      </c>
      <c r="IO32" s="61">
        <v>5</v>
      </c>
      <c r="IP32" s="61">
        <v>0</v>
      </c>
      <c r="IQ32" s="61">
        <v>1</v>
      </c>
      <c r="IR32" s="61">
        <v>3</v>
      </c>
      <c r="IS32" s="61">
        <v>0</v>
      </c>
      <c r="IT32" s="62">
        <v>9</v>
      </c>
      <c r="IU32" s="63">
        <v>11</v>
      </c>
      <c r="IV32" s="60">
        <v>0</v>
      </c>
      <c r="IW32" s="61">
        <v>2</v>
      </c>
      <c r="IX32" s="62">
        <v>2</v>
      </c>
      <c r="IY32" s="228">
        <v>0</v>
      </c>
      <c r="IZ32" s="61">
        <v>2</v>
      </c>
      <c r="JA32" s="61">
        <v>1</v>
      </c>
      <c r="JB32" s="61">
        <v>0</v>
      </c>
      <c r="JC32" s="61">
        <v>1</v>
      </c>
      <c r="JD32" s="61">
        <v>0</v>
      </c>
      <c r="JE32" s="62">
        <v>4</v>
      </c>
      <c r="JF32" s="63">
        <v>6</v>
      </c>
      <c r="JG32" s="60">
        <v>0</v>
      </c>
      <c r="JH32" s="61">
        <v>1</v>
      </c>
      <c r="JI32" s="62">
        <v>1</v>
      </c>
      <c r="JJ32" s="228">
        <v>0</v>
      </c>
      <c r="JK32" s="61">
        <v>4</v>
      </c>
      <c r="JL32" s="61">
        <v>3</v>
      </c>
      <c r="JM32" s="61">
        <v>1</v>
      </c>
      <c r="JN32" s="61">
        <v>2</v>
      </c>
      <c r="JO32" s="61">
        <v>1</v>
      </c>
      <c r="JP32" s="62">
        <v>11</v>
      </c>
      <c r="JQ32" s="63">
        <v>12</v>
      </c>
      <c r="JR32" s="60">
        <v>0</v>
      </c>
      <c r="JS32" s="61">
        <v>0</v>
      </c>
      <c r="JT32" s="62">
        <v>0</v>
      </c>
      <c r="JU32" s="228">
        <v>0</v>
      </c>
      <c r="JV32" s="61">
        <v>0</v>
      </c>
      <c r="JW32" s="61">
        <v>0</v>
      </c>
      <c r="JX32" s="61">
        <v>0</v>
      </c>
      <c r="JY32" s="61">
        <v>0</v>
      </c>
      <c r="JZ32" s="61">
        <v>0</v>
      </c>
      <c r="KA32" s="62">
        <v>0</v>
      </c>
      <c r="KB32" s="63">
        <v>0</v>
      </c>
      <c r="KC32" s="60">
        <v>1</v>
      </c>
      <c r="KD32" s="61">
        <v>7</v>
      </c>
      <c r="KE32" s="62">
        <v>8</v>
      </c>
      <c r="KF32" s="228">
        <v>0</v>
      </c>
      <c r="KG32" s="61">
        <v>12</v>
      </c>
      <c r="KH32" s="61">
        <v>6</v>
      </c>
      <c r="KI32" s="61">
        <v>3</v>
      </c>
      <c r="KJ32" s="61">
        <v>7</v>
      </c>
      <c r="KK32" s="61">
        <v>1</v>
      </c>
      <c r="KL32" s="62">
        <v>29</v>
      </c>
      <c r="KM32" s="63">
        <v>37</v>
      </c>
    </row>
    <row r="33" spans="2:299" ht="21" customHeight="1" x14ac:dyDescent="0.2">
      <c r="B33" s="472" t="s">
        <v>30</v>
      </c>
      <c r="C33" s="293">
        <v>1</v>
      </c>
      <c r="D33" s="72">
        <v>1</v>
      </c>
      <c r="E33" s="73">
        <v>2</v>
      </c>
      <c r="F33" s="228">
        <v>0</v>
      </c>
      <c r="G33" s="72">
        <v>7</v>
      </c>
      <c r="H33" s="72">
        <v>3</v>
      </c>
      <c r="I33" s="72">
        <v>4</v>
      </c>
      <c r="J33" s="72">
        <v>3</v>
      </c>
      <c r="K33" s="72">
        <v>1</v>
      </c>
      <c r="L33" s="74">
        <v>18</v>
      </c>
      <c r="M33" s="75">
        <v>20</v>
      </c>
      <c r="N33" s="60">
        <v>0</v>
      </c>
      <c r="O33" s="61">
        <v>0</v>
      </c>
      <c r="P33" s="62">
        <v>0</v>
      </c>
      <c r="Q33" s="228">
        <v>0</v>
      </c>
      <c r="R33" s="61">
        <v>0</v>
      </c>
      <c r="S33" s="61">
        <v>0</v>
      </c>
      <c r="T33" s="61">
        <v>0</v>
      </c>
      <c r="U33" s="61">
        <v>0</v>
      </c>
      <c r="V33" s="61">
        <v>0</v>
      </c>
      <c r="W33" s="62">
        <v>0</v>
      </c>
      <c r="X33" s="63">
        <v>0</v>
      </c>
      <c r="Y33" s="60">
        <v>0</v>
      </c>
      <c r="Z33" s="61">
        <v>0</v>
      </c>
      <c r="AA33" s="62">
        <v>0</v>
      </c>
      <c r="AB33" s="228">
        <v>0</v>
      </c>
      <c r="AC33" s="61">
        <v>0</v>
      </c>
      <c r="AD33" s="61">
        <v>0</v>
      </c>
      <c r="AE33" s="61">
        <v>1</v>
      </c>
      <c r="AF33" s="61">
        <v>0</v>
      </c>
      <c r="AG33" s="61">
        <v>0</v>
      </c>
      <c r="AH33" s="62">
        <v>1</v>
      </c>
      <c r="AI33" s="63">
        <v>1</v>
      </c>
      <c r="AJ33" s="60">
        <v>0</v>
      </c>
      <c r="AK33" s="61">
        <v>0</v>
      </c>
      <c r="AL33" s="62">
        <v>0</v>
      </c>
      <c r="AM33" s="228">
        <v>0</v>
      </c>
      <c r="AN33" s="61">
        <v>1</v>
      </c>
      <c r="AO33" s="61">
        <v>0</v>
      </c>
      <c r="AP33" s="61">
        <v>0</v>
      </c>
      <c r="AQ33" s="61">
        <v>0</v>
      </c>
      <c r="AR33" s="61">
        <v>0</v>
      </c>
      <c r="AS33" s="62">
        <v>1</v>
      </c>
      <c r="AT33" s="63">
        <v>1</v>
      </c>
      <c r="AU33" s="60">
        <v>0</v>
      </c>
      <c r="AV33" s="61">
        <v>0</v>
      </c>
      <c r="AW33" s="62">
        <v>0</v>
      </c>
      <c r="AX33" s="228">
        <v>0</v>
      </c>
      <c r="AY33" s="61">
        <v>2</v>
      </c>
      <c r="AZ33" s="61">
        <v>1</v>
      </c>
      <c r="BA33" s="61">
        <v>0</v>
      </c>
      <c r="BB33" s="61">
        <v>1</v>
      </c>
      <c r="BC33" s="61">
        <v>0</v>
      </c>
      <c r="BD33" s="62">
        <v>4</v>
      </c>
      <c r="BE33" s="63">
        <v>4</v>
      </c>
      <c r="BF33" s="60">
        <v>0</v>
      </c>
      <c r="BG33" s="61">
        <v>0</v>
      </c>
      <c r="BH33" s="62">
        <v>0</v>
      </c>
      <c r="BI33" s="228">
        <v>0</v>
      </c>
      <c r="BJ33" s="61">
        <v>1</v>
      </c>
      <c r="BK33" s="61">
        <v>0</v>
      </c>
      <c r="BL33" s="61">
        <v>3</v>
      </c>
      <c r="BM33" s="61">
        <v>1</v>
      </c>
      <c r="BN33" s="61">
        <v>1</v>
      </c>
      <c r="BO33" s="62">
        <v>6</v>
      </c>
      <c r="BP33" s="63">
        <v>6</v>
      </c>
      <c r="BQ33" s="60">
        <v>1</v>
      </c>
      <c r="BR33" s="61">
        <v>1</v>
      </c>
      <c r="BS33" s="62">
        <v>2</v>
      </c>
      <c r="BT33" s="228">
        <v>0</v>
      </c>
      <c r="BU33" s="61">
        <v>3</v>
      </c>
      <c r="BV33" s="61">
        <v>2</v>
      </c>
      <c r="BW33" s="61">
        <v>0</v>
      </c>
      <c r="BX33" s="61">
        <v>1</v>
      </c>
      <c r="BY33" s="61">
        <v>0</v>
      </c>
      <c r="BZ33" s="62">
        <v>6</v>
      </c>
      <c r="CA33" s="63">
        <v>8</v>
      </c>
      <c r="CB33" s="60">
        <v>0</v>
      </c>
      <c r="CC33" s="61">
        <v>0</v>
      </c>
      <c r="CD33" s="62">
        <v>0</v>
      </c>
      <c r="CE33" s="228">
        <v>0</v>
      </c>
      <c r="CF33" s="61">
        <v>0</v>
      </c>
      <c r="CG33" s="61">
        <v>0</v>
      </c>
      <c r="CH33" s="61">
        <v>0</v>
      </c>
      <c r="CI33" s="61">
        <v>0</v>
      </c>
      <c r="CJ33" s="61">
        <v>0</v>
      </c>
      <c r="CK33" s="62">
        <v>0</v>
      </c>
      <c r="CL33" s="63">
        <v>0</v>
      </c>
      <c r="CM33" s="60">
        <v>1</v>
      </c>
      <c r="CN33" s="61">
        <v>1</v>
      </c>
      <c r="CO33" s="62">
        <v>2</v>
      </c>
      <c r="CP33" s="228">
        <v>0</v>
      </c>
      <c r="CQ33" s="61">
        <v>7</v>
      </c>
      <c r="CR33" s="61">
        <v>3</v>
      </c>
      <c r="CS33" s="61">
        <v>4</v>
      </c>
      <c r="CT33" s="61">
        <v>3</v>
      </c>
      <c r="CU33" s="61">
        <v>1</v>
      </c>
      <c r="CV33" s="62">
        <v>18</v>
      </c>
      <c r="CW33" s="63">
        <v>20</v>
      </c>
      <c r="CX33" s="113">
        <v>1</v>
      </c>
      <c r="CY33" s="72">
        <v>2</v>
      </c>
      <c r="CZ33" s="73">
        <v>3</v>
      </c>
      <c r="DA33" s="228">
        <v>0</v>
      </c>
      <c r="DB33" s="72">
        <v>3</v>
      </c>
      <c r="DC33" s="72">
        <v>2</v>
      </c>
      <c r="DD33" s="72">
        <v>1</v>
      </c>
      <c r="DE33" s="72">
        <v>0</v>
      </c>
      <c r="DF33" s="72">
        <v>0</v>
      </c>
      <c r="DG33" s="74">
        <v>6</v>
      </c>
      <c r="DH33" s="75">
        <v>9</v>
      </c>
      <c r="DI33" s="60">
        <v>0</v>
      </c>
      <c r="DJ33" s="61">
        <v>0</v>
      </c>
      <c r="DK33" s="62">
        <v>0</v>
      </c>
      <c r="DL33" s="228">
        <v>0</v>
      </c>
      <c r="DM33" s="61">
        <v>0</v>
      </c>
      <c r="DN33" s="61">
        <v>0</v>
      </c>
      <c r="DO33" s="61">
        <v>0</v>
      </c>
      <c r="DP33" s="61">
        <v>0</v>
      </c>
      <c r="DQ33" s="61">
        <v>0</v>
      </c>
      <c r="DR33" s="62">
        <v>0</v>
      </c>
      <c r="DS33" s="63">
        <v>0</v>
      </c>
      <c r="DT33" s="60">
        <v>0</v>
      </c>
      <c r="DU33" s="61">
        <v>0</v>
      </c>
      <c r="DV33" s="62">
        <v>0</v>
      </c>
      <c r="DW33" s="228">
        <v>0</v>
      </c>
      <c r="DX33" s="61">
        <v>0</v>
      </c>
      <c r="DY33" s="61">
        <v>0</v>
      </c>
      <c r="DZ33" s="61">
        <v>1</v>
      </c>
      <c r="EA33" s="61">
        <v>0</v>
      </c>
      <c r="EB33" s="61">
        <v>0</v>
      </c>
      <c r="EC33" s="62">
        <v>1</v>
      </c>
      <c r="ED33" s="63">
        <v>1</v>
      </c>
      <c r="EE33" s="60">
        <v>0</v>
      </c>
      <c r="EF33" s="61">
        <v>0</v>
      </c>
      <c r="EG33" s="62">
        <v>0</v>
      </c>
      <c r="EH33" s="228">
        <v>0</v>
      </c>
      <c r="EI33" s="61">
        <v>0</v>
      </c>
      <c r="EJ33" s="61">
        <v>0</v>
      </c>
      <c r="EK33" s="61">
        <v>0</v>
      </c>
      <c r="EL33" s="61">
        <v>0</v>
      </c>
      <c r="EM33" s="61">
        <v>0</v>
      </c>
      <c r="EN33" s="62">
        <v>0</v>
      </c>
      <c r="EO33" s="63">
        <v>0</v>
      </c>
      <c r="EP33" s="60">
        <v>1</v>
      </c>
      <c r="EQ33" s="61">
        <v>1</v>
      </c>
      <c r="ER33" s="62">
        <v>2</v>
      </c>
      <c r="ES33" s="228">
        <v>0</v>
      </c>
      <c r="ET33" s="61">
        <v>0</v>
      </c>
      <c r="EU33" s="61">
        <v>0</v>
      </c>
      <c r="EV33" s="61">
        <v>0</v>
      </c>
      <c r="EW33" s="61">
        <v>0</v>
      </c>
      <c r="EX33" s="61">
        <v>0</v>
      </c>
      <c r="EY33" s="62">
        <v>0</v>
      </c>
      <c r="EZ33" s="63">
        <v>2</v>
      </c>
      <c r="FA33" s="60">
        <v>0</v>
      </c>
      <c r="FB33" s="61">
        <v>0</v>
      </c>
      <c r="FC33" s="62">
        <v>0</v>
      </c>
      <c r="FD33" s="228">
        <v>0</v>
      </c>
      <c r="FE33" s="61">
        <v>3</v>
      </c>
      <c r="FF33" s="61">
        <v>0</v>
      </c>
      <c r="FG33" s="61">
        <v>0</v>
      </c>
      <c r="FH33" s="61">
        <v>0</v>
      </c>
      <c r="FI33" s="61">
        <v>0</v>
      </c>
      <c r="FJ33" s="62">
        <v>3</v>
      </c>
      <c r="FK33" s="63">
        <v>3</v>
      </c>
      <c r="FL33" s="60">
        <v>0</v>
      </c>
      <c r="FM33" s="61">
        <v>1</v>
      </c>
      <c r="FN33" s="62">
        <v>1</v>
      </c>
      <c r="FO33" s="228">
        <v>0</v>
      </c>
      <c r="FP33" s="61">
        <v>0</v>
      </c>
      <c r="FQ33" s="61">
        <v>2</v>
      </c>
      <c r="FR33" s="61">
        <v>0</v>
      </c>
      <c r="FS33" s="61">
        <v>0</v>
      </c>
      <c r="FT33" s="61">
        <v>0</v>
      </c>
      <c r="FU33" s="62">
        <v>2</v>
      </c>
      <c r="FV33" s="63">
        <v>3</v>
      </c>
      <c r="FW33" s="60">
        <v>0</v>
      </c>
      <c r="FX33" s="61">
        <v>0</v>
      </c>
      <c r="FY33" s="62">
        <v>0</v>
      </c>
      <c r="FZ33" s="228">
        <v>0</v>
      </c>
      <c r="GA33" s="61">
        <v>0</v>
      </c>
      <c r="GB33" s="61">
        <v>0</v>
      </c>
      <c r="GC33" s="61">
        <v>0</v>
      </c>
      <c r="GD33" s="61">
        <v>0</v>
      </c>
      <c r="GE33" s="61">
        <v>0</v>
      </c>
      <c r="GF33" s="62">
        <v>0</v>
      </c>
      <c r="GG33" s="63">
        <v>0</v>
      </c>
      <c r="GH33" s="60">
        <v>1</v>
      </c>
      <c r="GI33" s="61">
        <v>2</v>
      </c>
      <c r="GJ33" s="62">
        <v>3</v>
      </c>
      <c r="GK33" s="228">
        <v>0</v>
      </c>
      <c r="GL33" s="61">
        <v>3</v>
      </c>
      <c r="GM33" s="61">
        <v>2</v>
      </c>
      <c r="GN33" s="61">
        <v>1</v>
      </c>
      <c r="GO33" s="61">
        <v>0</v>
      </c>
      <c r="GP33" s="61">
        <v>0</v>
      </c>
      <c r="GQ33" s="62">
        <v>6</v>
      </c>
      <c r="GR33" s="63">
        <v>9</v>
      </c>
      <c r="GS33" s="113">
        <v>2</v>
      </c>
      <c r="GT33" s="72">
        <v>3</v>
      </c>
      <c r="GU33" s="73">
        <v>5</v>
      </c>
      <c r="GV33" s="228">
        <v>0</v>
      </c>
      <c r="GW33" s="72">
        <v>10</v>
      </c>
      <c r="GX33" s="72">
        <v>5</v>
      </c>
      <c r="GY33" s="72">
        <v>5</v>
      </c>
      <c r="GZ33" s="72">
        <v>3</v>
      </c>
      <c r="HA33" s="72">
        <v>1</v>
      </c>
      <c r="HB33" s="74">
        <v>24</v>
      </c>
      <c r="HC33" s="75">
        <v>29</v>
      </c>
      <c r="HD33" s="60">
        <v>0</v>
      </c>
      <c r="HE33" s="61">
        <v>0</v>
      </c>
      <c r="HF33" s="62">
        <v>0</v>
      </c>
      <c r="HG33" s="228">
        <v>0</v>
      </c>
      <c r="HH33" s="61">
        <v>0</v>
      </c>
      <c r="HI33" s="61">
        <v>0</v>
      </c>
      <c r="HJ33" s="61">
        <v>0</v>
      </c>
      <c r="HK33" s="61">
        <v>0</v>
      </c>
      <c r="HL33" s="61">
        <v>0</v>
      </c>
      <c r="HM33" s="62">
        <v>0</v>
      </c>
      <c r="HN33" s="63">
        <v>0</v>
      </c>
      <c r="HO33" s="60">
        <v>0</v>
      </c>
      <c r="HP33" s="61">
        <v>0</v>
      </c>
      <c r="HQ33" s="62">
        <v>0</v>
      </c>
      <c r="HR33" s="228">
        <v>0</v>
      </c>
      <c r="HS33" s="61">
        <v>0</v>
      </c>
      <c r="HT33" s="61">
        <v>0</v>
      </c>
      <c r="HU33" s="61">
        <v>2</v>
      </c>
      <c r="HV33" s="61">
        <v>0</v>
      </c>
      <c r="HW33" s="61">
        <v>0</v>
      </c>
      <c r="HX33" s="62">
        <v>2</v>
      </c>
      <c r="HY33" s="63">
        <v>2</v>
      </c>
      <c r="HZ33" s="60">
        <v>0</v>
      </c>
      <c r="IA33" s="61">
        <v>0</v>
      </c>
      <c r="IB33" s="62">
        <v>0</v>
      </c>
      <c r="IC33" s="228">
        <v>0</v>
      </c>
      <c r="ID33" s="61">
        <v>1</v>
      </c>
      <c r="IE33" s="61">
        <v>0</v>
      </c>
      <c r="IF33" s="61">
        <v>0</v>
      </c>
      <c r="IG33" s="61">
        <v>0</v>
      </c>
      <c r="IH33" s="61">
        <v>0</v>
      </c>
      <c r="II33" s="62">
        <v>1</v>
      </c>
      <c r="IJ33" s="63">
        <v>1</v>
      </c>
      <c r="IK33" s="60">
        <v>1</v>
      </c>
      <c r="IL33" s="61">
        <v>1</v>
      </c>
      <c r="IM33" s="62">
        <v>2</v>
      </c>
      <c r="IN33" s="228">
        <v>0</v>
      </c>
      <c r="IO33" s="61">
        <v>2</v>
      </c>
      <c r="IP33" s="61">
        <v>1</v>
      </c>
      <c r="IQ33" s="61">
        <v>0</v>
      </c>
      <c r="IR33" s="61">
        <v>1</v>
      </c>
      <c r="IS33" s="61">
        <v>0</v>
      </c>
      <c r="IT33" s="62">
        <v>4</v>
      </c>
      <c r="IU33" s="63">
        <v>6</v>
      </c>
      <c r="IV33" s="60">
        <v>0</v>
      </c>
      <c r="IW33" s="61">
        <v>0</v>
      </c>
      <c r="IX33" s="62">
        <v>0</v>
      </c>
      <c r="IY33" s="228">
        <v>0</v>
      </c>
      <c r="IZ33" s="61">
        <v>4</v>
      </c>
      <c r="JA33" s="61">
        <v>0</v>
      </c>
      <c r="JB33" s="61">
        <v>3</v>
      </c>
      <c r="JC33" s="61">
        <v>1</v>
      </c>
      <c r="JD33" s="61">
        <v>1</v>
      </c>
      <c r="JE33" s="62">
        <v>9</v>
      </c>
      <c r="JF33" s="63">
        <v>9</v>
      </c>
      <c r="JG33" s="60">
        <v>1</v>
      </c>
      <c r="JH33" s="61">
        <v>2</v>
      </c>
      <c r="JI33" s="62">
        <v>3</v>
      </c>
      <c r="JJ33" s="228">
        <v>0</v>
      </c>
      <c r="JK33" s="61">
        <v>3</v>
      </c>
      <c r="JL33" s="61">
        <v>4</v>
      </c>
      <c r="JM33" s="61">
        <v>0</v>
      </c>
      <c r="JN33" s="61">
        <v>1</v>
      </c>
      <c r="JO33" s="61">
        <v>0</v>
      </c>
      <c r="JP33" s="62">
        <v>8</v>
      </c>
      <c r="JQ33" s="63">
        <v>11</v>
      </c>
      <c r="JR33" s="60">
        <v>0</v>
      </c>
      <c r="JS33" s="61">
        <v>0</v>
      </c>
      <c r="JT33" s="62">
        <v>0</v>
      </c>
      <c r="JU33" s="228">
        <v>0</v>
      </c>
      <c r="JV33" s="61">
        <v>0</v>
      </c>
      <c r="JW33" s="61">
        <v>0</v>
      </c>
      <c r="JX33" s="61">
        <v>0</v>
      </c>
      <c r="JY33" s="61">
        <v>0</v>
      </c>
      <c r="JZ33" s="61">
        <v>0</v>
      </c>
      <c r="KA33" s="62">
        <v>0</v>
      </c>
      <c r="KB33" s="63">
        <v>0</v>
      </c>
      <c r="KC33" s="60">
        <v>2</v>
      </c>
      <c r="KD33" s="61">
        <v>3</v>
      </c>
      <c r="KE33" s="62">
        <v>5</v>
      </c>
      <c r="KF33" s="228">
        <v>0</v>
      </c>
      <c r="KG33" s="61">
        <v>10</v>
      </c>
      <c r="KH33" s="61">
        <v>5</v>
      </c>
      <c r="KI33" s="61">
        <v>5</v>
      </c>
      <c r="KJ33" s="61">
        <v>3</v>
      </c>
      <c r="KK33" s="61">
        <v>1</v>
      </c>
      <c r="KL33" s="62">
        <v>24</v>
      </c>
      <c r="KM33" s="63">
        <v>29</v>
      </c>
    </row>
    <row r="34" spans="2:299" ht="21" customHeight="1" x14ac:dyDescent="0.2">
      <c r="B34" s="472" t="s">
        <v>31</v>
      </c>
      <c r="C34" s="293">
        <v>4</v>
      </c>
      <c r="D34" s="72">
        <v>4</v>
      </c>
      <c r="E34" s="73">
        <v>8</v>
      </c>
      <c r="F34" s="228">
        <v>0</v>
      </c>
      <c r="G34" s="72">
        <v>8</v>
      </c>
      <c r="H34" s="72">
        <v>8</v>
      </c>
      <c r="I34" s="72">
        <v>6</v>
      </c>
      <c r="J34" s="72">
        <v>2</v>
      </c>
      <c r="K34" s="72">
        <v>3</v>
      </c>
      <c r="L34" s="74">
        <v>27</v>
      </c>
      <c r="M34" s="75">
        <v>35</v>
      </c>
      <c r="N34" s="60">
        <v>0</v>
      </c>
      <c r="O34" s="61">
        <v>0</v>
      </c>
      <c r="P34" s="62">
        <v>0</v>
      </c>
      <c r="Q34" s="228">
        <v>0</v>
      </c>
      <c r="R34" s="61">
        <v>0</v>
      </c>
      <c r="S34" s="61">
        <v>1</v>
      </c>
      <c r="T34" s="61">
        <v>0</v>
      </c>
      <c r="U34" s="61">
        <v>0</v>
      </c>
      <c r="V34" s="61">
        <v>0</v>
      </c>
      <c r="W34" s="62">
        <v>1</v>
      </c>
      <c r="X34" s="63">
        <v>1</v>
      </c>
      <c r="Y34" s="60">
        <v>1</v>
      </c>
      <c r="Z34" s="61">
        <v>1</v>
      </c>
      <c r="AA34" s="62">
        <v>2</v>
      </c>
      <c r="AB34" s="228">
        <v>0</v>
      </c>
      <c r="AC34" s="61">
        <v>2</v>
      </c>
      <c r="AD34" s="61">
        <v>0</v>
      </c>
      <c r="AE34" s="61">
        <v>2</v>
      </c>
      <c r="AF34" s="61">
        <v>1</v>
      </c>
      <c r="AG34" s="61">
        <v>2</v>
      </c>
      <c r="AH34" s="62">
        <v>7</v>
      </c>
      <c r="AI34" s="63">
        <v>9</v>
      </c>
      <c r="AJ34" s="60">
        <v>0</v>
      </c>
      <c r="AK34" s="61">
        <v>0</v>
      </c>
      <c r="AL34" s="62">
        <v>0</v>
      </c>
      <c r="AM34" s="228">
        <v>0</v>
      </c>
      <c r="AN34" s="61">
        <v>1</v>
      </c>
      <c r="AO34" s="61">
        <v>1</v>
      </c>
      <c r="AP34" s="61">
        <v>2</v>
      </c>
      <c r="AQ34" s="61">
        <v>1</v>
      </c>
      <c r="AR34" s="61">
        <v>0</v>
      </c>
      <c r="AS34" s="62">
        <v>5</v>
      </c>
      <c r="AT34" s="63">
        <v>5</v>
      </c>
      <c r="AU34" s="60">
        <v>1</v>
      </c>
      <c r="AV34" s="61">
        <v>1</v>
      </c>
      <c r="AW34" s="62">
        <v>2</v>
      </c>
      <c r="AX34" s="228">
        <v>0</v>
      </c>
      <c r="AY34" s="61">
        <v>0</v>
      </c>
      <c r="AZ34" s="61">
        <v>0</v>
      </c>
      <c r="BA34" s="61">
        <v>0</v>
      </c>
      <c r="BB34" s="61">
        <v>0</v>
      </c>
      <c r="BC34" s="61">
        <v>0</v>
      </c>
      <c r="BD34" s="62">
        <v>0</v>
      </c>
      <c r="BE34" s="63">
        <v>2</v>
      </c>
      <c r="BF34" s="60">
        <v>1</v>
      </c>
      <c r="BG34" s="61">
        <v>1</v>
      </c>
      <c r="BH34" s="62">
        <v>2</v>
      </c>
      <c r="BI34" s="228">
        <v>0</v>
      </c>
      <c r="BJ34" s="61">
        <v>2</v>
      </c>
      <c r="BK34" s="61">
        <v>2</v>
      </c>
      <c r="BL34" s="61">
        <v>0</v>
      </c>
      <c r="BM34" s="61">
        <v>0</v>
      </c>
      <c r="BN34" s="61">
        <v>0</v>
      </c>
      <c r="BO34" s="62">
        <v>4</v>
      </c>
      <c r="BP34" s="63">
        <v>6</v>
      </c>
      <c r="BQ34" s="60">
        <v>1</v>
      </c>
      <c r="BR34" s="61">
        <v>1</v>
      </c>
      <c r="BS34" s="62">
        <v>2</v>
      </c>
      <c r="BT34" s="228">
        <v>0</v>
      </c>
      <c r="BU34" s="61">
        <v>3</v>
      </c>
      <c r="BV34" s="61">
        <v>4</v>
      </c>
      <c r="BW34" s="61">
        <v>2</v>
      </c>
      <c r="BX34" s="61">
        <v>0</v>
      </c>
      <c r="BY34" s="61">
        <v>1</v>
      </c>
      <c r="BZ34" s="62">
        <v>10</v>
      </c>
      <c r="CA34" s="63">
        <v>12</v>
      </c>
      <c r="CB34" s="60">
        <v>0</v>
      </c>
      <c r="CC34" s="61">
        <v>0</v>
      </c>
      <c r="CD34" s="62">
        <v>0</v>
      </c>
      <c r="CE34" s="228">
        <v>0</v>
      </c>
      <c r="CF34" s="61">
        <v>0</v>
      </c>
      <c r="CG34" s="61">
        <v>0</v>
      </c>
      <c r="CH34" s="61">
        <v>0</v>
      </c>
      <c r="CI34" s="61">
        <v>0</v>
      </c>
      <c r="CJ34" s="61">
        <v>0</v>
      </c>
      <c r="CK34" s="62">
        <v>0</v>
      </c>
      <c r="CL34" s="63">
        <v>0</v>
      </c>
      <c r="CM34" s="60">
        <v>4</v>
      </c>
      <c r="CN34" s="61">
        <v>4</v>
      </c>
      <c r="CO34" s="62">
        <v>8</v>
      </c>
      <c r="CP34" s="228">
        <v>0</v>
      </c>
      <c r="CQ34" s="61">
        <v>8</v>
      </c>
      <c r="CR34" s="61">
        <v>8</v>
      </c>
      <c r="CS34" s="61">
        <v>6</v>
      </c>
      <c r="CT34" s="61">
        <v>2</v>
      </c>
      <c r="CU34" s="61">
        <v>3</v>
      </c>
      <c r="CV34" s="62">
        <v>27</v>
      </c>
      <c r="CW34" s="63">
        <v>35</v>
      </c>
      <c r="CX34" s="113">
        <v>1</v>
      </c>
      <c r="CY34" s="72">
        <v>2</v>
      </c>
      <c r="CZ34" s="73">
        <v>3</v>
      </c>
      <c r="DA34" s="228">
        <v>0</v>
      </c>
      <c r="DB34" s="72">
        <v>2</v>
      </c>
      <c r="DC34" s="72">
        <v>1</v>
      </c>
      <c r="DD34" s="72">
        <v>1</v>
      </c>
      <c r="DE34" s="72">
        <v>2</v>
      </c>
      <c r="DF34" s="72">
        <v>0</v>
      </c>
      <c r="DG34" s="74">
        <v>6</v>
      </c>
      <c r="DH34" s="75">
        <v>9</v>
      </c>
      <c r="DI34" s="60">
        <v>0</v>
      </c>
      <c r="DJ34" s="61">
        <v>0</v>
      </c>
      <c r="DK34" s="62">
        <v>0</v>
      </c>
      <c r="DL34" s="228">
        <v>0</v>
      </c>
      <c r="DM34" s="61">
        <v>0</v>
      </c>
      <c r="DN34" s="61">
        <v>0</v>
      </c>
      <c r="DO34" s="61">
        <v>0</v>
      </c>
      <c r="DP34" s="61">
        <v>0</v>
      </c>
      <c r="DQ34" s="61">
        <v>0</v>
      </c>
      <c r="DR34" s="62">
        <v>0</v>
      </c>
      <c r="DS34" s="63">
        <v>0</v>
      </c>
      <c r="DT34" s="60">
        <v>0</v>
      </c>
      <c r="DU34" s="61">
        <v>0</v>
      </c>
      <c r="DV34" s="62">
        <v>0</v>
      </c>
      <c r="DW34" s="228">
        <v>0</v>
      </c>
      <c r="DX34" s="61">
        <v>0</v>
      </c>
      <c r="DY34" s="61">
        <v>0</v>
      </c>
      <c r="DZ34" s="61">
        <v>0</v>
      </c>
      <c r="EA34" s="61">
        <v>0</v>
      </c>
      <c r="EB34" s="61">
        <v>0</v>
      </c>
      <c r="EC34" s="62">
        <v>0</v>
      </c>
      <c r="ED34" s="63">
        <v>0</v>
      </c>
      <c r="EE34" s="60">
        <v>0</v>
      </c>
      <c r="EF34" s="61">
        <v>0</v>
      </c>
      <c r="EG34" s="62">
        <v>0</v>
      </c>
      <c r="EH34" s="228">
        <v>0</v>
      </c>
      <c r="EI34" s="61">
        <v>0</v>
      </c>
      <c r="EJ34" s="61">
        <v>0</v>
      </c>
      <c r="EK34" s="61">
        <v>0</v>
      </c>
      <c r="EL34" s="61">
        <v>2</v>
      </c>
      <c r="EM34" s="61">
        <v>0</v>
      </c>
      <c r="EN34" s="62">
        <v>2</v>
      </c>
      <c r="EO34" s="63">
        <v>2</v>
      </c>
      <c r="EP34" s="60">
        <v>0</v>
      </c>
      <c r="EQ34" s="61">
        <v>1</v>
      </c>
      <c r="ER34" s="62">
        <v>1</v>
      </c>
      <c r="ES34" s="228">
        <v>0</v>
      </c>
      <c r="ET34" s="61">
        <v>1</v>
      </c>
      <c r="EU34" s="61">
        <v>0</v>
      </c>
      <c r="EV34" s="61">
        <v>0</v>
      </c>
      <c r="EW34" s="61">
        <v>0</v>
      </c>
      <c r="EX34" s="61">
        <v>0</v>
      </c>
      <c r="EY34" s="62">
        <v>1</v>
      </c>
      <c r="EZ34" s="63">
        <v>2</v>
      </c>
      <c r="FA34" s="60">
        <v>1</v>
      </c>
      <c r="FB34" s="61">
        <v>1</v>
      </c>
      <c r="FC34" s="62">
        <v>2</v>
      </c>
      <c r="FD34" s="228">
        <v>0</v>
      </c>
      <c r="FE34" s="61">
        <v>0</v>
      </c>
      <c r="FF34" s="61">
        <v>0</v>
      </c>
      <c r="FG34" s="61">
        <v>0</v>
      </c>
      <c r="FH34" s="61">
        <v>0</v>
      </c>
      <c r="FI34" s="61">
        <v>0</v>
      </c>
      <c r="FJ34" s="62">
        <v>0</v>
      </c>
      <c r="FK34" s="63">
        <v>2</v>
      </c>
      <c r="FL34" s="60">
        <v>0</v>
      </c>
      <c r="FM34" s="61">
        <v>0</v>
      </c>
      <c r="FN34" s="62">
        <v>0</v>
      </c>
      <c r="FO34" s="228">
        <v>0</v>
      </c>
      <c r="FP34" s="61">
        <v>1</v>
      </c>
      <c r="FQ34" s="61">
        <v>1</v>
      </c>
      <c r="FR34" s="61">
        <v>1</v>
      </c>
      <c r="FS34" s="61">
        <v>0</v>
      </c>
      <c r="FT34" s="61">
        <v>0</v>
      </c>
      <c r="FU34" s="62">
        <v>3</v>
      </c>
      <c r="FV34" s="63">
        <v>3</v>
      </c>
      <c r="FW34" s="60">
        <v>0</v>
      </c>
      <c r="FX34" s="61">
        <v>0</v>
      </c>
      <c r="FY34" s="62">
        <v>0</v>
      </c>
      <c r="FZ34" s="228">
        <v>0</v>
      </c>
      <c r="GA34" s="61">
        <v>0</v>
      </c>
      <c r="GB34" s="61">
        <v>0</v>
      </c>
      <c r="GC34" s="61">
        <v>0</v>
      </c>
      <c r="GD34" s="61">
        <v>0</v>
      </c>
      <c r="GE34" s="61">
        <v>0</v>
      </c>
      <c r="GF34" s="62">
        <v>0</v>
      </c>
      <c r="GG34" s="63">
        <v>0</v>
      </c>
      <c r="GH34" s="60">
        <v>1</v>
      </c>
      <c r="GI34" s="61">
        <v>2</v>
      </c>
      <c r="GJ34" s="62">
        <v>3</v>
      </c>
      <c r="GK34" s="228">
        <v>0</v>
      </c>
      <c r="GL34" s="61">
        <v>2</v>
      </c>
      <c r="GM34" s="61">
        <v>1</v>
      </c>
      <c r="GN34" s="61">
        <v>1</v>
      </c>
      <c r="GO34" s="61">
        <v>2</v>
      </c>
      <c r="GP34" s="61">
        <v>0</v>
      </c>
      <c r="GQ34" s="62">
        <v>6</v>
      </c>
      <c r="GR34" s="63">
        <v>9</v>
      </c>
      <c r="GS34" s="113">
        <v>5</v>
      </c>
      <c r="GT34" s="72">
        <v>6</v>
      </c>
      <c r="GU34" s="73">
        <v>11</v>
      </c>
      <c r="GV34" s="228">
        <v>0</v>
      </c>
      <c r="GW34" s="72">
        <v>10</v>
      </c>
      <c r="GX34" s="72">
        <v>9</v>
      </c>
      <c r="GY34" s="72">
        <v>7</v>
      </c>
      <c r="GZ34" s="72">
        <v>4</v>
      </c>
      <c r="HA34" s="72">
        <v>3</v>
      </c>
      <c r="HB34" s="74">
        <v>33</v>
      </c>
      <c r="HC34" s="75">
        <v>44</v>
      </c>
      <c r="HD34" s="60">
        <v>0</v>
      </c>
      <c r="HE34" s="61">
        <v>0</v>
      </c>
      <c r="HF34" s="62">
        <v>0</v>
      </c>
      <c r="HG34" s="228">
        <v>0</v>
      </c>
      <c r="HH34" s="61">
        <v>0</v>
      </c>
      <c r="HI34" s="61">
        <v>1</v>
      </c>
      <c r="HJ34" s="61">
        <v>0</v>
      </c>
      <c r="HK34" s="61">
        <v>0</v>
      </c>
      <c r="HL34" s="61">
        <v>0</v>
      </c>
      <c r="HM34" s="62">
        <v>1</v>
      </c>
      <c r="HN34" s="63">
        <v>1</v>
      </c>
      <c r="HO34" s="60">
        <v>1</v>
      </c>
      <c r="HP34" s="61">
        <v>1</v>
      </c>
      <c r="HQ34" s="62">
        <v>2</v>
      </c>
      <c r="HR34" s="228">
        <v>0</v>
      </c>
      <c r="HS34" s="61">
        <v>2</v>
      </c>
      <c r="HT34" s="61">
        <v>0</v>
      </c>
      <c r="HU34" s="61">
        <v>2</v>
      </c>
      <c r="HV34" s="61">
        <v>1</v>
      </c>
      <c r="HW34" s="61">
        <v>2</v>
      </c>
      <c r="HX34" s="62">
        <v>7</v>
      </c>
      <c r="HY34" s="63">
        <v>9</v>
      </c>
      <c r="HZ34" s="60">
        <v>0</v>
      </c>
      <c r="IA34" s="61">
        <v>0</v>
      </c>
      <c r="IB34" s="62">
        <v>0</v>
      </c>
      <c r="IC34" s="228">
        <v>0</v>
      </c>
      <c r="ID34" s="61">
        <v>1</v>
      </c>
      <c r="IE34" s="61">
        <v>1</v>
      </c>
      <c r="IF34" s="61">
        <v>2</v>
      </c>
      <c r="IG34" s="61">
        <v>3</v>
      </c>
      <c r="IH34" s="61">
        <v>0</v>
      </c>
      <c r="II34" s="62">
        <v>7</v>
      </c>
      <c r="IJ34" s="63">
        <v>7</v>
      </c>
      <c r="IK34" s="60">
        <v>1</v>
      </c>
      <c r="IL34" s="61">
        <v>2</v>
      </c>
      <c r="IM34" s="62">
        <v>3</v>
      </c>
      <c r="IN34" s="228">
        <v>0</v>
      </c>
      <c r="IO34" s="61">
        <v>1</v>
      </c>
      <c r="IP34" s="61">
        <v>0</v>
      </c>
      <c r="IQ34" s="61">
        <v>0</v>
      </c>
      <c r="IR34" s="61">
        <v>0</v>
      </c>
      <c r="IS34" s="61">
        <v>0</v>
      </c>
      <c r="IT34" s="62">
        <v>1</v>
      </c>
      <c r="IU34" s="63">
        <v>4</v>
      </c>
      <c r="IV34" s="60">
        <v>2</v>
      </c>
      <c r="IW34" s="61">
        <v>2</v>
      </c>
      <c r="IX34" s="62">
        <v>4</v>
      </c>
      <c r="IY34" s="228">
        <v>0</v>
      </c>
      <c r="IZ34" s="61">
        <v>2</v>
      </c>
      <c r="JA34" s="61">
        <v>2</v>
      </c>
      <c r="JB34" s="61">
        <v>0</v>
      </c>
      <c r="JC34" s="61">
        <v>0</v>
      </c>
      <c r="JD34" s="61">
        <v>0</v>
      </c>
      <c r="JE34" s="62">
        <v>4</v>
      </c>
      <c r="JF34" s="63">
        <v>8</v>
      </c>
      <c r="JG34" s="60">
        <v>1</v>
      </c>
      <c r="JH34" s="61">
        <v>1</v>
      </c>
      <c r="JI34" s="62">
        <v>2</v>
      </c>
      <c r="JJ34" s="228">
        <v>0</v>
      </c>
      <c r="JK34" s="61">
        <v>4</v>
      </c>
      <c r="JL34" s="61">
        <v>5</v>
      </c>
      <c r="JM34" s="61">
        <v>3</v>
      </c>
      <c r="JN34" s="61">
        <v>0</v>
      </c>
      <c r="JO34" s="61">
        <v>1</v>
      </c>
      <c r="JP34" s="62">
        <v>13</v>
      </c>
      <c r="JQ34" s="63">
        <v>15</v>
      </c>
      <c r="JR34" s="60">
        <v>0</v>
      </c>
      <c r="JS34" s="61">
        <v>0</v>
      </c>
      <c r="JT34" s="62">
        <v>0</v>
      </c>
      <c r="JU34" s="228">
        <v>0</v>
      </c>
      <c r="JV34" s="61">
        <v>0</v>
      </c>
      <c r="JW34" s="61">
        <v>0</v>
      </c>
      <c r="JX34" s="61">
        <v>0</v>
      </c>
      <c r="JY34" s="61">
        <v>0</v>
      </c>
      <c r="JZ34" s="61">
        <v>0</v>
      </c>
      <c r="KA34" s="62">
        <v>0</v>
      </c>
      <c r="KB34" s="63">
        <v>0</v>
      </c>
      <c r="KC34" s="60">
        <v>5</v>
      </c>
      <c r="KD34" s="61">
        <v>6</v>
      </c>
      <c r="KE34" s="62">
        <v>11</v>
      </c>
      <c r="KF34" s="228">
        <v>0</v>
      </c>
      <c r="KG34" s="61">
        <v>10</v>
      </c>
      <c r="KH34" s="61">
        <v>9</v>
      </c>
      <c r="KI34" s="61">
        <v>7</v>
      </c>
      <c r="KJ34" s="61">
        <v>4</v>
      </c>
      <c r="KK34" s="61">
        <v>3</v>
      </c>
      <c r="KL34" s="62">
        <v>33</v>
      </c>
      <c r="KM34" s="63">
        <v>44</v>
      </c>
    </row>
    <row r="35" spans="2:299" ht="21" customHeight="1" x14ac:dyDescent="0.2">
      <c r="B35" s="472" t="s">
        <v>32</v>
      </c>
      <c r="C35" s="293">
        <v>3</v>
      </c>
      <c r="D35" s="72">
        <v>2</v>
      </c>
      <c r="E35" s="73">
        <v>5</v>
      </c>
      <c r="F35" s="228">
        <v>0</v>
      </c>
      <c r="G35" s="72">
        <v>12</v>
      </c>
      <c r="H35" s="72">
        <v>4</v>
      </c>
      <c r="I35" s="72">
        <v>5</v>
      </c>
      <c r="J35" s="72">
        <v>4</v>
      </c>
      <c r="K35" s="72">
        <v>6</v>
      </c>
      <c r="L35" s="74">
        <v>31</v>
      </c>
      <c r="M35" s="75">
        <v>36</v>
      </c>
      <c r="N35" s="60">
        <v>0</v>
      </c>
      <c r="O35" s="61">
        <v>0</v>
      </c>
      <c r="P35" s="62">
        <v>0</v>
      </c>
      <c r="Q35" s="228">
        <v>0</v>
      </c>
      <c r="R35" s="61">
        <v>0</v>
      </c>
      <c r="S35" s="61">
        <v>0</v>
      </c>
      <c r="T35" s="61">
        <v>0</v>
      </c>
      <c r="U35" s="61">
        <v>0</v>
      </c>
      <c r="V35" s="61">
        <v>0</v>
      </c>
      <c r="W35" s="62">
        <v>0</v>
      </c>
      <c r="X35" s="63">
        <v>0</v>
      </c>
      <c r="Y35" s="60">
        <v>2</v>
      </c>
      <c r="Z35" s="61">
        <v>0</v>
      </c>
      <c r="AA35" s="62">
        <v>2</v>
      </c>
      <c r="AB35" s="228">
        <v>0</v>
      </c>
      <c r="AC35" s="61">
        <v>1</v>
      </c>
      <c r="AD35" s="61">
        <v>1</v>
      </c>
      <c r="AE35" s="61">
        <v>0</v>
      </c>
      <c r="AF35" s="61">
        <v>1</v>
      </c>
      <c r="AG35" s="61">
        <v>2</v>
      </c>
      <c r="AH35" s="62">
        <v>5</v>
      </c>
      <c r="AI35" s="63">
        <v>7</v>
      </c>
      <c r="AJ35" s="60">
        <v>1</v>
      </c>
      <c r="AK35" s="61">
        <v>0</v>
      </c>
      <c r="AL35" s="62">
        <v>1</v>
      </c>
      <c r="AM35" s="228">
        <v>0</v>
      </c>
      <c r="AN35" s="61">
        <v>1</v>
      </c>
      <c r="AO35" s="61">
        <v>1</v>
      </c>
      <c r="AP35" s="61">
        <v>0</v>
      </c>
      <c r="AQ35" s="61">
        <v>0</v>
      </c>
      <c r="AR35" s="61">
        <v>2</v>
      </c>
      <c r="AS35" s="62">
        <v>4</v>
      </c>
      <c r="AT35" s="63">
        <v>5</v>
      </c>
      <c r="AU35" s="60">
        <v>0</v>
      </c>
      <c r="AV35" s="61">
        <v>1</v>
      </c>
      <c r="AW35" s="62">
        <v>1</v>
      </c>
      <c r="AX35" s="228">
        <v>0</v>
      </c>
      <c r="AY35" s="61">
        <v>6</v>
      </c>
      <c r="AZ35" s="61">
        <v>0</v>
      </c>
      <c r="BA35" s="61">
        <v>0</v>
      </c>
      <c r="BB35" s="61">
        <v>0</v>
      </c>
      <c r="BC35" s="61">
        <v>0</v>
      </c>
      <c r="BD35" s="62">
        <v>6</v>
      </c>
      <c r="BE35" s="63">
        <v>7</v>
      </c>
      <c r="BF35" s="60">
        <v>0</v>
      </c>
      <c r="BG35" s="61">
        <v>0</v>
      </c>
      <c r="BH35" s="62">
        <v>0</v>
      </c>
      <c r="BI35" s="228">
        <v>0</v>
      </c>
      <c r="BJ35" s="61">
        <v>3</v>
      </c>
      <c r="BK35" s="61">
        <v>1</v>
      </c>
      <c r="BL35" s="61">
        <v>3</v>
      </c>
      <c r="BM35" s="61">
        <v>1</v>
      </c>
      <c r="BN35" s="61">
        <v>2</v>
      </c>
      <c r="BO35" s="62">
        <v>10</v>
      </c>
      <c r="BP35" s="63">
        <v>10</v>
      </c>
      <c r="BQ35" s="60">
        <v>0</v>
      </c>
      <c r="BR35" s="61">
        <v>1</v>
      </c>
      <c r="BS35" s="62">
        <v>1</v>
      </c>
      <c r="BT35" s="228">
        <v>0</v>
      </c>
      <c r="BU35" s="61">
        <v>1</v>
      </c>
      <c r="BV35" s="61">
        <v>1</v>
      </c>
      <c r="BW35" s="61">
        <v>2</v>
      </c>
      <c r="BX35" s="61">
        <v>2</v>
      </c>
      <c r="BY35" s="61">
        <v>0</v>
      </c>
      <c r="BZ35" s="62">
        <v>6</v>
      </c>
      <c r="CA35" s="63">
        <v>7</v>
      </c>
      <c r="CB35" s="60">
        <v>0</v>
      </c>
      <c r="CC35" s="61">
        <v>0</v>
      </c>
      <c r="CD35" s="62">
        <v>0</v>
      </c>
      <c r="CE35" s="228">
        <v>0</v>
      </c>
      <c r="CF35" s="61">
        <v>0</v>
      </c>
      <c r="CG35" s="61">
        <v>0</v>
      </c>
      <c r="CH35" s="61">
        <v>0</v>
      </c>
      <c r="CI35" s="61">
        <v>0</v>
      </c>
      <c r="CJ35" s="61">
        <v>0</v>
      </c>
      <c r="CK35" s="62">
        <v>0</v>
      </c>
      <c r="CL35" s="63">
        <v>0</v>
      </c>
      <c r="CM35" s="60">
        <v>3</v>
      </c>
      <c r="CN35" s="61">
        <v>2</v>
      </c>
      <c r="CO35" s="62">
        <v>5</v>
      </c>
      <c r="CP35" s="228">
        <v>0</v>
      </c>
      <c r="CQ35" s="61">
        <v>12</v>
      </c>
      <c r="CR35" s="61">
        <v>4</v>
      </c>
      <c r="CS35" s="61">
        <v>5</v>
      </c>
      <c r="CT35" s="61">
        <v>4</v>
      </c>
      <c r="CU35" s="61">
        <v>6</v>
      </c>
      <c r="CV35" s="62">
        <v>31</v>
      </c>
      <c r="CW35" s="63">
        <v>36</v>
      </c>
      <c r="CX35" s="113">
        <v>1</v>
      </c>
      <c r="CY35" s="72">
        <v>1</v>
      </c>
      <c r="CZ35" s="73">
        <v>2</v>
      </c>
      <c r="DA35" s="228">
        <v>0</v>
      </c>
      <c r="DB35" s="72">
        <v>4</v>
      </c>
      <c r="DC35" s="72">
        <v>3</v>
      </c>
      <c r="DD35" s="72">
        <v>1</v>
      </c>
      <c r="DE35" s="72">
        <v>1</v>
      </c>
      <c r="DF35" s="72">
        <v>0</v>
      </c>
      <c r="DG35" s="74">
        <v>9</v>
      </c>
      <c r="DH35" s="75">
        <v>11</v>
      </c>
      <c r="DI35" s="60">
        <v>0</v>
      </c>
      <c r="DJ35" s="61">
        <v>0</v>
      </c>
      <c r="DK35" s="62">
        <v>0</v>
      </c>
      <c r="DL35" s="228">
        <v>0</v>
      </c>
      <c r="DM35" s="61">
        <v>1</v>
      </c>
      <c r="DN35" s="61">
        <v>0</v>
      </c>
      <c r="DO35" s="61">
        <v>0</v>
      </c>
      <c r="DP35" s="61">
        <v>0</v>
      </c>
      <c r="DQ35" s="61">
        <v>0</v>
      </c>
      <c r="DR35" s="62">
        <v>1</v>
      </c>
      <c r="DS35" s="63">
        <v>1</v>
      </c>
      <c r="DT35" s="60">
        <v>0</v>
      </c>
      <c r="DU35" s="61">
        <v>0</v>
      </c>
      <c r="DV35" s="62">
        <v>0</v>
      </c>
      <c r="DW35" s="228">
        <v>0</v>
      </c>
      <c r="DX35" s="61">
        <v>1</v>
      </c>
      <c r="DY35" s="61">
        <v>0</v>
      </c>
      <c r="DZ35" s="61">
        <v>0</v>
      </c>
      <c r="EA35" s="61">
        <v>0</v>
      </c>
      <c r="EB35" s="61">
        <v>0</v>
      </c>
      <c r="EC35" s="62">
        <v>1</v>
      </c>
      <c r="ED35" s="63">
        <v>1</v>
      </c>
      <c r="EE35" s="60">
        <v>0</v>
      </c>
      <c r="EF35" s="61">
        <v>0</v>
      </c>
      <c r="EG35" s="62">
        <v>0</v>
      </c>
      <c r="EH35" s="228">
        <v>0</v>
      </c>
      <c r="EI35" s="61">
        <v>0</v>
      </c>
      <c r="EJ35" s="61">
        <v>0</v>
      </c>
      <c r="EK35" s="61">
        <v>0</v>
      </c>
      <c r="EL35" s="61">
        <v>0</v>
      </c>
      <c r="EM35" s="61">
        <v>0</v>
      </c>
      <c r="EN35" s="62">
        <v>0</v>
      </c>
      <c r="EO35" s="63">
        <v>0</v>
      </c>
      <c r="EP35" s="60">
        <v>0</v>
      </c>
      <c r="EQ35" s="61">
        <v>1</v>
      </c>
      <c r="ER35" s="62">
        <v>1</v>
      </c>
      <c r="ES35" s="228">
        <v>0</v>
      </c>
      <c r="ET35" s="61">
        <v>0</v>
      </c>
      <c r="EU35" s="61">
        <v>0</v>
      </c>
      <c r="EV35" s="61">
        <v>0</v>
      </c>
      <c r="EW35" s="61">
        <v>0</v>
      </c>
      <c r="EX35" s="61">
        <v>0</v>
      </c>
      <c r="EY35" s="62">
        <v>0</v>
      </c>
      <c r="EZ35" s="63">
        <v>1</v>
      </c>
      <c r="FA35" s="60">
        <v>1</v>
      </c>
      <c r="FB35" s="61">
        <v>0</v>
      </c>
      <c r="FC35" s="62">
        <v>1</v>
      </c>
      <c r="FD35" s="228">
        <v>0</v>
      </c>
      <c r="FE35" s="61">
        <v>0</v>
      </c>
      <c r="FF35" s="61">
        <v>2</v>
      </c>
      <c r="FG35" s="61">
        <v>0</v>
      </c>
      <c r="FH35" s="61">
        <v>0</v>
      </c>
      <c r="FI35" s="61">
        <v>0</v>
      </c>
      <c r="FJ35" s="62">
        <v>2</v>
      </c>
      <c r="FK35" s="63">
        <v>3</v>
      </c>
      <c r="FL35" s="60">
        <v>0</v>
      </c>
      <c r="FM35" s="61">
        <v>0</v>
      </c>
      <c r="FN35" s="62">
        <v>0</v>
      </c>
      <c r="FO35" s="228">
        <v>0</v>
      </c>
      <c r="FP35" s="61">
        <v>2</v>
      </c>
      <c r="FQ35" s="61">
        <v>1</v>
      </c>
      <c r="FR35" s="61">
        <v>1</v>
      </c>
      <c r="FS35" s="61">
        <v>1</v>
      </c>
      <c r="FT35" s="61">
        <v>0</v>
      </c>
      <c r="FU35" s="62">
        <v>5</v>
      </c>
      <c r="FV35" s="63">
        <v>5</v>
      </c>
      <c r="FW35" s="60">
        <v>0</v>
      </c>
      <c r="FX35" s="61">
        <v>0</v>
      </c>
      <c r="FY35" s="62">
        <v>0</v>
      </c>
      <c r="FZ35" s="228">
        <v>0</v>
      </c>
      <c r="GA35" s="61">
        <v>0</v>
      </c>
      <c r="GB35" s="61">
        <v>0</v>
      </c>
      <c r="GC35" s="61">
        <v>0</v>
      </c>
      <c r="GD35" s="61">
        <v>0</v>
      </c>
      <c r="GE35" s="61">
        <v>0</v>
      </c>
      <c r="GF35" s="62">
        <v>0</v>
      </c>
      <c r="GG35" s="63">
        <v>0</v>
      </c>
      <c r="GH35" s="60">
        <v>1</v>
      </c>
      <c r="GI35" s="61">
        <v>1</v>
      </c>
      <c r="GJ35" s="62">
        <v>2</v>
      </c>
      <c r="GK35" s="228">
        <v>0</v>
      </c>
      <c r="GL35" s="61">
        <v>4</v>
      </c>
      <c r="GM35" s="61">
        <v>3</v>
      </c>
      <c r="GN35" s="61">
        <v>1</v>
      </c>
      <c r="GO35" s="61">
        <v>1</v>
      </c>
      <c r="GP35" s="61">
        <v>0</v>
      </c>
      <c r="GQ35" s="62">
        <v>9</v>
      </c>
      <c r="GR35" s="63">
        <v>11</v>
      </c>
      <c r="GS35" s="113">
        <v>4</v>
      </c>
      <c r="GT35" s="72">
        <v>3</v>
      </c>
      <c r="GU35" s="73">
        <v>7</v>
      </c>
      <c r="GV35" s="228">
        <v>0</v>
      </c>
      <c r="GW35" s="72">
        <v>16</v>
      </c>
      <c r="GX35" s="72">
        <v>7</v>
      </c>
      <c r="GY35" s="72">
        <v>6</v>
      </c>
      <c r="GZ35" s="72">
        <v>5</v>
      </c>
      <c r="HA35" s="72">
        <v>6</v>
      </c>
      <c r="HB35" s="74">
        <v>40</v>
      </c>
      <c r="HC35" s="75">
        <v>47</v>
      </c>
      <c r="HD35" s="60">
        <v>0</v>
      </c>
      <c r="HE35" s="61">
        <v>0</v>
      </c>
      <c r="HF35" s="62">
        <v>0</v>
      </c>
      <c r="HG35" s="228">
        <v>0</v>
      </c>
      <c r="HH35" s="61">
        <v>1</v>
      </c>
      <c r="HI35" s="61">
        <v>0</v>
      </c>
      <c r="HJ35" s="61">
        <v>0</v>
      </c>
      <c r="HK35" s="61">
        <v>0</v>
      </c>
      <c r="HL35" s="61">
        <v>0</v>
      </c>
      <c r="HM35" s="62">
        <v>1</v>
      </c>
      <c r="HN35" s="63">
        <v>1</v>
      </c>
      <c r="HO35" s="60">
        <v>2</v>
      </c>
      <c r="HP35" s="61">
        <v>0</v>
      </c>
      <c r="HQ35" s="62">
        <v>2</v>
      </c>
      <c r="HR35" s="228">
        <v>0</v>
      </c>
      <c r="HS35" s="61">
        <v>2</v>
      </c>
      <c r="HT35" s="61">
        <v>1</v>
      </c>
      <c r="HU35" s="61">
        <v>0</v>
      </c>
      <c r="HV35" s="61">
        <v>1</v>
      </c>
      <c r="HW35" s="61">
        <v>2</v>
      </c>
      <c r="HX35" s="62">
        <v>6</v>
      </c>
      <c r="HY35" s="63">
        <v>8</v>
      </c>
      <c r="HZ35" s="60">
        <v>1</v>
      </c>
      <c r="IA35" s="61">
        <v>0</v>
      </c>
      <c r="IB35" s="62">
        <v>1</v>
      </c>
      <c r="IC35" s="228">
        <v>0</v>
      </c>
      <c r="ID35" s="61">
        <v>1</v>
      </c>
      <c r="IE35" s="61">
        <v>1</v>
      </c>
      <c r="IF35" s="61">
        <v>0</v>
      </c>
      <c r="IG35" s="61">
        <v>0</v>
      </c>
      <c r="IH35" s="61">
        <v>2</v>
      </c>
      <c r="II35" s="62">
        <v>4</v>
      </c>
      <c r="IJ35" s="63">
        <v>5</v>
      </c>
      <c r="IK35" s="60">
        <v>0</v>
      </c>
      <c r="IL35" s="61">
        <v>2</v>
      </c>
      <c r="IM35" s="62">
        <v>2</v>
      </c>
      <c r="IN35" s="228">
        <v>0</v>
      </c>
      <c r="IO35" s="61">
        <v>6</v>
      </c>
      <c r="IP35" s="61">
        <v>0</v>
      </c>
      <c r="IQ35" s="61">
        <v>0</v>
      </c>
      <c r="IR35" s="61">
        <v>0</v>
      </c>
      <c r="IS35" s="61">
        <v>0</v>
      </c>
      <c r="IT35" s="62">
        <v>6</v>
      </c>
      <c r="IU35" s="63">
        <v>8</v>
      </c>
      <c r="IV35" s="60">
        <v>1</v>
      </c>
      <c r="IW35" s="61">
        <v>0</v>
      </c>
      <c r="IX35" s="62">
        <v>1</v>
      </c>
      <c r="IY35" s="228">
        <v>0</v>
      </c>
      <c r="IZ35" s="61">
        <v>3</v>
      </c>
      <c r="JA35" s="61">
        <v>3</v>
      </c>
      <c r="JB35" s="61">
        <v>3</v>
      </c>
      <c r="JC35" s="61">
        <v>1</v>
      </c>
      <c r="JD35" s="61">
        <v>2</v>
      </c>
      <c r="JE35" s="62">
        <v>12</v>
      </c>
      <c r="JF35" s="63">
        <v>13</v>
      </c>
      <c r="JG35" s="60">
        <v>0</v>
      </c>
      <c r="JH35" s="61">
        <v>1</v>
      </c>
      <c r="JI35" s="62">
        <v>1</v>
      </c>
      <c r="JJ35" s="228">
        <v>0</v>
      </c>
      <c r="JK35" s="61">
        <v>3</v>
      </c>
      <c r="JL35" s="61">
        <v>2</v>
      </c>
      <c r="JM35" s="61">
        <v>3</v>
      </c>
      <c r="JN35" s="61">
        <v>3</v>
      </c>
      <c r="JO35" s="61">
        <v>0</v>
      </c>
      <c r="JP35" s="62">
        <v>11</v>
      </c>
      <c r="JQ35" s="63">
        <v>12</v>
      </c>
      <c r="JR35" s="60">
        <v>0</v>
      </c>
      <c r="JS35" s="61">
        <v>0</v>
      </c>
      <c r="JT35" s="62">
        <v>0</v>
      </c>
      <c r="JU35" s="228">
        <v>0</v>
      </c>
      <c r="JV35" s="61">
        <v>0</v>
      </c>
      <c r="JW35" s="61">
        <v>0</v>
      </c>
      <c r="JX35" s="61">
        <v>0</v>
      </c>
      <c r="JY35" s="61">
        <v>0</v>
      </c>
      <c r="JZ35" s="61">
        <v>0</v>
      </c>
      <c r="KA35" s="62">
        <v>0</v>
      </c>
      <c r="KB35" s="63">
        <v>0</v>
      </c>
      <c r="KC35" s="60">
        <v>4</v>
      </c>
      <c r="KD35" s="61">
        <v>3</v>
      </c>
      <c r="KE35" s="62">
        <v>7</v>
      </c>
      <c r="KF35" s="228">
        <v>0</v>
      </c>
      <c r="KG35" s="61">
        <v>16</v>
      </c>
      <c r="KH35" s="61">
        <v>7</v>
      </c>
      <c r="KI35" s="61">
        <v>6</v>
      </c>
      <c r="KJ35" s="61">
        <v>5</v>
      </c>
      <c r="KK35" s="61">
        <v>6</v>
      </c>
      <c r="KL35" s="62">
        <v>40</v>
      </c>
      <c r="KM35" s="63">
        <v>47</v>
      </c>
    </row>
    <row r="36" spans="2:299" ht="21" customHeight="1" x14ac:dyDescent="0.2">
      <c r="B36" s="472" t="s">
        <v>33</v>
      </c>
      <c r="C36" s="293">
        <v>1</v>
      </c>
      <c r="D36" s="72">
        <v>2</v>
      </c>
      <c r="E36" s="73">
        <v>3</v>
      </c>
      <c r="F36" s="228">
        <v>0</v>
      </c>
      <c r="G36" s="72">
        <v>7</v>
      </c>
      <c r="H36" s="72">
        <v>2</v>
      </c>
      <c r="I36" s="72">
        <v>4</v>
      </c>
      <c r="J36" s="72">
        <v>2</v>
      </c>
      <c r="K36" s="72">
        <v>4</v>
      </c>
      <c r="L36" s="74">
        <v>19</v>
      </c>
      <c r="M36" s="75">
        <v>22</v>
      </c>
      <c r="N36" s="60">
        <v>0</v>
      </c>
      <c r="O36" s="61">
        <v>0</v>
      </c>
      <c r="P36" s="62">
        <v>0</v>
      </c>
      <c r="Q36" s="228">
        <v>0</v>
      </c>
      <c r="R36" s="61">
        <v>1</v>
      </c>
      <c r="S36" s="61">
        <v>0</v>
      </c>
      <c r="T36" s="61">
        <v>0</v>
      </c>
      <c r="U36" s="61">
        <v>1</v>
      </c>
      <c r="V36" s="61">
        <v>0</v>
      </c>
      <c r="W36" s="62">
        <v>2</v>
      </c>
      <c r="X36" s="63">
        <v>2</v>
      </c>
      <c r="Y36" s="60">
        <v>0</v>
      </c>
      <c r="Z36" s="61">
        <v>0</v>
      </c>
      <c r="AA36" s="62">
        <v>0</v>
      </c>
      <c r="AB36" s="228">
        <v>0</v>
      </c>
      <c r="AC36" s="61">
        <v>1</v>
      </c>
      <c r="AD36" s="61">
        <v>0</v>
      </c>
      <c r="AE36" s="61">
        <v>1</v>
      </c>
      <c r="AF36" s="61">
        <v>0</v>
      </c>
      <c r="AG36" s="61">
        <v>1</v>
      </c>
      <c r="AH36" s="62">
        <v>3</v>
      </c>
      <c r="AI36" s="63">
        <v>3</v>
      </c>
      <c r="AJ36" s="60">
        <v>1</v>
      </c>
      <c r="AK36" s="61">
        <v>0</v>
      </c>
      <c r="AL36" s="62">
        <v>1</v>
      </c>
      <c r="AM36" s="228">
        <v>0</v>
      </c>
      <c r="AN36" s="61">
        <v>1</v>
      </c>
      <c r="AO36" s="61">
        <v>0</v>
      </c>
      <c r="AP36" s="61">
        <v>1</v>
      </c>
      <c r="AQ36" s="61">
        <v>0</v>
      </c>
      <c r="AR36" s="61">
        <v>2</v>
      </c>
      <c r="AS36" s="62">
        <v>4</v>
      </c>
      <c r="AT36" s="63">
        <v>5</v>
      </c>
      <c r="AU36" s="60">
        <v>0</v>
      </c>
      <c r="AV36" s="61">
        <v>1</v>
      </c>
      <c r="AW36" s="62">
        <v>1</v>
      </c>
      <c r="AX36" s="228">
        <v>0</v>
      </c>
      <c r="AY36" s="61">
        <v>0</v>
      </c>
      <c r="AZ36" s="61">
        <v>1</v>
      </c>
      <c r="BA36" s="61">
        <v>0</v>
      </c>
      <c r="BB36" s="61">
        <v>0</v>
      </c>
      <c r="BC36" s="61">
        <v>0</v>
      </c>
      <c r="BD36" s="62">
        <v>1</v>
      </c>
      <c r="BE36" s="63">
        <v>2</v>
      </c>
      <c r="BF36" s="60">
        <v>0</v>
      </c>
      <c r="BG36" s="61">
        <v>1</v>
      </c>
      <c r="BH36" s="62">
        <v>1</v>
      </c>
      <c r="BI36" s="228">
        <v>0</v>
      </c>
      <c r="BJ36" s="61">
        <v>1</v>
      </c>
      <c r="BK36" s="61">
        <v>1</v>
      </c>
      <c r="BL36" s="61">
        <v>2</v>
      </c>
      <c r="BM36" s="61">
        <v>0</v>
      </c>
      <c r="BN36" s="61">
        <v>1</v>
      </c>
      <c r="BO36" s="62">
        <v>5</v>
      </c>
      <c r="BP36" s="63">
        <v>6</v>
      </c>
      <c r="BQ36" s="60">
        <v>0</v>
      </c>
      <c r="BR36" s="61">
        <v>0</v>
      </c>
      <c r="BS36" s="62">
        <v>0</v>
      </c>
      <c r="BT36" s="228">
        <v>0</v>
      </c>
      <c r="BU36" s="61">
        <v>3</v>
      </c>
      <c r="BV36" s="61">
        <v>0</v>
      </c>
      <c r="BW36" s="61">
        <v>0</v>
      </c>
      <c r="BX36" s="61">
        <v>1</v>
      </c>
      <c r="BY36" s="61">
        <v>0</v>
      </c>
      <c r="BZ36" s="62">
        <v>4</v>
      </c>
      <c r="CA36" s="63">
        <v>4</v>
      </c>
      <c r="CB36" s="60">
        <v>0</v>
      </c>
      <c r="CC36" s="61">
        <v>0</v>
      </c>
      <c r="CD36" s="62">
        <v>0</v>
      </c>
      <c r="CE36" s="228">
        <v>0</v>
      </c>
      <c r="CF36" s="61">
        <v>0</v>
      </c>
      <c r="CG36" s="61">
        <v>0</v>
      </c>
      <c r="CH36" s="61">
        <v>0</v>
      </c>
      <c r="CI36" s="61">
        <v>0</v>
      </c>
      <c r="CJ36" s="61">
        <v>0</v>
      </c>
      <c r="CK36" s="62">
        <v>0</v>
      </c>
      <c r="CL36" s="63">
        <v>0</v>
      </c>
      <c r="CM36" s="60">
        <v>1</v>
      </c>
      <c r="CN36" s="61">
        <v>2</v>
      </c>
      <c r="CO36" s="62">
        <v>3</v>
      </c>
      <c r="CP36" s="228">
        <v>0</v>
      </c>
      <c r="CQ36" s="61">
        <v>7</v>
      </c>
      <c r="CR36" s="61">
        <v>2</v>
      </c>
      <c r="CS36" s="61">
        <v>4</v>
      </c>
      <c r="CT36" s="61">
        <v>2</v>
      </c>
      <c r="CU36" s="61">
        <v>4</v>
      </c>
      <c r="CV36" s="62">
        <v>19</v>
      </c>
      <c r="CW36" s="63">
        <v>22</v>
      </c>
      <c r="CX36" s="113">
        <v>1</v>
      </c>
      <c r="CY36" s="72">
        <v>3</v>
      </c>
      <c r="CZ36" s="73">
        <v>4</v>
      </c>
      <c r="DA36" s="228">
        <v>0</v>
      </c>
      <c r="DB36" s="72">
        <v>3</v>
      </c>
      <c r="DC36" s="72">
        <v>0</v>
      </c>
      <c r="DD36" s="72">
        <v>4</v>
      </c>
      <c r="DE36" s="72">
        <v>3</v>
      </c>
      <c r="DF36" s="72">
        <v>2</v>
      </c>
      <c r="DG36" s="74">
        <v>12</v>
      </c>
      <c r="DH36" s="75">
        <v>16</v>
      </c>
      <c r="DI36" s="60">
        <v>0</v>
      </c>
      <c r="DJ36" s="61">
        <v>0</v>
      </c>
      <c r="DK36" s="62">
        <v>0</v>
      </c>
      <c r="DL36" s="228">
        <v>0</v>
      </c>
      <c r="DM36" s="61">
        <v>0</v>
      </c>
      <c r="DN36" s="61">
        <v>0</v>
      </c>
      <c r="DO36" s="61">
        <v>0</v>
      </c>
      <c r="DP36" s="61">
        <v>0</v>
      </c>
      <c r="DQ36" s="61">
        <v>0</v>
      </c>
      <c r="DR36" s="62">
        <v>0</v>
      </c>
      <c r="DS36" s="63">
        <v>0</v>
      </c>
      <c r="DT36" s="60">
        <v>0</v>
      </c>
      <c r="DU36" s="61">
        <v>0</v>
      </c>
      <c r="DV36" s="62">
        <v>0</v>
      </c>
      <c r="DW36" s="228">
        <v>0</v>
      </c>
      <c r="DX36" s="61">
        <v>0</v>
      </c>
      <c r="DY36" s="61">
        <v>0</v>
      </c>
      <c r="DZ36" s="61">
        <v>0</v>
      </c>
      <c r="EA36" s="61">
        <v>0</v>
      </c>
      <c r="EB36" s="61">
        <v>0</v>
      </c>
      <c r="EC36" s="62">
        <v>0</v>
      </c>
      <c r="ED36" s="63">
        <v>0</v>
      </c>
      <c r="EE36" s="60">
        <v>0</v>
      </c>
      <c r="EF36" s="61">
        <v>1</v>
      </c>
      <c r="EG36" s="62">
        <v>1</v>
      </c>
      <c r="EH36" s="228">
        <v>0</v>
      </c>
      <c r="EI36" s="61">
        <v>0</v>
      </c>
      <c r="EJ36" s="61">
        <v>0</v>
      </c>
      <c r="EK36" s="61">
        <v>0</v>
      </c>
      <c r="EL36" s="61">
        <v>0</v>
      </c>
      <c r="EM36" s="61">
        <v>0</v>
      </c>
      <c r="EN36" s="62">
        <v>0</v>
      </c>
      <c r="EO36" s="63">
        <v>1</v>
      </c>
      <c r="EP36" s="60">
        <v>1</v>
      </c>
      <c r="EQ36" s="61">
        <v>0</v>
      </c>
      <c r="ER36" s="62">
        <v>1</v>
      </c>
      <c r="ES36" s="228">
        <v>0</v>
      </c>
      <c r="ET36" s="61">
        <v>0</v>
      </c>
      <c r="EU36" s="61">
        <v>0</v>
      </c>
      <c r="EV36" s="61">
        <v>0</v>
      </c>
      <c r="EW36" s="61">
        <v>0</v>
      </c>
      <c r="EX36" s="61">
        <v>0</v>
      </c>
      <c r="EY36" s="62">
        <v>0</v>
      </c>
      <c r="EZ36" s="63">
        <v>1</v>
      </c>
      <c r="FA36" s="60">
        <v>0</v>
      </c>
      <c r="FB36" s="61">
        <v>0</v>
      </c>
      <c r="FC36" s="62">
        <v>0</v>
      </c>
      <c r="FD36" s="228">
        <v>0</v>
      </c>
      <c r="FE36" s="61">
        <v>2</v>
      </c>
      <c r="FF36" s="61">
        <v>0</v>
      </c>
      <c r="FG36" s="61">
        <v>1</v>
      </c>
      <c r="FH36" s="61">
        <v>1</v>
      </c>
      <c r="FI36" s="61">
        <v>0</v>
      </c>
      <c r="FJ36" s="62">
        <v>4</v>
      </c>
      <c r="FK36" s="63">
        <v>4</v>
      </c>
      <c r="FL36" s="60">
        <v>0</v>
      </c>
      <c r="FM36" s="61">
        <v>2</v>
      </c>
      <c r="FN36" s="62">
        <v>2</v>
      </c>
      <c r="FO36" s="228">
        <v>0</v>
      </c>
      <c r="FP36" s="61">
        <v>1</v>
      </c>
      <c r="FQ36" s="61">
        <v>0</v>
      </c>
      <c r="FR36" s="61">
        <v>3</v>
      </c>
      <c r="FS36" s="61">
        <v>2</v>
      </c>
      <c r="FT36" s="61">
        <v>2</v>
      </c>
      <c r="FU36" s="62">
        <v>8</v>
      </c>
      <c r="FV36" s="63">
        <v>10</v>
      </c>
      <c r="FW36" s="60">
        <v>0</v>
      </c>
      <c r="FX36" s="61">
        <v>0</v>
      </c>
      <c r="FY36" s="62">
        <v>0</v>
      </c>
      <c r="FZ36" s="228">
        <v>0</v>
      </c>
      <c r="GA36" s="61">
        <v>0</v>
      </c>
      <c r="GB36" s="61">
        <v>0</v>
      </c>
      <c r="GC36" s="61">
        <v>0</v>
      </c>
      <c r="GD36" s="61">
        <v>0</v>
      </c>
      <c r="GE36" s="61">
        <v>0</v>
      </c>
      <c r="GF36" s="62">
        <v>0</v>
      </c>
      <c r="GG36" s="63">
        <v>0</v>
      </c>
      <c r="GH36" s="60">
        <v>1</v>
      </c>
      <c r="GI36" s="61">
        <v>3</v>
      </c>
      <c r="GJ36" s="62">
        <v>4</v>
      </c>
      <c r="GK36" s="228">
        <v>0</v>
      </c>
      <c r="GL36" s="61">
        <v>3</v>
      </c>
      <c r="GM36" s="61">
        <v>0</v>
      </c>
      <c r="GN36" s="61">
        <v>4</v>
      </c>
      <c r="GO36" s="61">
        <v>3</v>
      </c>
      <c r="GP36" s="61">
        <v>2</v>
      </c>
      <c r="GQ36" s="62">
        <v>12</v>
      </c>
      <c r="GR36" s="63">
        <v>16</v>
      </c>
      <c r="GS36" s="113">
        <v>2</v>
      </c>
      <c r="GT36" s="72">
        <v>5</v>
      </c>
      <c r="GU36" s="73">
        <v>7</v>
      </c>
      <c r="GV36" s="228">
        <v>0</v>
      </c>
      <c r="GW36" s="72">
        <v>10</v>
      </c>
      <c r="GX36" s="72">
        <v>2</v>
      </c>
      <c r="GY36" s="72">
        <v>8</v>
      </c>
      <c r="GZ36" s="72">
        <v>5</v>
      </c>
      <c r="HA36" s="72">
        <v>6</v>
      </c>
      <c r="HB36" s="74">
        <v>31</v>
      </c>
      <c r="HC36" s="75">
        <v>38</v>
      </c>
      <c r="HD36" s="60">
        <v>0</v>
      </c>
      <c r="HE36" s="61">
        <v>0</v>
      </c>
      <c r="HF36" s="62">
        <v>0</v>
      </c>
      <c r="HG36" s="228">
        <v>0</v>
      </c>
      <c r="HH36" s="61">
        <v>1</v>
      </c>
      <c r="HI36" s="61">
        <v>0</v>
      </c>
      <c r="HJ36" s="61">
        <v>0</v>
      </c>
      <c r="HK36" s="61">
        <v>1</v>
      </c>
      <c r="HL36" s="61">
        <v>0</v>
      </c>
      <c r="HM36" s="62">
        <v>2</v>
      </c>
      <c r="HN36" s="63">
        <v>2</v>
      </c>
      <c r="HO36" s="60">
        <v>0</v>
      </c>
      <c r="HP36" s="61">
        <v>0</v>
      </c>
      <c r="HQ36" s="62">
        <v>0</v>
      </c>
      <c r="HR36" s="228">
        <v>0</v>
      </c>
      <c r="HS36" s="61">
        <v>1</v>
      </c>
      <c r="HT36" s="61">
        <v>0</v>
      </c>
      <c r="HU36" s="61">
        <v>1</v>
      </c>
      <c r="HV36" s="61">
        <v>0</v>
      </c>
      <c r="HW36" s="61">
        <v>1</v>
      </c>
      <c r="HX36" s="62">
        <v>3</v>
      </c>
      <c r="HY36" s="63">
        <v>3</v>
      </c>
      <c r="HZ36" s="60">
        <v>1</v>
      </c>
      <c r="IA36" s="61">
        <v>1</v>
      </c>
      <c r="IB36" s="62">
        <v>2</v>
      </c>
      <c r="IC36" s="228">
        <v>0</v>
      </c>
      <c r="ID36" s="61">
        <v>1</v>
      </c>
      <c r="IE36" s="61">
        <v>0</v>
      </c>
      <c r="IF36" s="61">
        <v>1</v>
      </c>
      <c r="IG36" s="61">
        <v>0</v>
      </c>
      <c r="IH36" s="61">
        <v>2</v>
      </c>
      <c r="II36" s="62">
        <v>4</v>
      </c>
      <c r="IJ36" s="63">
        <v>6</v>
      </c>
      <c r="IK36" s="60">
        <v>1</v>
      </c>
      <c r="IL36" s="61">
        <v>1</v>
      </c>
      <c r="IM36" s="62">
        <v>2</v>
      </c>
      <c r="IN36" s="228">
        <v>0</v>
      </c>
      <c r="IO36" s="61">
        <v>0</v>
      </c>
      <c r="IP36" s="61">
        <v>1</v>
      </c>
      <c r="IQ36" s="61">
        <v>0</v>
      </c>
      <c r="IR36" s="61">
        <v>0</v>
      </c>
      <c r="IS36" s="61">
        <v>0</v>
      </c>
      <c r="IT36" s="62">
        <v>1</v>
      </c>
      <c r="IU36" s="63">
        <v>3</v>
      </c>
      <c r="IV36" s="60">
        <v>0</v>
      </c>
      <c r="IW36" s="61">
        <v>1</v>
      </c>
      <c r="IX36" s="62">
        <v>1</v>
      </c>
      <c r="IY36" s="228">
        <v>0</v>
      </c>
      <c r="IZ36" s="61">
        <v>3</v>
      </c>
      <c r="JA36" s="61">
        <v>1</v>
      </c>
      <c r="JB36" s="61">
        <v>3</v>
      </c>
      <c r="JC36" s="61">
        <v>1</v>
      </c>
      <c r="JD36" s="61">
        <v>1</v>
      </c>
      <c r="JE36" s="62">
        <v>9</v>
      </c>
      <c r="JF36" s="63">
        <v>10</v>
      </c>
      <c r="JG36" s="60">
        <v>0</v>
      </c>
      <c r="JH36" s="61">
        <v>2</v>
      </c>
      <c r="JI36" s="62">
        <v>2</v>
      </c>
      <c r="JJ36" s="228">
        <v>0</v>
      </c>
      <c r="JK36" s="61">
        <v>4</v>
      </c>
      <c r="JL36" s="61">
        <v>0</v>
      </c>
      <c r="JM36" s="61">
        <v>3</v>
      </c>
      <c r="JN36" s="61">
        <v>3</v>
      </c>
      <c r="JO36" s="61">
        <v>2</v>
      </c>
      <c r="JP36" s="62">
        <v>12</v>
      </c>
      <c r="JQ36" s="63">
        <v>14</v>
      </c>
      <c r="JR36" s="60">
        <v>0</v>
      </c>
      <c r="JS36" s="61">
        <v>0</v>
      </c>
      <c r="JT36" s="62">
        <v>0</v>
      </c>
      <c r="JU36" s="228">
        <v>0</v>
      </c>
      <c r="JV36" s="61">
        <v>0</v>
      </c>
      <c r="JW36" s="61">
        <v>0</v>
      </c>
      <c r="JX36" s="61">
        <v>0</v>
      </c>
      <c r="JY36" s="61">
        <v>0</v>
      </c>
      <c r="JZ36" s="61">
        <v>0</v>
      </c>
      <c r="KA36" s="62">
        <v>0</v>
      </c>
      <c r="KB36" s="63">
        <v>0</v>
      </c>
      <c r="KC36" s="60">
        <v>2</v>
      </c>
      <c r="KD36" s="61">
        <v>5</v>
      </c>
      <c r="KE36" s="62">
        <v>7</v>
      </c>
      <c r="KF36" s="228">
        <v>0</v>
      </c>
      <c r="KG36" s="61">
        <v>10</v>
      </c>
      <c r="KH36" s="61">
        <v>2</v>
      </c>
      <c r="KI36" s="61">
        <v>8</v>
      </c>
      <c r="KJ36" s="61">
        <v>5</v>
      </c>
      <c r="KK36" s="61">
        <v>6</v>
      </c>
      <c r="KL36" s="62">
        <v>31</v>
      </c>
      <c r="KM36" s="63">
        <v>38</v>
      </c>
    </row>
    <row r="37" spans="2:299" ht="21" customHeight="1" x14ac:dyDescent="0.2">
      <c r="B37" s="472" t="s">
        <v>34</v>
      </c>
      <c r="C37" s="293">
        <v>1</v>
      </c>
      <c r="D37" s="72">
        <v>1</v>
      </c>
      <c r="E37" s="73">
        <v>2</v>
      </c>
      <c r="F37" s="228">
        <v>0</v>
      </c>
      <c r="G37" s="72">
        <v>1</v>
      </c>
      <c r="H37" s="72">
        <v>1</v>
      </c>
      <c r="I37" s="72">
        <v>3</v>
      </c>
      <c r="J37" s="72">
        <v>1</v>
      </c>
      <c r="K37" s="72">
        <v>0</v>
      </c>
      <c r="L37" s="74">
        <v>6</v>
      </c>
      <c r="M37" s="75">
        <v>8</v>
      </c>
      <c r="N37" s="60">
        <v>0</v>
      </c>
      <c r="O37" s="61">
        <v>0</v>
      </c>
      <c r="P37" s="62">
        <v>0</v>
      </c>
      <c r="Q37" s="228">
        <v>0</v>
      </c>
      <c r="R37" s="61">
        <v>0</v>
      </c>
      <c r="S37" s="61">
        <v>1</v>
      </c>
      <c r="T37" s="61">
        <v>0</v>
      </c>
      <c r="U37" s="61">
        <v>0</v>
      </c>
      <c r="V37" s="61">
        <v>0</v>
      </c>
      <c r="W37" s="62">
        <v>1</v>
      </c>
      <c r="X37" s="63">
        <v>1</v>
      </c>
      <c r="Y37" s="60">
        <v>0</v>
      </c>
      <c r="Z37" s="61">
        <v>0</v>
      </c>
      <c r="AA37" s="62">
        <v>0</v>
      </c>
      <c r="AB37" s="228">
        <v>0</v>
      </c>
      <c r="AC37" s="61">
        <v>0</v>
      </c>
      <c r="AD37" s="61">
        <v>0</v>
      </c>
      <c r="AE37" s="61">
        <v>0</v>
      </c>
      <c r="AF37" s="61">
        <v>0</v>
      </c>
      <c r="AG37" s="61">
        <v>0</v>
      </c>
      <c r="AH37" s="62">
        <v>0</v>
      </c>
      <c r="AI37" s="63">
        <v>0</v>
      </c>
      <c r="AJ37" s="60">
        <v>0</v>
      </c>
      <c r="AK37" s="61">
        <v>0</v>
      </c>
      <c r="AL37" s="62">
        <v>0</v>
      </c>
      <c r="AM37" s="228">
        <v>0</v>
      </c>
      <c r="AN37" s="61">
        <v>0</v>
      </c>
      <c r="AO37" s="61">
        <v>0</v>
      </c>
      <c r="AP37" s="61">
        <v>0</v>
      </c>
      <c r="AQ37" s="61">
        <v>0</v>
      </c>
      <c r="AR37" s="61">
        <v>0</v>
      </c>
      <c r="AS37" s="62">
        <v>0</v>
      </c>
      <c r="AT37" s="63">
        <v>0</v>
      </c>
      <c r="AU37" s="60">
        <v>1</v>
      </c>
      <c r="AV37" s="61">
        <v>1</v>
      </c>
      <c r="AW37" s="62">
        <v>2</v>
      </c>
      <c r="AX37" s="228">
        <v>0</v>
      </c>
      <c r="AY37" s="61">
        <v>0</v>
      </c>
      <c r="AZ37" s="61">
        <v>0</v>
      </c>
      <c r="BA37" s="61">
        <v>0</v>
      </c>
      <c r="BB37" s="61">
        <v>1</v>
      </c>
      <c r="BC37" s="61">
        <v>0</v>
      </c>
      <c r="BD37" s="62">
        <v>1</v>
      </c>
      <c r="BE37" s="63">
        <v>3</v>
      </c>
      <c r="BF37" s="60">
        <v>0</v>
      </c>
      <c r="BG37" s="61">
        <v>0</v>
      </c>
      <c r="BH37" s="62">
        <v>0</v>
      </c>
      <c r="BI37" s="228">
        <v>0</v>
      </c>
      <c r="BJ37" s="61">
        <v>1</v>
      </c>
      <c r="BK37" s="61">
        <v>0</v>
      </c>
      <c r="BL37" s="61">
        <v>0</v>
      </c>
      <c r="BM37" s="61">
        <v>0</v>
      </c>
      <c r="BN37" s="61">
        <v>0</v>
      </c>
      <c r="BO37" s="62">
        <v>1</v>
      </c>
      <c r="BP37" s="63">
        <v>1</v>
      </c>
      <c r="BQ37" s="60">
        <v>0</v>
      </c>
      <c r="BR37" s="61">
        <v>0</v>
      </c>
      <c r="BS37" s="62">
        <v>0</v>
      </c>
      <c r="BT37" s="228">
        <v>0</v>
      </c>
      <c r="BU37" s="61">
        <v>0</v>
      </c>
      <c r="BV37" s="61">
        <v>0</v>
      </c>
      <c r="BW37" s="61">
        <v>3</v>
      </c>
      <c r="BX37" s="61">
        <v>0</v>
      </c>
      <c r="BY37" s="61">
        <v>0</v>
      </c>
      <c r="BZ37" s="62">
        <v>3</v>
      </c>
      <c r="CA37" s="63">
        <v>3</v>
      </c>
      <c r="CB37" s="60">
        <v>0</v>
      </c>
      <c r="CC37" s="61">
        <v>0</v>
      </c>
      <c r="CD37" s="62">
        <v>0</v>
      </c>
      <c r="CE37" s="228">
        <v>0</v>
      </c>
      <c r="CF37" s="61">
        <v>0</v>
      </c>
      <c r="CG37" s="61">
        <v>0</v>
      </c>
      <c r="CH37" s="61">
        <v>0</v>
      </c>
      <c r="CI37" s="61">
        <v>0</v>
      </c>
      <c r="CJ37" s="61">
        <v>0</v>
      </c>
      <c r="CK37" s="62">
        <v>0</v>
      </c>
      <c r="CL37" s="63">
        <v>0</v>
      </c>
      <c r="CM37" s="60">
        <v>1</v>
      </c>
      <c r="CN37" s="61">
        <v>1</v>
      </c>
      <c r="CO37" s="62">
        <v>2</v>
      </c>
      <c r="CP37" s="228">
        <v>0</v>
      </c>
      <c r="CQ37" s="61">
        <v>1</v>
      </c>
      <c r="CR37" s="61">
        <v>1</v>
      </c>
      <c r="CS37" s="61">
        <v>3</v>
      </c>
      <c r="CT37" s="61">
        <v>1</v>
      </c>
      <c r="CU37" s="61">
        <v>0</v>
      </c>
      <c r="CV37" s="62">
        <v>6</v>
      </c>
      <c r="CW37" s="63">
        <v>8</v>
      </c>
      <c r="CX37" s="113">
        <v>1</v>
      </c>
      <c r="CY37" s="72">
        <v>2</v>
      </c>
      <c r="CZ37" s="73">
        <v>3</v>
      </c>
      <c r="DA37" s="228">
        <v>0</v>
      </c>
      <c r="DB37" s="72">
        <v>1</v>
      </c>
      <c r="DC37" s="72">
        <v>1</v>
      </c>
      <c r="DD37" s="72">
        <v>2</v>
      </c>
      <c r="DE37" s="72">
        <v>0</v>
      </c>
      <c r="DF37" s="72">
        <v>0</v>
      </c>
      <c r="DG37" s="74">
        <v>4</v>
      </c>
      <c r="DH37" s="75">
        <v>7</v>
      </c>
      <c r="DI37" s="60">
        <v>0</v>
      </c>
      <c r="DJ37" s="61">
        <v>0</v>
      </c>
      <c r="DK37" s="62">
        <v>0</v>
      </c>
      <c r="DL37" s="228">
        <v>0</v>
      </c>
      <c r="DM37" s="61">
        <v>0</v>
      </c>
      <c r="DN37" s="61">
        <v>0</v>
      </c>
      <c r="DO37" s="61">
        <v>0</v>
      </c>
      <c r="DP37" s="61">
        <v>0</v>
      </c>
      <c r="DQ37" s="61">
        <v>0</v>
      </c>
      <c r="DR37" s="62">
        <v>0</v>
      </c>
      <c r="DS37" s="63">
        <v>0</v>
      </c>
      <c r="DT37" s="60">
        <v>0</v>
      </c>
      <c r="DU37" s="61">
        <v>0</v>
      </c>
      <c r="DV37" s="62">
        <v>0</v>
      </c>
      <c r="DW37" s="228">
        <v>0</v>
      </c>
      <c r="DX37" s="61">
        <v>0</v>
      </c>
      <c r="DY37" s="61">
        <v>0</v>
      </c>
      <c r="DZ37" s="61">
        <v>0</v>
      </c>
      <c r="EA37" s="61">
        <v>0</v>
      </c>
      <c r="EB37" s="61">
        <v>0</v>
      </c>
      <c r="EC37" s="62">
        <v>0</v>
      </c>
      <c r="ED37" s="63">
        <v>0</v>
      </c>
      <c r="EE37" s="60">
        <v>1</v>
      </c>
      <c r="EF37" s="61">
        <v>1</v>
      </c>
      <c r="EG37" s="62">
        <v>2</v>
      </c>
      <c r="EH37" s="228">
        <v>0</v>
      </c>
      <c r="EI37" s="61">
        <v>0</v>
      </c>
      <c r="EJ37" s="61">
        <v>0</v>
      </c>
      <c r="EK37" s="61">
        <v>1</v>
      </c>
      <c r="EL37" s="61">
        <v>0</v>
      </c>
      <c r="EM37" s="61">
        <v>0</v>
      </c>
      <c r="EN37" s="62">
        <v>1</v>
      </c>
      <c r="EO37" s="63">
        <v>3</v>
      </c>
      <c r="EP37" s="60">
        <v>0</v>
      </c>
      <c r="EQ37" s="61">
        <v>0</v>
      </c>
      <c r="ER37" s="62">
        <v>0</v>
      </c>
      <c r="ES37" s="228">
        <v>0</v>
      </c>
      <c r="ET37" s="61">
        <v>0</v>
      </c>
      <c r="EU37" s="61">
        <v>0</v>
      </c>
      <c r="EV37" s="61">
        <v>1</v>
      </c>
      <c r="EW37" s="61">
        <v>0</v>
      </c>
      <c r="EX37" s="61">
        <v>0</v>
      </c>
      <c r="EY37" s="62">
        <v>1</v>
      </c>
      <c r="EZ37" s="63">
        <v>1</v>
      </c>
      <c r="FA37" s="60">
        <v>0</v>
      </c>
      <c r="FB37" s="61">
        <v>1</v>
      </c>
      <c r="FC37" s="62">
        <v>1</v>
      </c>
      <c r="FD37" s="228">
        <v>0</v>
      </c>
      <c r="FE37" s="61">
        <v>1</v>
      </c>
      <c r="FF37" s="61">
        <v>1</v>
      </c>
      <c r="FG37" s="61">
        <v>0</v>
      </c>
      <c r="FH37" s="61">
        <v>0</v>
      </c>
      <c r="FI37" s="61">
        <v>0</v>
      </c>
      <c r="FJ37" s="62">
        <v>2</v>
      </c>
      <c r="FK37" s="63">
        <v>3</v>
      </c>
      <c r="FL37" s="60">
        <v>0</v>
      </c>
      <c r="FM37" s="61">
        <v>0</v>
      </c>
      <c r="FN37" s="62">
        <v>0</v>
      </c>
      <c r="FO37" s="228">
        <v>0</v>
      </c>
      <c r="FP37" s="61">
        <v>0</v>
      </c>
      <c r="FQ37" s="61">
        <v>0</v>
      </c>
      <c r="FR37" s="61">
        <v>0</v>
      </c>
      <c r="FS37" s="61">
        <v>0</v>
      </c>
      <c r="FT37" s="61">
        <v>0</v>
      </c>
      <c r="FU37" s="62">
        <v>0</v>
      </c>
      <c r="FV37" s="63">
        <v>0</v>
      </c>
      <c r="FW37" s="60">
        <v>0</v>
      </c>
      <c r="FX37" s="61">
        <v>0</v>
      </c>
      <c r="FY37" s="62">
        <v>0</v>
      </c>
      <c r="FZ37" s="228">
        <v>0</v>
      </c>
      <c r="GA37" s="61">
        <v>0</v>
      </c>
      <c r="GB37" s="61">
        <v>0</v>
      </c>
      <c r="GC37" s="61">
        <v>0</v>
      </c>
      <c r="GD37" s="61">
        <v>0</v>
      </c>
      <c r="GE37" s="61">
        <v>0</v>
      </c>
      <c r="GF37" s="62">
        <v>0</v>
      </c>
      <c r="GG37" s="63">
        <v>0</v>
      </c>
      <c r="GH37" s="60">
        <v>1</v>
      </c>
      <c r="GI37" s="61">
        <v>2</v>
      </c>
      <c r="GJ37" s="62">
        <v>3</v>
      </c>
      <c r="GK37" s="228">
        <v>0</v>
      </c>
      <c r="GL37" s="61">
        <v>1</v>
      </c>
      <c r="GM37" s="61">
        <v>1</v>
      </c>
      <c r="GN37" s="61">
        <v>2</v>
      </c>
      <c r="GO37" s="61">
        <v>0</v>
      </c>
      <c r="GP37" s="61">
        <v>0</v>
      </c>
      <c r="GQ37" s="62">
        <v>4</v>
      </c>
      <c r="GR37" s="63">
        <v>7</v>
      </c>
      <c r="GS37" s="113">
        <v>2</v>
      </c>
      <c r="GT37" s="72">
        <v>3</v>
      </c>
      <c r="GU37" s="73">
        <v>5</v>
      </c>
      <c r="GV37" s="228">
        <v>0</v>
      </c>
      <c r="GW37" s="72">
        <v>2</v>
      </c>
      <c r="GX37" s="72">
        <v>2</v>
      </c>
      <c r="GY37" s="72">
        <v>5</v>
      </c>
      <c r="GZ37" s="72">
        <v>1</v>
      </c>
      <c r="HA37" s="72">
        <v>0</v>
      </c>
      <c r="HB37" s="74">
        <v>10</v>
      </c>
      <c r="HC37" s="75">
        <v>15</v>
      </c>
      <c r="HD37" s="60">
        <v>0</v>
      </c>
      <c r="HE37" s="61">
        <v>0</v>
      </c>
      <c r="HF37" s="62">
        <v>0</v>
      </c>
      <c r="HG37" s="228">
        <v>0</v>
      </c>
      <c r="HH37" s="61">
        <v>0</v>
      </c>
      <c r="HI37" s="61">
        <v>1</v>
      </c>
      <c r="HJ37" s="61">
        <v>0</v>
      </c>
      <c r="HK37" s="61">
        <v>0</v>
      </c>
      <c r="HL37" s="61">
        <v>0</v>
      </c>
      <c r="HM37" s="62">
        <v>1</v>
      </c>
      <c r="HN37" s="63">
        <v>1</v>
      </c>
      <c r="HO37" s="60">
        <v>0</v>
      </c>
      <c r="HP37" s="61">
        <v>0</v>
      </c>
      <c r="HQ37" s="62">
        <v>0</v>
      </c>
      <c r="HR37" s="228">
        <v>0</v>
      </c>
      <c r="HS37" s="61">
        <v>0</v>
      </c>
      <c r="HT37" s="61">
        <v>0</v>
      </c>
      <c r="HU37" s="61">
        <v>0</v>
      </c>
      <c r="HV37" s="61">
        <v>0</v>
      </c>
      <c r="HW37" s="61">
        <v>0</v>
      </c>
      <c r="HX37" s="62">
        <v>0</v>
      </c>
      <c r="HY37" s="63">
        <v>0</v>
      </c>
      <c r="HZ37" s="60">
        <v>1</v>
      </c>
      <c r="IA37" s="61">
        <v>1</v>
      </c>
      <c r="IB37" s="62">
        <v>2</v>
      </c>
      <c r="IC37" s="228">
        <v>0</v>
      </c>
      <c r="ID37" s="61">
        <v>0</v>
      </c>
      <c r="IE37" s="61">
        <v>0</v>
      </c>
      <c r="IF37" s="61">
        <v>1</v>
      </c>
      <c r="IG37" s="61">
        <v>0</v>
      </c>
      <c r="IH37" s="61">
        <v>0</v>
      </c>
      <c r="II37" s="62">
        <v>1</v>
      </c>
      <c r="IJ37" s="63">
        <v>3</v>
      </c>
      <c r="IK37" s="60">
        <v>1</v>
      </c>
      <c r="IL37" s="61">
        <v>1</v>
      </c>
      <c r="IM37" s="62">
        <v>2</v>
      </c>
      <c r="IN37" s="228">
        <v>0</v>
      </c>
      <c r="IO37" s="61">
        <v>0</v>
      </c>
      <c r="IP37" s="61">
        <v>0</v>
      </c>
      <c r="IQ37" s="61">
        <v>1</v>
      </c>
      <c r="IR37" s="61">
        <v>1</v>
      </c>
      <c r="IS37" s="61">
        <v>0</v>
      </c>
      <c r="IT37" s="62">
        <v>2</v>
      </c>
      <c r="IU37" s="63">
        <v>4</v>
      </c>
      <c r="IV37" s="60">
        <v>0</v>
      </c>
      <c r="IW37" s="61">
        <v>1</v>
      </c>
      <c r="IX37" s="62">
        <v>1</v>
      </c>
      <c r="IY37" s="228">
        <v>0</v>
      </c>
      <c r="IZ37" s="61">
        <v>2</v>
      </c>
      <c r="JA37" s="61">
        <v>1</v>
      </c>
      <c r="JB37" s="61">
        <v>0</v>
      </c>
      <c r="JC37" s="61">
        <v>0</v>
      </c>
      <c r="JD37" s="61">
        <v>0</v>
      </c>
      <c r="JE37" s="62">
        <v>3</v>
      </c>
      <c r="JF37" s="63">
        <v>4</v>
      </c>
      <c r="JG37" s="60">
        <v>0</v>
      </c>
      <c r="JH37" s="61">
        <v>0</v>
      </c>
      <c r="JI37" s="62">
        <v>0</v>
      </c>
      <c r="JJ37" s="228">
        <v>0</v>
      </c>
      <c r="JK37" s="61">
        <v>0</v>
      </c>
      <c r="JL37" s="61">
        <v>0</v>
      </c>
      <c r="JM37" s="61">
        <v>3</v>
      </c>
      <c r="JN37" s="61">
        <v>0</v>
      </c>
      <c r="JO37" s="61">
        <v>0</v>
      </c>
      <c r="JP37" s="62">
        <v>3</v>
      </c>
      <c r="JQ37" s="63">
        <v>3</v>
      </c>
      <c r="JR37" s="60">
        <v>0</v>
      </c>
      <c r="JS37" s="61">
        <v>0</v>
      </c>
      <c r="JT37" s="62">
        <v>0</v>
      </c>
      <c r="JU37" s="228">
        <v>0</v>
      </c>
      <c r="JV37" s="61">
        <v>0</v>
      </c>
      <c r="JW37" s="61">
        <v>0</v>
      </c>
      <c r="JX37" s="61">
        <v>0</v>
      </c>
      <c r="JY37" s="61">
        <v>0</v>
      </c>
      <c r="JZ37" s="61">
        <v>0</v>
      </c>
      <c r="KA37" s="62">
        <v>0</v>
      </c>
      <c r="KB37" s="63">
        <v>0</v>
      </c>
      <c r="KC37" s="60">
        <v>2</v>
      </c>
      <c r="KD37" s="61">
        <v>3</v>
      </c>
      <c r="KE37" s="62">
        <v>5</v>
      </c>
      <c r="KF37" s="228">
        <v>0</v>
      </c>
      <c r="KG37" s="61">
        <v>2</v>
      </c>
      <c r="KH37" s="61">
        <v>2</v>
      </c>
      <c r="KI37" s="61">
        <v>5</v>
      </c>
      <c r="KJ37" s="61">
        <v>1</v>
      </c>
      <c r="KK37" s="61">
        <v>0</v>
      </c>
      <c r="KL37" s="62">
        <v>10</v>
      </c>
      <c r="KM37" s="63">
        <v>15</v>
      </c>
    </row>
    <row r="38" spans="2:299" ht="21" customHeight="1" x14ac:dyDescent="0.2">
      <c r="B38" s="472" t="s">
        <v>35</v>
      </c>
      <c r="C38" s="293">
        <v>7</v>
      </c>
      <c r="D38" s="72">
        <v>9</v>
      </c>
      <c r="E38" s="73">
        <v>16</v>
      </c>
      <c r="F38" s="228">
        <v>0</v>
      </c>
      <c r="G38" s="72">
        <v>16</v>
      </c>
      <c r="H38" s="72">
        <v>6</v>
      </c>
      <c r="I38" s="72">
        <v>3</v>
      </c>
      <c r="J38" s="72">
        <v>3</v>
      </c>
      <c r="K38" s="72">
        <v>1</v>
      </c>
      <c r="L38" s="74">
        <v>29</v>
      </c>
      <c r="M38" s="75">
        <v>45</v>
      </c>
      <c r="N38" s="60">
        <v>0</v>
      </c>
      <c r="O38" s="61">
        <v>0</v>
      </c>
      <c r="P38" s="62">
        <v>0</v>
      </c>
      <c r="Q38" s="228">
        <v>0</v>
      </c>
      <c r="R38" s="61">
        <v>0</v>
      </c>
      <c r="S38" s="61">
        <v>0</v>
      </c>
      <c r="T38" s="61">
        <v>0</v>
      </c>
      <c r="U38" s="61">
        <v>1</v>
      </c>
      <c r="V38" s="61">
        <v>0</v>
      </c>
      <c r="W38" s="62">
        <v>1</v>
      </c>
      <c r="X38" s="63">
        <v>1</v>
      </c>
      <c r="Y38" s="60">
        <v>1</v>
      </c>
      <c r="Z38" s="61">
        <v>0</v>
      </c>
      <c r="AA38" s="62">
        <v>1</v>
      </c>
      <c r="AB38" s="228">
        <v>0</v>
      </c>
      <c r="AC38" s="61">
        <v>1</v>
      </c>
      <c r="AD38" s="61">
        <v>0</v>
      </c>
      <c r="AE38" s="61">
        <v>0</v>
      </c>
      <c r="AF38" s="61">
        <v>0</v>
      </c>
      <c r="AG38" s="61">
        <v>0</v>
      </c>
      <c r="AH38" s="62">
        <v>1</v>
      </c>
      <c r="AI38" s="63">
        <v>2</v>
      </c>
      <c r="AJ38" s="60">
        <v>0</v>
      </c>
      <c r="AK38" s="61">
        <v>2</v>
      </c>
      <c r="AL38" s="62">
        <v>2</v>
      </c>
      <c r="AM38" s="228">
        <v>0</v>
      </c>
      <c r="AN38" s="61">
        <v>5</v>
      </c>
      <c r="AO38" s="61">
        <v>0</v>
      </c>
      <c r="AP38" s="61">
        <v>2</v>
      </c>
      <c r="AQ38" s="61">
        <v>1</v>
      </c>
      <c r="AR38" s="61">
        <v>0</v>
      </c>
      <c r="AS38" s="62">
        <v>8</v>
      </c>
      <c r="AT38" s="63">
        <v>10</v>
      </c>
      <c r="AU38" s="60">
        <v>2</v>
      </c>
      <c r="AV38" s="61">
        <v>1</v>
      </c>
      <c r="AW38" s="62">
        <v>3</v>
      </c>
      <c r="AX38" s="228">
        <v>0</v>
      </c>
      <c r="AY38" s="61">
        <v>4</v>
      </c>
      <c r="AZ38" s="61">
        <v>3</v>
      </c>
      <c r="BA38" s="61">
        <v>1</v>
      </c>
      <c r="BB38" s="61">
        <v>0</v>
      </c>
      <c r="BC38" s="61">
        <v>0</v>
      </c>
      <c r="BD38" s="62">
        <v>8</v>
      </c>
      <c r="BE38" s="63">
        <v>11</v>
      </c>
      <c r="BF38" s="60">
        <v>1</v>
      </c>
      <c r="BG38" s="61">
        <v>4</v>
      </c>
      <c r="BH38" s="62">
        <v>5</v>
      </c>
      <c r="BI38" s="228">
        <v>0</v>
      </c>
      <c r="BJ38" s="61">
        <v>5</v>
      </c>
      <c r="BK38" s="61">
        <v>1</v>
      </c>
      <c r="BL38" s="61">
        <v>0</v>
      </c>
      <c r="BM38" s="61">
        <v>0</v>
      </c>
      <c r="BN38" s="61">
        <v>1</v>
      </c>
      <c r="BO38" s="62">
        <v>7</v>
      </c>
      <c r="BP38" s="63">
        <v>12</v>
      </c>
      <c r="BQ38" s="60">
        <v>3</v>
      </c>
      <c r="BR38" s="61">
        <v>2</v>
      </c>
      <c r="BS38" s="62">
        <v>5</v>
      </c>
      <c r="BT38" s="228">
        <v>0</v>
      </c>
      <c r="BU38" s="61">
        <v>1</v>
      </c>
      <c r="BV38" s="61">
        <v>2</v>
      </c>
      <c r="BW38" s="61">
        <v>0</v>
      </c>
      <c r="BX38" s="61">
        <v>1</v>
      </c>
      <c r="BY38" s="61">
        <v>0</v>
      </c>
      <c r="BZ38" s="62">
        <v>4</v>
      </c>
      <c r="CA38" s="63">
        <v>9</v>
      </c>
      <c r="CB38" s="60">
        <v>0</v>
      </c>
      <c r="CC38" s="61">
        <v>0</v>
      </c>
      <c r="CD38" s="62">
        <v>0</v>
      </c>
      <c r="CE38" s="228">
        <v>0</v>
      </c>
      <c r="CF38" s="61">
        <v>0</v>
      </c>
      <c r="CG38" s="61">
        <v>0</v>
      </c>
      <c r="CH38" s="61">
        <v>0</v>
      </c>
      <c r="CI38" s="61">
        <v>0</v>
      </c>
      <c r="CJ38" s="61">
        <v>0</v>
      </c>
      <c r="CK38" s="62">
        <v>0</v>
      </c>
      <c r="CL38" s="63">
        <v>0</v>
      </c>
      <c r="CM38" s="60">
        <v>7</v>
      </c>
      <c r="CN38" s="61">
        <v>9</v>
      </c>
      <c r="CO38" s="62">
        <v>16</v>
      </c>
      <c r="CP38" s="228">
        <v>0</v>
      </c>
      <c r="CQ38" s="61">
        <v>16</v>
      </c>
      <c r="CR38" s="61">
        <v>6</v>
      </c>
      <c r="CS38" s="61">
        <v>3</v>
      </c>
      <c r="CT38" s="61">
        <v>3</v>
      </c>
      <c r="CU38" s="61">
        <v>1</v>
      </c>
      <c r="CV38" s="62">
        <v>29</v>
      </c>
      <c r="CW38" s="63">
        <v>45</v>
      </c>
      <c r="CX38" s="113">
        <v>2</v>
      </c>
      <c r="CY38" s="72">
        <v>2</v>
      </c>
      <c r="CZ38" s="73">
        <v>4</v>
      </c>
      <c r="DA38" s="228">
        <v>0</v>
      </c>
      <c r="DB38" s="72">
        <v>5</v>
      </c>
      <c r="DC38" s="72">
        <v>1</v>
      </c>
      <c r="DD38" s="72">
        <v>2</v>
      </c>
      <c r="DE38" s="72">
        <v>3</v>
      </c>
      <c r="DF38" s="72">
        <v>2</v>
      </c>
      <c r="DG38" s="74">
        <v>13</v>
      </c>
      <c r="DH38" s="75">
        <v>17</v>
      </c>
      <c r="DI38" s="60">
        <v>0</v>
      </c>
      <c r="DJ38" s="61">
        <v>0</v>
      </c>
      <c r="DK38" s="62">
        <v>0</v>
      </c>
      <c r="DL38" s="228">
        <v>0</v>
      </c>
      <c r="DM38" s="61">
        <v>0</v>
      </c>
      <c r="DN38" s="61">
        <v>0</v>
      </c>
      <c r="DO38" s="61">
        <v>0</v>
      </c>
      <c r="DP38" s="61">
        <v>0</v>
      </c>
      <c r="DQ38" s="61">
        <v>0</v>
      </c>
      <c r="DR38" s="62">
        <v>0</v>
      </c>
      <c r="DS38" s="63">
        <v>0</v>
      </c>
      <c r="DT38" s="60">
        <v>0</v>
      </c>
      <c r="DU38" s="61">
        <v>0</v>
      </c>
      <c r="DV38" s="62">
        <v>0</v>
      </c>
      <c r="DW38" s="228">
        <v>0</v>
      </c>
      <c r="DX38" s="61">
        <v>1</v>
      </c>
      <c r="DY38" s="61">
        <v>0</v>
      </c>
      <c r="DZ38" s="61">
        <v>0</v>
      </c>
      <c r="EA38" s="61">
        <v>0</v>
      </c>
      <c r="EB38" s="61">
        <v>0</v>
      </c>
      <c r="EC38" s="62">
        <v>1</v>
      </c>
      <c r="ED38" s="63">
        <v>1</v>
      </c>
      <c r="EE38" s="60">
        <v>0</v>
      </c>
      <c r="EF38" s="61">
        <v>0</v>
      </c>
      <c r="EG38" s="62">
        <v>0</v>
      </c>
      <c r="EH38" s="228">
        <v>0</v>
      </c>
      <c r="EI38" s="61">
        <v>0</v>
      </c>
      <c r="EJ38" s="61">
        <v>1</v>
      </c>
      <c r="EK38" s="61">
        <v>0</v>
      </c>
      <c r="EL38" s="61">
        <v>0</v>
      </c>
      <c r="EM38" s="61">
        <v>0</v>
      </c>
      <c r="EN38" s="62">
        <v>1</v>
      </c>
      <c r="EO38" s="63">
        <v>1</v>
      </c>
      <c r="EP38" s="60">
        <v>0</v>
      </c>
      <c r="EQ38" s="61">
        <v>0</v>
      </c>
      <c r="ER38" s="62">
        <v>0</v>
      </c>
      <c r="ES38" s="228">
        <v>0</v>
      </c>
      <c r="ET38" s="61">
        <v>1</v>
      </c>
      <c r="EU38" s="61">
        <v>0</v>
      </c>
      <c r="EV38" s="61">
        <v>0</v>
      </c>
      <c r="EW38" s="61">
        <v>1</v>
      </c>
      <c r="EX38" s="61">
        <v>0</v>
      </c>
      <c r="EY38" s="62">
        <v>2</v>
      </c>
      <c r="EZ38" s="63">
        <v>2</v>
      </c>
      <c r="FA38" s="60">
        <v>0</v>
      </c>
      <c r="FB38" s="61">
        <v>1</v>
      </c>
      <c r="FC38" s="62">
        <v>1</v>
      </c>
      <c r="FD38" s="228">
        <v>0</v>
      </c>
      <c r="FE38" s="61">
        <v>3</v>
      </c>
      <c r="FF38" s="61">
        <v>0</v>
      </c>
      <c r="FG38" s="61">
        <v>0</v>
      </c>
      <c r="FH38" s="61">
        <v>0</v>
      </c>
      <c r="FI38" s="61">
        <v>1</v>
      </c>
      <c r="FJ38" s="62">
        <v>4</v>
      </c>
      <c r="FK38" s="63">
        <v>5</v>
      </c>
      <c r="FL38" s="60">
        <v>2</v>
      </c>
      <c r="FM38" s="61">
        <v>1</v>
      </c>
      <c r="FN38" s="62">
        <v>3</v>
      </c>
      <c r="FO38" s="228">
        <v>0</v>
      </c>
      <c r="FP38" s="61">
        <v>0</v>
      </c>
      <c r="FQ38" s="61">
        <v>0</v>
      </c>
      <c r="FR38" s="61">
        <v>2</v>
      </c>
      <c r="FS38" s="61">
        <v>2</v>
      </c>
      <c r="FT38" s="61">
        <v>1</v>
      </c>
      <c r="FU38" s="62">
        <v>5</v>
      </c>
      <c r="FV38" s="63">
        <v>8</v>
      </c>
      <c r="FW38" s="60">
        <v>0</v>
      </c>
      <c r="FX38" s="61">
        <v>0</v>
      </c>
      <c r="FY38" s="62">
        <v>0</v>
      </c>
      <c r="FZ38" s="228">
        <v>0</v>
      </c>
      <c r="GA38" s="61">
        <v>0</v>
      </c>
      <c r="GB38" s="61">
        <v>0</v>
      </c>
      <c r="GC38" s="61">
        <v>0</v>
      </c>
      <c r="GD38" s="61">
        <v>0</v>
      </c>
      <c r="GE38" s="61">
        <v>0</v>
      </c>
      <c r="GF38" s="62">
        <v>0</v>
      </c>
      <c r="GG38" s="63">
        <v>0</v>
      </c>
      <c r="GH38" s="60">
        <v>2</v>
      </c>
      <c r="GI38" s="61">
        <v>2</v>
      </c>
      <c r="GJ38" s="62">
        <v>4</v>
      </c>
      <c r="GK38" s="228">
        <v>0</v>
      </c>
      <c r="GL38" s="61">
        <v>5</v>
      </c>
      <c r="GM38" s="61">
        <v>1</v>
      </c>
      <c r="GN38" s="61">
        <v>2</v>
      </c>
      <c r="GO38" s="61">
        <v>3</v>
      </c>
      <c r="GP38" s="61">
        <v>2</v>
      </c>
      <c r="GQ38" s="62">
        <v>13</v>
      </c>
      <c r="GR38" s="63">
        <v>17</v>
      </c>
      <c r="GS38" s="113">
        <v>9</v>
      </c>
      <c r="GT38" s="72">
        <v>11</v>
      </c>
      <c r="GU38" s="73">
        <v>20</v>
      </c>
      <c r="GV38" s="228">
        <v>0</v>
      </c>
      <c r="GW38" s="72">
        <v>21</v>
      </c>
      <c r="GX38" s="72">
        <v>7</v>
      </c>
      <c r="GY38" s="72">
        <v>5</v>
      </c>
      <c r="GZ38" s="72">
        <v>6</v>
      </c>
      <c r="HA38" s="72">
        <v>3</v>
      </c>
      <c r="HB38" s="74">
        <v>42</v>
      </c>
      <c r="HC38" s="75">
        <v>62</v>
      </c>
      <c r="HD38" s="60">
        <v>0</v>
      </c>
      <c r="HE38" s="61">
        <v>0</v>
      </c>
      <c r="HF38" s="62">
        <v>0</v>
      </c>
      <c r="HG38" s="228">
        <v>0</v>
      </c>
      <c r="HH38" s="61">
        <v>0</v>
      </c>
      <c r="HI38" s="61">
        <v>0</v>
      </c>
      <c r="HJ38" s="61">
        <v>0</v>
      </c>
      <c r="HK38" s="61">
        <v>1</v>
      </c>
      <c r="HL38" s="61">
        <v>0</v>
      </c>
      <c r="HM38" s="62">
        <v>1</v>
      </c>
      <c r="HN38" s="63">
        <v>1</v>
      </c>
      <c r="HO38" s="60">
        <v>1</v>
      </c>
      <c r="HP38" s="61">
        <v>0</v>
      </c>
      <c r="HQ38" s="62">
        <v>1</v>
      </c>
      <c r="HR38" s="228">
        <v>0</v>
      </c>
      <c r="HS38" s="61">
        <v>2</v>
      </c>
      <c r="HT38" s="61">
        <v>0</v>
      </c>
      <c r="HU38" s="61">
        <v>0</v>
      </c>
      <c r="HV38" s="61">
        <v>0</v>
      </c>
      <c r="HW38" s="61">
        <v>0</v>
      </c>
      <c r="HX38" s="62">
        <v>2</v>
      </c>
      <c r="HY38" s="63">
        <v>3</v>
      </c>
      <c r="HZ38" s="60">
        <v>0</v>
      </c>
      <c r="IA38" s="61">
        <v>2</v>
      </c>
      <c r="IB38" s="62">
        <v>2</v>
      </c>
      <c r="IC38" s="228">
        <v>0</v>
      </c>
      <c r="ID38" s="61">
        <v>5</v>
      </c>
      <c r="IE38" s="61">
        <v>1</v>
      </c>
      <c r="IF38" s="61">
        <v>2</v>
      </c>
      <c r="IG38" s="61">
        <v>1</v>
      </c>
      <c r="IH38" s="61">
        <v>0</v>
      </c>
      <c r="II38" s="62">
        <v>9</v>
      </c>
      <c r="IJ38" s="63">
        <v>11</v>
      </c>
      <c r="IK38" s="60">
        <v>2</v>
      </c>
      <c r="IL38" s="61">
        <v>1</v>
      </c>
      <c r="IM38" s="62">
        <v>3</v>
      </c>
      <c r="IN38" s="228">
        <v>0</v>
      </c>
      <c r="IO38" s="61">
        <v>5</v>
      </c>
      <c r="IP38" s="61">
        <v>3</v>
      </c>
      <c r="IQ38" s="61">
        <v>1</v>
      </c>
      <c r="IR38" s="61">
        <v>1</v>
      </c>
      <c r="IS38" s="61">
        <v>0</v>
      </c>
      <c r="IT38" s="62">
        <v>10</v>
      </c>
      <c r="IU38" s="63">
        <v>13</v>
      </c>
      <c r="IV38" s="60">
        <v>1</v>
      </c>
      <c r="IW38" s="61">
        <v>5</v>
      </c>
      <c r="IX38" s="62">
        <v>6</v>
      </c>
      <c r="IY38" s="228">
        <v>0</v>
      </c>
      <c r="IZ38" s="61">
        <v>8</v>
      </c>
      <c r="JA38" s="61">
        <v>1</v>
      </c>
      <c r="JB38" s="61">
        <v>0</v>
      </c>
      <c r="JC38" s="61">
        <v>0</v>
      </c>
      <c r="JD38" s="61">
        <v>2</v>
      </c>
      <c r="JE38" s="62">
        <v>11</v>
      </c>
      <c r="JF38" s="63">
        <v>17</v>
      </c>
      <c r="JG38" s="60">
        <v>5</v>
      </c>
      <c r="JH38" s="61">
        <v>3</v>
      </c>
      <c r="JI38" s="62">
        <v>8</v>
      </c>
      <c r="JJ38" s="228">
        <v>0</v>
      </c>
      <c r="JK38" s="61">
        <v>1</v>
      </c>
      <c r="JL38" s="61">
        <v>2</v>
      </c>
      <c r="JM38" s="61">
        <v>2</v>
      </c>
      <c r="JN38" s="61">
        <v>3</v>
      </c>
      <c r="JO38" s="61">
        <v>1</v>
      </c>
      <c r="JP38" s="62">
        <v>9</v>
      </c>
      <c r="JQ38" s="63">
        <v>17</v>
      </c>
      <c r="JR38" s="60">
        <v>0</v>
      </c>
      <c r="JS38" s="61">
        <v>0</v>
      </c>
      <c r="JT38" s="62">
        <v>0</v>
      </c>
      <c r="JU38" s="228">
        <v>0</v>
      </c>
      <c r="JV38" s="61">
        <v>0</v>
      </c>
      <c r="JW38" s="61">
        <v>0</v>
      </c>
      <c r="JX38" s="61">
        <v>0</v>
      </c>
      <c r="JY38" s="61">
        <v>0</v>
      </c>
      <c r="JZ38" s="61">
        <v>0</v>
      </c>
      <c r="KA38" s="62">
        <v>0</v>
      </c>
      <c r="KB38" s="63">
        <v>0</v>
      </c>
      <c r="KC38" s="60">
        <v>9</v>
      </c>
      <c r="KD38" s="61">
        <v>11</v>
      </c>
      <c r="KE38" s="62">
        <v>20</v>
      </c>
      <c r="KF38" s="228">
        <v>0</v>
      </c>
      <c r="KG38" s="61">
        <v>21</v>
      </c>
      <c r="KH38" s="61">
        <v>7</v>
      </c>
      <c r="KI38" s="61">
        <v>5</v>
      </c>
      <c r="KJ38" s="61">
        <v>6</v>
      </c>
      <c r="KK38" s="61">
        <v>3</v>
      </c>
      <c r="KL38" s="62">
        <v>42</v>
      </c>
      <c r="KM38" s="63">
        <v>62</v>
      </c>
    </row>
    <row r="39" spans="2:299" ht="21" customHeight="1" x14ac:dyDescent="0.2">
      <c r="B39" s="472" t="s">
        <v>36</v>
      </c>
      <c r="C39" s="293">
        <v>7</v>
      </c>
      <c r="D39" s="72">
        <v>6</v>
      </c>
      <c r="E39" s="73">
        <v>13</v>
      </c>
      <c r="F39" s="228">
        <v>0</v>
      </c>
      <c r="G39" s="72">
        <v>9</v>
      </c>
      <c r="H39" s="72">
        <v>8</v>
      </c>
      <c r="I39" s="72">
        <v>5</v>
      </c>
      <c r="J39" s="72">
        <v>4</v>
      </c>
      <c r="K39" s="72">
        <v>2</v>
      </c>
      <c r="L39" s="74">
        <v>28</v>
      </c>
      <c r="M39" s="75">
        <v>41</v>
      </c>
      <c r="N39" s="60">
        <v>0</v>
      </c>
      <c r="O39" s="61">
        <v>0</v>
      </c>
      <c r="P39" s="62">
        <v>0</v>
      </c>
      <c r="Q39" s="228">
        <v>0</v>
      </c>
      <c r="R39" s="61">
        <v>0</v>
      </c>
      <c r="S39" s="61">
        <v>1</v>
      </c>
      <c r="T39" s="61">
        <v>0</v>
      </c>
      <c r="U39" s="61">
        <v>0</v>
      </c>
      <c r="V39" s="61">
        <v>0</v>
      </c>
      <c r="W39" s="62">
        <v>1</v>
      </c>
      <c r="X39" s="63">
        <v>1</v>
      </c>
      <c r="Y39" s="60">
        <v>0</v>
      </c>
      <c r="Z39" s="61">
        <v>1</v>
      </c>
      <c r="AA39" s="62">
        <v>1</v>
      </c>
      <c r="AB39" s="228">
        <v>0</v>
      </c>
      <c r="AC39" s="61">
        <v>0</v>
      </c>
      <c r="AD39" s="61">
        <v>2</v>
      </c>
      <c r="AE39" s="61">
        <v>0</v>
      </c>
      <c r="AF39" s="61">
        <v>0</v>
      </c>
      <c r="AG39" s="61">
        <v>0</v>
      </c>
      <c r="AH39" s="62">
        <v>2</v>
      </c>
      <c r="AI39" s="63">
        <v>3</v>
      </c>
      <c r="AJ39" s="60">
        <v>2</v>
      </c>
      <c r="AK39" s="61">
        <v>0</v>
      </c>
      <c r="AL39" s="62">
        <v>2</v>
      </c>
      <c r="AM39" s="228">
        <v>0</v>
      </c>
      <c r="AN39" s="61">
        <v>1</v>
      </c>
      <c r="AO39" s="61">
        <v>2</v>
      </c>
      <c r="AP39" s="61">
        <v>1</v>
      </c>
      <c r="AQ39" s="61">
        <v>0</v>
      </c>
      <c r="AR39" s="61">
        <v>0</v>
      </c>
      <c r="AS39" s="62">
        <v>4</v>
      </c>
      <c r="AT39" s="63">
        <v>6</v>
      </c>
      <c r="AU39" s="60">
        <v>2</v>
      </c>
      <c r="AV39" s="61">
        <v>1</v>
      </c>
      <c r="AW39" s="62">
        <v>3</v>
      </c>
      <c r="AX39" s="228">
        <v>0</v>
      </c>
      <c r="AY39" s="61">
        <v>5</v>
      </c>
      <c r="AZ39" s="61">
        <v>1</v>
      </c>
      <c r="BA39" s="61">
        <v>2</v>
      </c>
      <c r="BB39" s="61">
        <v>0</v>
      </c>
      <c r="BC39" s="61">
        <v>1</v>
      </c>
      <c r="BD39" s="62">
        <v>9</v>
      </c>
      <c r="BE39" s="63">
        <v>12</v>
      </c>
      <c r="BF39" s="60">
        <v>3</v>
      </c>
      <c r="BG39" s="61">
        <v>2</v>
      </c>
      <c r="BH39" s="62">
        <v>5</v>
      </c>
      <c r="BI39" s="228">
        <v>0</v>
      </c>
      <c r="BJ39" s="61">
        <v>3</v>
      </c>
      <c r="BK39" s="61">
        <v>1</v>
      </c>
      <c r="BL39" s="61">
        <v>1</v>
      </c>
      <c r="BM39" s="61">
        <v>1</v>
      </c>
      <c r="BN39" s="61">
        <v>0</v>
      </c>
      <c r="BO39" s="62">
        <v>6</v>
      </c>
      <c r="BP39" s="63">
        <v>11</v>
      </c>
      <c r="BQ39" s="60">
        <v>0</v>
      </c>
      <c r="BR39" s="61">
        <v>2</v>
      </c>
      <c r="BS39" s="62">
        <v>2</v>
      </c>
      <c r="BT39" s="228">
        <v>0</v>
      </c>
      <c r="BU39" s="61">
        <v>0</v>
      </c>
      <c r="BV39" s="61">
        <v>1</v>
      </c>
      <c r="BW39" s="61">
        <v>1</v>
      </c>
      <c r="BX39" s="61">
        <v>3</v>
      </c>
      <c r="BY39" s="61">
        <v>1</v>
      </c>
      <c r="BZ39" s="62">
        <v>6</v>
      </c>
      <c r="CA39" s="63">
        <v>8</v>
      </c>
      <c r="CB39" s="60">
        <v>0</v>
      </c>
      <c r="CC39" s="61">
        <v>0</v>
      </c>
      <c r="CD39" s="62">
        <v>0</v>
      </c>
      <c r="CE39" s="228">
        <v>0</v>
      </c>
      <c r="CF39" s="61">
        <v>0</v>
      </c>
      <c r="CG39" s="61">
        <v>0</v>
      </c>
      <c r="CH39" s="61">
        <v>0</v>
      </c>
      <c r="CI39" s="61">
        <v>0</v>
      </c>
      <c r="CJ39" s="61">
        <v>0</v>
      </c>
      <c r="CK39" s="62">
        <v>0</v>
      </c>
      <c r="CL39" s="63">
        <v>0</v>
      </c>
      <c r="CM39" s="60">
        <v>7</v>
      </c>
      <c r="CN39" s="61">
        <v>6</v>
      </c>
      <c r="CO39" s="62">
        <v>13</v>
      </c>
      <c r="CP39" s="228">
        <v>0</v>
      </c>
      <c r="CQ39" s="61">
        <v>9</v>
      </c>
      <c r="CR39" s="61">
        <v>8</v>
      </c>
      <c r="CS39" s="61">
        <v>5</v>
      </c>
      <c r="CT39" s="61">
        <v>4</v>
      </c>
      <c r="CU39" s="61">
        <v>2</v>
      </c>
      <c r="CV39" s="62">
        <v>28</v>
      </c>
      <c r="CW39" s="63">
        <v>41</v>
      </c>
      <c r="CX39" s="113">
        <v>1</v>
      </c>
      <c r="CY39" s="72">
        <v>6</v>
      </c>
      <c r="CZ39" s="73">
        <v>7</v>
      </c>
      <c r="DA39" s="228">
        <v>0</v>
      </c>
      <c r="DB39" s="72">
        <v>1</v>
      </c>
      <c r="DC39" s="72">
        <v>7</v>
      </c>
      <c r="DD39" s="72">
        <v>3</v>
      </c>
      <c r="DE39" s="72">
        <v>2</v>
      </c>
      <c r="DF39" s="72">
        <v>2</v>
      </c>
      <c r="DG39" s="74">
        <v>15</v>
      </c>
      <c r="DH39" s="75">
        <v>22</v>
      </c>
      <c r="DI39" s="60">
        <v>0</v>
      </c>
      <c r="DJ39" s="61">
        <v>0</v>
      </c>
      <c r="DK39" s="62">
        <v>0</v>
      </c>
      <c r="DL39" s="228">
        <v>0</v>
      </c>
      <c r="DM39" s="61">
        <v>0</v>
      </c>
      <c r="DN39" s="61">
        <v>0</v>
      </c>
      <c r="DO39" s="61">
        <v>0</v>
      </c>
      <c r="DP39" s="61">
        <v>0</v>
      </c>
      <c r="DQ39" s="61">
        <v>0</v>
      </c>
      <c r="DR39" s="62">
        <v>0</v>
      </c>
      <c r="DS39" s="63">
        <v>0</v>
      </c>
      <c r="DT39" s="60">
        <v>0</v>
      </c>
      <c r="DU39" s="61">
        <v>0</v>
      </c>
      <c r="DV39" s="62">
        <v>0</v>
      </c>
      <c r="DW39" s="228">
        <v>0</v>
      </c>
      <c r="DX39" s="61">
        <v>0</v>
      </c>
      <c r="DY39" s="61">
        <v>0</v>
      </c>
      <c r="DZ39" s="61">
        <v>0</v>
      </c>
      <c r="EA39" s="61">
        <v>0</v>
      </c>
      <c r="EB39" s="61">
        <v>0</v>
      </c>
      <c r="EC39" s="62">
        <v>0</v>
      </c>
      <c r="ED39" s="63">
        <v>0</v>
      </c>
      <c r="EE39" s="60">
        <v>0</v>
      </c>
      <c r="EF39" s="61">
        <v>0</v>
      </c>
      <c r="EG39" s="62">
        <v>0</v>
      </c>
      <c r="EH39" s="228">
        <v>0</v>
      </c>
      <c r="EI39" s="61">
        <v>0</v>
      </c>
      <c r="EJ39" s="61">
        <v>0</v>
      </c>
      <c r="EK39" s="61">
        <v>0</v>
      </c>
      <c r="EL39" s="61">
        <v>0</v>
      </c>
      <c r="EM39" s="61">
        <v>0</v>
      </c>
      <c r="EN39" s="62">
        <v>0</v>
      </c>
      <c r="EO39" s="63">
        <v>0</v>
      </c>
      <c r="EP39" s="60">
        <v>0</v>
      </c>
      <c r="EQ39" s="61">
        <v>0</v>
      </c>
      <c r="ER39" s="62">
        <v>0</v>
      </c>
      <c r="ES39" s="228">
        <v>0</v>
      </c>
      <c r="ET39" s="61">
        <v>0</v>
      </c>
      <c r="EU39" s="61">
        <v>0</v>
      </c>
      <c r="EV39" s="61">
        <v>0</v>
      </c>
      <c r="EW39" s="61">
        <v>1</v>
      </c>
      <c r="EX39" s="61">
        <v>0</v>
      </c>
      <c r="EY39" s="62">
        <v>1</v>
      </c>
      <c r="EZ39" s="63">
        <v>1</v>
      </c>
      <c r="FA39" s="60">
        <v>0</v>
      </c>
      <c r="FB39" s="61">
        <v>4</v>
      </c>
      <c r="FC39" s="62">
        <v>4</v>
      </c>
      <c r="FD39" s="228">
        <v>0</v>
      </c>
      <c r="FE39" s="61">
        <v>1</v>
      </c>
      <c r="FF39" s="61">
        <v>3</v>
      </c>
      <c r="FG39" s="61">
        <v>2</v>
      </c>
      <c r="FH39" s="61">
        <v>1</v>
      </c>
      <c r="FI39" s="61">
        <v>1</v>
      </c>
      <c r="FJ39" s="62">
        <v>8</v>
      </c>
      <c r="FK39" s="63">
        <v>12</v>
      </c>
      <c r="FL39" s="60">
        <v>1</v>
      </c>
      <c r="FM39" s="61">
        <v>2</v>
      </c>
      <c r="FN39" s="62">
        <v>3</v>
      </c>
      <c r="FO39" s="228">
        <v>0</v>
      </c>
      <c r="FP39" s="61">
        <v>0</v>
      </c>
      <c r="FQ39" s="61">
        <v>4</v>
      </c>
      <c r="FR39" s="61">
        <v>1</v>
      </c>
      <c r="FS39" s="61">
        <v>0</v>
      </c>
      <c r="FT39" s="61">
        <v>1</v>
      </c>
      <c r="FU39" s="62">
        <v>6</v>
      </c>
      <c r="FV39" s="63">
        <v>9</v>
      </c>
      <c r="FW39" s="60">
        <v>0</v>
      </c>
      <c r="FX39" s="61">
        <v>0</v>
      </c>
      <c r="FY39" s="62">
        <v>0</v>
      </c>
      <c r="FZ39" s="228">
        <v>0</v>
      </c>
      <c r="GA39" s="61">
        <v>0</v>
      </c>
      <c r="GB39" s="61">
        <v>0</v>
      </c>
      <c r="GC39" s="61">
        <v>0</v>
      </c>
      <c r="GD39" s="61">
        <v>0</v>
      </c>
      <c r="GE39" s="61">
        <v>0</v>
      </c>
      <c r="GF39" s="62">
        <v>0</v>
      </c>
      <c r="GG39" s="63">
        <v>0</v>
      </c>
      <c r="GH39" s="60">
        <v>1</v>
      </c>
      <c r="GI39" s="61">
        <v>6</v>
      </c>
      <c r="GJ39" s="62">
        <v>7</v>
      </c>
      <c r="GK39" s="228">
        <v>0</v>
      </c>
      <c r="GL39" s="61">
        <v>1</v>
      </c>
      <c r="GM39" s="61">
        <v>7</v>
      </c>
      <c r="GN39" s="61">
        <v>3</v>
      </c>
      <c r="GO39" s="61">
        <v>2</v>
      </c>
      <c r="GP39" s="61">
        <v>2</v>
      </c>
      <c r="GQ39" s="62">
        <v>15</v>
      </c>
      <c r="GR39" s="63">
        <v>22</v>
      </c>
      <c r="GS39" s="113">
        <v>8</v>
      </c>
      <c r="GT39" s="72">
        <v>12</v>
      </c>
      <c r="GU39" s="73">
        <v>20</v>
      </c>
      <c r="GV39" s="228">
        <v>0</v>
      </c>
      <c r="GW39" s="72">
        <v>10</v>
      </c>
      <c r="GX39" s="72">
        <v>15</v>
      </c>
      <c r="GY39" s="72">
        <v>8</v>
      </c>
      <c r="GZ39" s="72">
        <v>6</v>
      </c>
      <c r="HA39" s="72">
        <v>4</v>
      </c>
      <c r="HB39" s="74">
        <v>43</v>
      </c>
      <c r="HC39" s="75">
        <v>63</v>
      </c>
      <c r="HD39" s="60">
        <v>0</v>
      </c>
      <c r="HE39" s="61">
        <v>0</v>
      </c>
      <c r="HF39" s="62">
        <v>0</v>
      </c>
      <c r="HG39" s="228">
        <v>0</v>
      </c>
      <c r="HH39" s="61">
        <v>0</v>
      </c>
      <c r="HI39" s="61">
        <v>1</v>
      </c>
      <c r="HJ39" s="61">
        <v>0</v>
      </c>
      <c r="HK39" s="61">
        <v>0</v>
      </c>
      <c r="HL39" s="61">
        <v>0</v>
      </c>
      <c r="HM39" s="62">
        <v>1</v>
      </c>
      <c r="HN39" s="63">
        <v>1</v>
      </c>
      <c r="HO39" s="60">
        <v>0</v>
      </c>
      <c r="HP39" s="61">
        <v>1</v>
      </c>
      <c r="HQ39" s="62">
        <v>1</v>
      </c>
      <c r="HR39" s="228">
        <v>0</v>
      </c>
      <c r="HS39" s="61">
        <v>0</v>
      </c>
      <c r="HT39" s="61">
        <v>2</v>
      </c>
      <c r="HU39" s="61">
        <v>0</v>
      </c>
      <c r="HV39" s="61">
        <v>0</v>
      </c>
      <c r="HW39" s="61">
        <v>0</v>
      </c>
      <c r="HX39" s="62">
        <v>2</v>
      </c>
      <c r="HY39" s="63">
        <v>3</v>
      </c>
      <c r="HZ39" s="60">
        <v>2</v>
      </c>
      <c r="IA39" s="61">
        <v>0</v>
      </c>
      <c r="IB39" s="62">
        <v>2</v>
      </c>
      <c r="IC39" s="228">
        <v>0</v>
      </c>
      <c r="ID39" s="61">
        <v>1</v>
      </c>
      <c r="IE39" s="61">
        <v>2</v>
      </c>
      <c r="IF39" s="61">
        <v>1</v>
      </c>
      <c r="IG39" s="61">
        <v>0</v>
      </c>
      <c r="IH39" s="61">
        <v>0</v>
      </c>
      <c r="II39" s="62">
        <v>4</v>
      </c>
      <c r="IJ39" s="63">
        <v>6</v>
      </c>
      <c r="IK39" s="60">
        <v>2</v>
      </c>
      <c r="IL39" s="61">
        <v>1</v>
      </c>
      <c r="IM39" s="62">
        <v>3</v>
      </c>
      <c r="IN39" s="228">
        <v>0</v>
      </c>
      <c r="IO39" s="61">
        <v>5</v>
      </c>
      <c r="IP39" s="61">
        <v>1</v>
      </c>
      <c r="IQ39" s="61">
        <v>2</v>
      </c>
      <c r="IR39" s="61">
        <v>1</v>
      </c>
      <c r="IS39" s="61">
        <v>1</v>
      </c>
      <c r="IT39" s="62">
        <v>10</v>
      </c>
      <c r="IU39" s="63">
        <v>13</v>
      </c>
      <c r="IV39" s="60">
        <v>3</v>
      </c>
      <c r="IW39" s="61">
        <v>6</v>
      </c>
      <c r="IX39" s="62">
        <v>9</v>
      </c>
      <c r="IY39" s="228">
        <v>0</v>
      </c>
      <c r="IZ39" s="61">
        <v>4</v>
      </c>
      <c r="JA39" s="61">
        <v>4</v>
      </c>
      <c r="JB39" s="61">
        <v>3</v>
      </c>
      <c r="JC39" s="61">
        <v>2</v>
      </c>
      <c r="JD39" s="61">
        <v>1</v>
      </c>
      <c r="JE39" s="62">
        <v>14</v>
      </c>
      <c r="JF39" s="63">
        <v>23</v>
      </c>
      <c r="JG39" s="60">
        <v>1</v>
      </c>
      <c r="JH39" s="61">
        <v>4</v>
      </c>
      <c r="JI39" s="62">
        <v>5</v>
      </c>
      <c r="JJ39" s="228">
        <v>0</v>
      </c>
      <c r="JK39" s="61">
        <v>0</v>
      </c>
      <c r="JL39" s="61">
        <v>5</v>
      </c>
      <c r="JM39" s="61">
        <v>2</v>
      </c>
      <c r="JN39" s="61">
        <v>3</v>
      </c>
      <c r="JO39" s="61">
        <v>2</v>
      </c>
      <c r="JP39" s="62">
        <v>12</v>
      </c>
      <c r="JQ39" s="63">
        <v>17</v>
      </c>
      <c r="JR39" s="60">
        <v>0</v>
      </c>
      <c r="JS39" s="61">
        <v>0</v>
      </c>
      <c r="JT39" s="62">
        <v>0</v>
      </c>
      <c r="JU39" s="228">
        <v>0</v>
      </c>
      <c r="JV39" s="61">
        <v>0</v>
      </c>
      <c r="JW39" s="61">
        <v>0</v>
      </c>
      <c r="JX39" s="61">
        <v>0</v>
      </c>
      <c r="JY39" s="61">
        <v>0</v>
      </c>
      <c r="JZ39" s="61">
        <v>0</v>
      </c>
      <c r="KA39" s="62">
        <v>0</v>
      </c>
      <c r="KB39" s="63">
        <v>0</v>
      </c>
      <c r="KC39" s="60">
        <v>8</v>
      </c>
      <c r="KD39" s="61">
        <v>12</v>
      </c>
      <c r="KE39" s="62">
        <v>20</v>
      </c>
      <c r="KF39" s="228">
        <v>0</v>
      </c>
      <c r="KG39" s="61">
        <v>10</v>
      </c>
      <c r="KH39" s="61">
        <v>15</v>
      </c>
      <c r="KI39" s="61">
        <v>8</v>
      </c>
      <c r="KJ39" s="61">
        <v>6</v>
      </c>
      <c r="KK39" s="61">
        <v>4</v>
      </c>
      <c r="KL39" s="62">
        <v>43</v>
      </c>
      <c r="KM39" s="63">
        <v>63</v>
      </c>
    </row>
    <row r="40" spans="2:299" ht="21" customHeight="1" thickBot="1" x14ac:dyDescent="0.25">
      <c r="B40" s="473" t="s">
        <v>37</v>
      </c>
      <c r="C40" s="294">
        <v>1</v>
      </c>
      <c r="D40" s="77">
        <v>0</v>
      </c>
      <c r="E40" s="78">
        <v>1</v>
      </c>
      <c r="F40" s="229">
        <v>0</v>
      </c>
      <c r="G40" s="77">
        <v>0</v>
      </c>
      <c r="H40" s="77">
        <v>0</v>
      </c>
      <c r="I40" s="77">
        <v>0</v>
      </c>
      <c r="J40" s="77">
        <v>2</v>
      </c>
      <c r="K40" s="77">
        <v>0</v>
      </c>
      <c r="L40" s="79">
        <v>2</v>
      </c>
      <c r="M40" s="80">
        <v>3</v>
      </c>
      <c r="N40" s="64">
        <v>0</v>
      </c>
      <c r="O40" s="65">
        <v>0</v>
      </c>
      <c r="P40" s="66">
        <v>0</v>
      </c>
      <c r="Q40" s="229">
        <v>0</v>
      </c>
      <c r="R40" s="65">
        <v>0</v>
      </c>
      <c r="S40" s="65">
        <v>0</v>
      </c>
      <c r="T40" s="65">
        <v>0</v>
      </c>
      <c r="U40" s="65">
        <v>0</v>
      </c>
      <c r="V40" s="65">
        <v>0</v>
      </c>
      <c r="W40" s="66">
        <v>0</v>
      </c>
      <c r="X40" s="67">
        <v>0</v>
      </c>
      <c r="Y40" s="64">
        <v>1</v>
      </c>
      <c r="Z40" s="65">
        <v>0</v>
      </c>
      <c r="AA40" s="66">
        <v>1</v>
      </c>
      <c r="AB40" s="229">
        <v>0</v>
      </c>
      <c r="AC40" s="65">
        <v>0</v>
      </c>
      <c r="AD40" s="65">
        <v>0</v>
      </c>
      <c r="AE40" s="65">
        <v>0</v>
      </c>
      <c r="AF40" s="65">
        <v>1</v>
      </c>
      <c r="AG40" s="65">
        <v>0</v>
      </c>
      <c r="AH40" s="66">
        <v>1</v>
      </c>
      <c r="AI40" s="67">
        <v>2</v>
      </c>
      <c r="AJ40" s="64">
        <v>0</v>
      </c>
      <c r="AK40" s="65">
        <v>0</v>
      </c>
      <c r="AL40" s="66">
        <v>0</v>
      </c>
      <c r="AM40" s="229">
        <v>0</v>
      </c>
      <c r="AN40" s="65">
        <v>0</v>
      </c>
      <c r="AO40" s="65">
        <v>0</v>
      </c>
      <c r="AP40" s="65">
        <v>0</v>
      </c>
      <c r="AQ40" s="65">
        <v>0</v>
      </c>
      <c r="AR40" s="65">
        <v>0</v>
      </c>
      <c r="AS40" s="66">
        <v>0</v>
      </c>
      <c r="AT40" s="67">
        <v>0</v>
      </c>
      <c r="AU40" s="64">
        <v>0</v>
      </c>
      <c r="AV40" s="65">
        <v>0</v>
      </c>
      <c r="AW40" s="66">
        <v>0</v>
      </c>
      <c r="AX40" s="229">
        <v>0</v>
      </c>
      <c r="AY40" s="65">
        <v>0</v>
      </c>
      <c r="AZ40" s="65">
        <v>0</v>
      </c>
      <c r="BA40" s="65">
        <v>0</v>
      </c>
      <c r="BB40" s="65">
        <v>1</v>
      </c>
      <c r="BC40" s="65">
        <v>0</v>
      </c>
      <c r="BD40" s="66">
        <v>1</v>
      </c>
      <c r="BE40" s="67">
        <v>1</v>
      </c>
      <c r="BF40" s="64">
        <v>0</v>
      </c>
      <c r="BG40" s="65">
        <v>0</v>
      </c>
      <c r="BH40" s="66">
        <v>0</v>
      </c>
      <c r="BI40" s="229">
        <v>0</v>
      </c>
      <c r="BJ40" s="65">
        <v>0</v>
      </c>
      <c r="BK40" s="65">
        <v>0</v>
      </c>
      <c r="BL40" s="65">
        <v>0</v>
      </c>
      <c r="BM40" s="65">
        <v>0</v>
      </c>
      <c r="BN40" s="65">
        <v>0</v>
      </c>
      <c r="BO40" s="66">
        <v>0</v>
      </c>
      <c r="BP40" s="67">
        <v>0</v>
      </c>
      <c r="BQ40" s="64">
        <v>0</v>
      </c>
      <c r="BR40" s="65">
        <v>0</v>
      </c>
      <c r="BS40" s="66">
        <v>0</v>
      </c>
      <c r="BT40" s="229">
        <v>0</v>
      </c>
      <c r="BU40" s="65">
        <v>0</v>
      </c>
      <c r="BV40" s="65">
        <v>0</v>
      </c>
      <c r="BW40" s="65">
        <v>0</v>
      </c>
      <c r="BX40" s="65">
        <v>0</v>
      </c>
      <c r="BY40" s="65">
        <v>0</v>
      </c>
      <c r="BZ40" s="66">
        <v>0</v>
      </c>
      <c r="CA40" s="67">
        <v>0</v>
      </c>
      <c r="CB40" s="64">
        <v>0</v>
      </c>
      <c r="CC40" s="65">
        <v>0</v>
      </c>
      <c r="CD40" s="66">
        <v>0</v>
      </c>
      <c r="CE40" s="229">
        <v>0</v>
      </c>
      <c r="CF40" s="65">
        <v>0</v>
      </c>
      <c r="CG40" s="65">
        <v>0</v>
      </c>
      <c r="CH40" s="65">
        <v>0</v>
      </c>
      <c r="CI40" s="65">
        <v>0</v>
      </c>
      <c r="CJ40" s="65">
        <v>0</v>
      </c>
      <c r="CK40" s="66">
        <v>0</v>
      </c>
      <c r="CL40" s="67">
        <v>0</v>
      </c>
      <c r="CM40" s="64">
        <v>1</v>
      </c>
      <c r="CN40" s="65">
        <v>0</v>
      </c>
      <c r="CO40" s="66">
        <v>1</v>
      </c>
      <c r="CP40" s="229">
        <v>0</v>
      </c>
      <c r="CQ40" s="65">
        <v>0</v>
      </c>
      <c r="CR40" s="65">
        <v>0</v>
      </c>
      <c r="CS40" s="65">
        <v>0</v>
      </c>
      <c r="CT40" s="65">
        <v>2</v>
      </c>
      <c r="CU40" s="65">
        <v>0</v>
      </c>
      <c r="CV40" s="66">
        <v>2</v>
      </c>
      <c r="CW40" s="67">
        <v>3</v>
      </c>
      <c r="CX40" s="114">
        <v>0</v>
      </c>
      <c r="CY40" s="77">
        <v>0</v>
      </c>
      <c r="CZ40" s="78">
        <v>0</v>
      </c>
      <c r="DA40" s="229">
        <v>0</v>
      </c>
      <c r="DB40" s="77">
        <v>0</v>
      </c>
      <c r="DC40" s="77">
        <v>0</v>
      </c>
      <c r="DD40" s="77">
        <v>0</v>
      </c>
      <c r="DE40" s="77">
        <v>0</v>
      </c>
      <c r="DF40" s="77">
        <v>1</v>
      </c>
      <c r="DG40" s="79">
        <v>1</v>
      </c>
      <c r="DH40" s="80">
        <v>1</v>
      </c>
      <c r="DI40" s="64">
        <v>0</v>
      </c>
      <c r="DJ40" s="65">
        <v>0</v>
      </c>
      <c r="DK40" s="66">
        <v>0</v>
      </c>
      <c r="DL40" s="229">
        <v>0</v>
      </c>
      <c r="DM40" s="65">
        <v>0</v>
      </c>
      <c r="DN40" s="65">
        <v>0</v>
      </c>
      <c r="DO40" s="65">
        <v>0</v>
      </c>
      <c r="DP40" s="65">
        <v>0</v>
      </c>
      <c r="DQ40" s="65">
        <v>0</v>
      </c>
      <c r="DR40" s="66">
        <v>0</v>
      </c>
      <c r="DS40" s="67">
        <v>0</v>
      </c>
      <c r="DT40" s="64">
        <v>0</v>
      </c>
      <c r="DU40" s="65">
        <v>0</v>
      </c>
      <c r="DV40" s="66">
        <v>0</v>
      </c>
      <c r="DW40" s="229">
        <v>0</v>
      </c>
      <c r="DX40" s="65">
        <v>0</v>
      </c>
      <c r="DY40" s="65">
        <v>0</v>
      </c>
      <c r="DZ40" s="65">
        <v>0</v>
      </c>
      <c r="EA40" s="65">
        <v>0</v>
      </c>
      <c r="EB40" s="65">
        <v>0</v>
      </c>
      <c r="EC40" s="66">
        <v>0</v>
      </c>
      <c r="ED40" s="67">
        <v>0</v>
      </c>
      <c r="EE40" s="64">
        <v>0</v>
      </c>
      <c r="EF40" s="65">
        <v>0</v>
      </c>
      <c r="EG40" s="66">
        <v>0</v>
      </c>
      <c r="EH40" s="229">
        <v>0</v>
      </c>
      <c r="EI40" s="65">
        <v>0</v>
      </c>
      <c r="EJ40" s="65">
        <v>0</v>
      </c>
      <c r="EK40" s="65">
        <v>0</v>
      </c>
      <c r="EL40" s="65">
        <v>0</v>
      </c>
      <c r="EM40" s="65">
        <v>0</v>
      </c>
      <c r="EN40" s="66">
        <v>0</v>
      </c>
      <c r="EO40" s="67">
        <v>0</v>
      </c>
      <c r="EP40" s="64">
        <v>0</v>
      </c>
      <c r="EQ40" s="65">
        <v>0</v>
      </c>
      <c r="ER40" s="66">
        <v>0</v>
      </c>
      <c r="ES40" s="229">
        <v>0</v>
      </c>
      <c r="ET40" s="65">
        <v>0</v>
      </c>
      <c r="EU40" s="65">
        <v>0</v>
      </c>
      <c r="EV40" s="65">
        <v>0</v>
      </c>
      <c r="EW40" s="65">
        <v>0</v>
      </c>
      <c r="EX40" s="65">
        <v>0</v>
      </c>
      <c r="EY40" s="66">
        <v>0</v>
      </c>
      <c r="EZ40" s="67">
        <v>0</v>
      </c>
      <c r="FA40" s="64">
        <v>0</v>
      </c>
      <c r="FB40" s="65">
        <v>0</v>
      </c>
      <c r="FC40" s="66">
        <v>0</v>
      </c>
      <c r="FD40" s="229">
        <v>0</v>
      </c>
      <c r="FE40" s="65">
        <v>0</v>
      </c>
      <c r="FF40" s="65">
        <v>0</v>
      </c>
      <c r="FG40" s="65">
        <v>0</v>
      </c>
      <c r="FH40" s="65">
        <v>0</v>
      </c>
      <c r="FI40" s="65">
        <v>0</v>
      </c>
      <c r="FJ40" s="66">
        <v>0</v>
      </c>
      <c r="FK40" s="67">
        <v>0</v>
      </c>
      <c r="FL40" s="64">
        <v>0</v>
      </c>
      <c r="FM40" s="65">
        <v>0</v>
      </c>
      <c r="FN40" s="66">
        <v>0</v>
      </c>
      <c r="FO40" s="229">
        <v>0</v>
      </c>
      <c r="FP40" s="65">
        <v>0</v>
      </c>
      <c r="FQ40" s="65">
        <v>0</v>
      </c>
      <c r="FR40" s="65">
        <v>0</v>
      </c>
      <c r="FS40" s="65">
        <v>0</v>
      </c>
      <c r="FT40" s="65">
        <v>1</v>
      </c>
      <c r="FU40" s="66">
        <v>1</v>
      </c>
      <c r="FV40" s="67">
        <v>1</v>
      </c>
      <c r="FW40" s="64">
        <v>0</v>
      </c>
      <c r="FX40" s="65">
        <v>0</v>
      </c>
      <c r="FY40" s="66">
        <v>0</v>
      </c>
      <c r="FZ40" s="229">
        <v>0</v>
      </c>
      <c r="GA40" s="65">
        <v>0</v>
      </c>
      <c r="GB40" s="65">
        <v>0</v>
      </c>
      <c r="GC40" s="65">
        <v>0</v>
      </c>
      <c r="GD40" s="65">
        <v>0</v>
      </c>
      <c r="GE40" s="65">
        <v>0</v>
      </c>
      <c r="GF40" s="66">
        <v>0</v>
      </c>
      <c r="GG40" s="67">
        <v>0</v>
      </c>
      <c r="GH40" s="64">
        <v>0</v>
      </c>
      <c r="GI40" s="65">
        <v>0</v>
      </c>
      <c r="GJ40" s="66">
        <v>0</v>
      </c>
      <c r="GK40" s="229">
        <v>0</v>
      </c>
      <c r="GL40" s="65">
        <v>0</v>
      </c>
      <c r="GM40" s="65">
        <v>0</v>
      </c>
      <c r="GN40" s="65">
        <v>0</v>
      </c>
      <c r="GO40" s="65">
        <v>0</v>
      </c>
      <c r="GP40" s="65">
        <v>1</v>
      </c>
      <c r="GQ40" s="66">
        <v>1</v>
      </c>
      <c r="GR40" s="67">
        <v>1</v>
      </c>
      <c r="GS40" s="114">
        <v>1</v>
      </c>
      <c r="GT40" s="77">
        <v>0</v>
      </c>
      <c r="GU40" s="78">
        <v>1</v>
      </c>
      <c r="GV40" s="229">
        <v>0</v>
      </c>
      <c r="GW40" s="77">
        <v>0</v>
      </c>
      <c r="GX40" s="77">
        <v>0</v>
      </c>
      <c r="GY40" s="77">
        <v>0</v>
      </c>
      <c r="GZ40" s="77">
        <v>2</v>
      </c>
      <c r="HA40" s="77">
        <v>1</v>
      </c>
      <c r="HB40" s="79">
        <v>3</v>
      </c>
      <c r="HC40" s="80">
        <v>4</v>
      </c>
      <c r="HD40" s="64">
        <v>0</v>
      </c>
      <c r="HE40" s="65">
        <v>0</v>
      </c>
      <c r="HF40" s="66">
        <v>0</v>
      </c>
      <c r="HG40" s="229">
        <v>0</v>
      </c>
      <c r="HH40" s="65">
        <v>0</v>
      </c>
      <c r="HI40" s="65">
        <v>0</v>
      </c>
      <c r="HJ40" s="65">
        <v>0</v>
      </c>
      <c r="HK40" s="65">
        <v>0</v>
      </c>
      <c r="HL40" s="65">
        <v>0</v>
      </c>
      <c r="HM40" s="66">
        <v>0</v>
      </c>
      <c r="HN40" s="67">
        <v>0</v>
      </c>
      <c r="HO40" s="64">
        <v>1</v>
      </c>
      <c r="HP40" s="65">
        <v>0</v>
      </c>
      <c r="HQ40" s="66">
        <v>1</v>
      </c>
      <c r="HR40" s="229">
        <v>0</v>
      </c>
      <c r="HS40" s="65">
        <v>0</v>
      </c>
      <c r="HT40" s="65">
        <v>0</v>
      </c>
      <c r="HU40" s="65">
        <v>0</v>
      </c>
      <c r="HV40" s="65">
        <v>1</v>
      </c>
      <c r="HW40" s="65">
        <v>0</v>
      </c>
      <c r="HX40" s="66">
        <v>1</v>
      </c>
      <c r="HY40" s="67">
        <v>2</v>
      </c>
      <c r="HZ40" s="64">
        <v>0</v>
      </c>
      <c r="IA40" s="65">
        <v>0</v>
      </c>
      <c r="IB40" s="66">
        <v>0</v>
      </c>
      <c r="IC40" s="229">
        <v>0</v>
      </c>
      <c r="ID40" s="65">
        <v>0</v>
      </c>
      <c r="IE40" s="65">
        <v>0</v>
      </c>
      <c r="IF40" s="65">
        <v>0</v>
      </c>
      <c r="IG40" s="65">
        <v>0</v>
      </c>
      <c r="IH40" s="65">
        <v>0</v>
      </c>
      <c r="II40" s="66">
        <v>0</v>
      </c>
      <c r="IJ40" s="67">
        <v>0</v>
      </c>
      <c r="IK40" s="64">
        <v>0</v>
      </c>
      <c r="IL40" s="65">
        <v>0</v>
      </c>
      <c r="IM40" s="66">
        <v>0</v>
      </c>
      <c r="IN40" s="229">
        <v>0</v>
      </c>
      <c r="IO40" s="65">
        <v>0</v>
      </c>
      <c r="IP40" s="65">
        <v>0</v>
      </c>
      <c r="IQ40" s="65">
        <v>0</v>
      </c>
      <c r="IR40" s="65">
        <v>1</v>
      </c>
      <c r="IS40" s="65">
        <v>0</v>
      </c>
      <c r="IT40" s="66">
        <v>1</v>
      </c>
      <c r="IU40" s="67">
        <v>1</v>
      </c>
      <c r="IV40" s="64">
        <v>0</v>
      </c>
      <c r="IW40" s="65">
        <v>0</v>
      </c>
      <c r="IX40" s="66">
        <v>0</v>
      </c>
      <c r="IY40" s="229">
        <v>0</v>
      </c>
      <c r="IZ40" s="65">
        <v>0</v>
      </c>
      <c r="JA40" s="65">
        <v>0</v>
      </c>
      <c r="JB40" s="65">
        <v>0</v>
      </c>
      <c r="JC40" s="65">
        <v>0</v>
      </c>
      <c r="JD40" s="65">
        <v>0</v>
      </c>
      <c r="JE40" s="66">
        <v>0</v>
      </c>
      <c r="JF40" s="67">
        <v>0</v>
      </c>
      <c r="JG40" s="64">
        <v>0</v>
      </c>
      <c r="JH40" s="65">
        <v>0</v>
      </c>
      <c r="JI40" s="66">
        <v>0</v>
      </c>
      <c r="JJ40" s="229">
        <v>0</v>
      </c>
      <c r="JK40" s="65">
        <v>0</v>
      </c>
      <c r="JL40" s="65">
        <v>0</v>
      </c>
      <c r="JM40" s="65">
        <v>0</v>
      </c>
      <c r="JN40" s="65">
        <v>0</v>
      </c>
      <c r="JO40" s="65">
        <v>1</v>
      </c>
      <c r="JP40" s="66">
        <v>1</v>
      </c>
      <c r="JQ40" s="67">
        <v>1</v>
      </c>
      <c r="JR40" s="64">
        <v>0</v>
      </c>
      <c r="JS40" s="65">
        <v>0</v>
      </c>
      <c r="JT40" s="66">
        <v>0</v>
      </c>
      <c r="JU40" s="229">
        <v>0</v>
      </c>
      <c r="JV40" s="65">
        <v>0</v>
      </c>
      <c r="JW40" s="65">
        <v>0</v>
      </c>
      <c r="JX40" s="65">
        <v>0</v>
      </c>
      <c r="JY40" s="65">
        <v>0</v>
      </c>
      <c r="JZ40" s="65">
        <v>0</v>
      </c>
      <c r="KA40" s="66">
        <v>0</v>
      </c>
      <c r="KB40" s="67">
        <v>0</v>
      </c>
      <c r="KC40" s="64">
        <v>1</v>
      </c>
      <c r="KD40" s="65">
        <v>0</v>
      </c>
      <c r="KE40" s="66">
        <v>1</v>
      </c>
      <c r="KF40" s="229">
        <v>0</v>
      </c>
      <c r="KG40" s="65">
        <v>0</v>
      </c>
      <c r="KH40" s="65">
        <v>0</v>
      </c>
      <c r="KI40" s="65">
        <v>0</v>
      </c>
      <c r="KJ40" s="65">
        <v>2</v>
      </c>
      <c r="KK40" s="65">
        <v>1</v>
      </c>
      <c r="KL40" s="66">
        <v>3</v>
      </c>
      <c r="KM40" s="67">
        <v>4</v>
      </c>
    </row>
    <row r="41" spans="2:299" ht="32.25" customHeight="1" x14ac:dyDescent="0.2">
      <c r="C41" s="289" t="s">
        <v>126</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8" customWidth="1"/>
    <col min="2" max="2" width="9.77734375" style="18" customWidth="1"/>
    <col min="3" max="6" width="7.77734375" style="16" customWidth="1"/>
    <col min="7" max="7" width="8.109375" style="16" customWidth="1"/>
    <col min="8" max="8" width="7.44140625" style="16" customWidth="1"/>
    <col min="9" max="9" width="9.109375" style="16" customWidth="1"/>
    <col min="10" max="10" width="7.77734375" style="16" customWidth="1"/>
    <col min="11" max="11" width="8.6640625" style="16" customWidth="1"/>
    <col min="12" max="12" width="9.33203125" style="16" customWidth="1"/>
    <col min="13" max="13" width="8.33203125" style="16" customWidth="1"/>
    <col min="14" max="26" width="7.77734375" style="16" customWidth="1"/>
    <col min="27" max="33" width="7.77734375" style="18" customWidth="1"/>
    <col min="34" max="34" width="9" style="18"/>
    <col min="35" max="35" width="8.6640625" style="18" customWidth="1"/>
    <col min="36" max="16384" width="9" style="18"/>
  </cols>
  <sheetData>
    <row r="1" spans="2:35" ht="24" customHeight="1" x14ac:dyDescent="0.2">
      <c r="B1" s="15" t="s">
        <v>133</v>
      </c>
      <c r="F1" s="17"/>
      <c r="G1" s="501">
        <f>第１表!F2</f>
        <v>5</v>
      </c>
      <c r="H1" s="501"/>
      <c r="I1" s="235">
        <f>第１表!G2</f>
        <v>10</v>
      </c>
      <c r="J1" s="505">
        <f>IF(I1&lt;3,I1+12-2,I1-2)</f>
        <v>8</v>
      </c>
      <c r="K1" s="505"/>
    </row>
    <row r="2" spans="2:35" ht="24" customHeight="1" thickBot="1" x14ac:dyDescent="0.25">
      <c r="B2" s="272"/>
      <c r="J2" s="19"/>
      <c r="K2" s="19"/>
      <c r="L2" s="19"/>
      <c r="M2" s="19"/>
      <c r="N2" s="19"/>
      <c r="O2" s="19"/>
      <c r="P2" s="20"/>
      <c r="Q2" s="20"/>
      <c r="R2" s="20"/>
    </row>
    <row r="3" spans="2:35" s="39" customFormat="1" ht="21" customHeight="1" thickBot="1" x14ac:dyDescent="0.25">
      <c r="B3" s="46"/>
      <c r="C3" s="502" t="s">
        <v>53</v>
      </c>
      <c r="D3" s="503"/>
      <c r="E3" s="503"/>
      <c r="F3" s="503"/>
      <c r="G3" s="503"/>
      <c r="H3" s="503"/>
      <c r="I3" s="503"/>
      <c r="J3" s="503"/>
      <c r="K3" s="503"/>
      <c r="L3" s="503"/>
      <c r="M3" s="504"/>
      <c r="N3" s="502" t="s">
        <v>54</v>
      </c>
      <c r="O3" s="503"/>
      <c r="P3" s="503"/>
      <c r="Q3" s="503"/>
      <c r="R3" s="503"/>
      <c r="S3" s="503"/>
      <c r="T3" s="503"/>
      <c r="U3" s="503"/>
      <c r="V3" s="503"/>
      <c r="W3" s="503"/>
      <c r="X3" s="504"/>
      <c r="Y3" s="502" t="s">
        <v>55</v>
      </c>
      <c r="Z3" s="503"/>
      <c r="AA3" s="503"/>
      <c r="AB3" s="503"/>
      <c r="AC3" s="503"/>
      <c r="AD3" s="503"/>
      <c r="AE3" s="503"/>
      <c r="AF3" s="503"/>
      <c r="AG3" s="503"/>
      <c r="AH3" s="503"/>
      <c r="AI3" s="504"/>
    </row>
    <row r="4" spans="2:35" s="39" customFormat="1" ht="30" customHeight="1" thickBot="1" x14ac:dyDescent="0.25">
      <c r="B4" s="46" t="s">
        <v>42</v>
      </c>
      <c r="C4" s="47" t="s">
        <v>43</v>
      </c>
      <c r="D4" s="48" t="s">
        <v>44</v>
      </c>
      <c r="E4" s="49" t="s">
        <v>45</v>
      </c>
      <c r="F4" s="50" t="s">
        <v>46</v>
      </c>
      <c r="G4" s="48" t="s">
        <v>47</v>
      </c>
      <c r="H4" s="48" t="s">
        <v>48</v>
      </c>
      <c r="I4" s="48" t="s">
        <v>49</v>
      </c>
      <c r="J4" s="48" t="s">
        <v>50</v>
      </c>
      <c r="K4" s="48" t="s">
        <v>51</v>
      </c>
      <c r="L4" s="49" t="s">
        <v>45</v>
      </c>
      <c r="M4" s="40" t="s">
        <v>52</v>
      </c>
      <c r="N4" s="47" t="s">
        <v>43</v>
      </c>
      <c r="O4" s="48" t="s">
        <v>44</v>
      </c>
      <c r="P4" s="49" t="s">
        <v>45</v>
      </c>
      <c r="Q4" s="50" t="s">
        <v>46</v>
      </c>
      <c r="R4" s="48" t="s">
        <v>47</v>
      </c>
      <c r="S4" s="48" t="s">
        <v>48</v>
      </c>
      <c r="T4" s="48" t="s">
        <v>49</v>
      </c>
      <c r="U4" s="48" t="s">
        <v>50</v>
      </c>
      <c r="V4" s="48" t="s">
        <v>51</v>
      </c>
      <c r="W4" s="49" t="s">
        <v>45</v>
      </c>
      <c r="X4" s="40" t="s">
        <v>52</v>
      </c>
      <c r="Y4" s="47" t="s">
        <v>43</v>
      </c>
      <c r="Z4" s="48" t="s">
        <v>44</v>
      </c>
      <c r="AA4" s="49" t="s">
        <v>45</v>
      </c>
      <c r="AB4" s="50" t="s">
        <v>46</v>
      </c>
      <c r="AC4" s="48" t="s">
        <v>47</v>
      </c>
      <c r="AD4" s="48" t="s">
        <v>48</v>
      </c>
      <c r="AE4" s="48" t="s">
        <v>49</v>
      </c>
      <c r="AF4" s="48" t="s">
        <v>50</v>
      </c>
      <c r="AG4" s="48" t="s">
        <v>51</v>
      </c>
      <c r="AH4" s="49" t="s">
        <v>45</v>
      </c>
      <c r="AI4" s="40" t="s">
        <v>52</v>
      </c>
    </row>
    <row r="5" spans="2:35" ht="21" customHeight="1" x14ac:dyDescent="0.2">
      <c r="B5" s="470" t="s">
        <v>4</v>
      </c>
      <c r="C5" s="202">
        <v>17045</v>
      </c>
      <c r="D5" s="203">
        <v>30405</v>
      </c>
      <c r="E5" s="204">
        <v>47450</v>
      </c>
      <c r="F5" s="199">
        <v>0</v>
      </c>
      <c r="G5" s="203">
        <v>60468</v>
      </c>
      <c r="H5" s="203">
        <v>61886</v>
      </c>
      <c r="I5" s="203">
        <v>35972</v>
      </c>
      <c r="J5" s="203">
        <v>27657</v>
      </c>
      <c r="K5" s="203">
        <v>16604</v>
      </c>
      <c r="L5" s="204">
        <v>202587</v>
      </c>
      <c r="M5" s="205">
        <v>250037</v>
      </c>
      <c r="N5" s="206">
        <v>330</v>
      </c>
      <c r="O5" s="203">
        <v>865</v>
      </c>
      <c r="P5" s="204">
        <v>1195</v>
      </c>
      <c r="Q5" s="199">
        <v>0</v>
      </c>
      <c r="R5" s="203">
        <v>1082</v>
      </c>
      <c r="S5" s="203">
        <v>1915</v>
      </c>
      <c r="T5" s="203">
        <v>1017</v>
      </c>
      <c r="U5" s="203">
        <v>812</v>
      </c>
      <c r="V5" s="203">
        <v>801</v>
      </c>
      <c r="W5" s="204">
        <v>5627</v>
      </c>
      <c r="X5" s="205">
        <v>6822</v>
      </c>
      <c r="Y5" s="202">
        <v>17375</v>
      </c>
      <c r="Z5" s="203">
        <v>31270</v>
      </c>
      <c r="AA5" s="204">
        <v>48645</v>
      </c>
      <c r="AB5" s="199">
        <v>0</v>
      </c>
      <c r="AC5" s="203">
        <v>61550</v>
      </c>
      <c r="AD5" s="203">
        <v>63801</v>
      </c>
      <c r="AE5" s="203">
        <v>36989</v>
      </c>
      <c r="AF5" s="203">
        <v>28469</v>
      </c>
      <c r="AG5" s="203">
        <v>17405</v>
      </c>
      <c r="AH5" s="204">
        <v>208214</v>
      </c>
      <c r="AI5" s="205">
        <v>256859</v>
      </c>
    </row>
    <row r="6" spans="2:35" ht="21" customHeight="1" x14ac:dyDescent="0.2">
      <c r="B6" s="471" t="s">
        <v>5</v>
      </c>
      <c r="C6" s="207">
        <v>6318</v>
      </c>
      <c r="D6" s="208">
        <v>13575</v>
      </c>
      <c r="E6" s="209">
        <v>19893</v>
      </c>
      <c r="F6" s="200">
        <v>0</v>
      </c>
      <c r="G6" s="208">
        <v>16051</v>
      </c>
      <c r="H6" s="208">
        <v>23117</v>
      </c>
      <c r="I6" s="208">
        <v>11852</v>
      </c>
      <c r="J6" s="208">
        <v>9389</v>
      </c>
      <c r="K6" s="208">
        <v>5577</v>
      </c>
      <c r="L6" s="209">
        <v>65986</v>
      </c>
      <c r="M6" s="210">
        <v>85879</v>
      </c>
      <c r="N6" s="211">
        <v>115</v>
      </c>
      <c r="O6" s="208">
        <v>369</v>
      </c>
      <c r="P6" s="209">
        <v>484</v>
      </c>
      <c r="Q6" s="200">
        <v>0</v>
      </c>
      <c r="R6" s="208">
        <v>227</v>
      </c>
      <c r="S6" s="208">
        <v>777</v>
      </c>
      <c r="T6" s="208">
        <v>388</v>
      </c>
      <c r="U6" s="208">
        <v>288</v>
      </c>
      <c r="V6" s="208">
        <v>296</v>
      </c>
      <c r="W6" s="209">
        <v>1976</v>
      </c>
      <c r="X6" s="210">
        <v>2460</v>
      </c>
      <c r="Y6" s="207">
        <v>6433</v>
      </c>
      <c r="Z6" s="208">
        <v>13944</v>
      </c>
      <c r="AA6" s="209">
        <v>20377</v>
      </c>
      <c r="AB6" s="200">
        <v>0</v>
      </c>
      <c r="AC6" s="208">
        <v>16278</v>
      </c>
      <c r="AD6" s="208">
        <v>23894</v>
      </c>
      <c r="AE6" s="208">
        <v>12240</v>
      </c>
      <c r="AF6" s="208">
        <v>9677</v>
      </c>
      <c r="AG6" s="208">
        <v>5873</v>
      </c>
      <c r="AH6" s="209">
        <v>67962</v>
      </c>
      <c r="AI6" s="210">
        <v>88339</v>
      </c>
    </row>
    <row r="7" spans="2:35" ht="21" customHeight="1" x14ac:dyDescent="0.2">
      <c r="B7" s="472" t="s">
        <v>6</v>
      </c>
      <c r="C7" s="207">
        <v>2385</v>
      </c>
      <c r="D7" s="208">
        <v>3680</v>
      </c>
      <c r="E7" s="209">
        <v>6065</v>
      </c>
      <c r="F7" s="200">
        <v>0</v>
      </c>
      <c r="G7" s="208">
        <v>10825</v>
      </c>
      <c r="H7" s="208">
        <v>9032</v>
      </c>
      <c r="I7" s="208">
        <v>5700</v>
      </c>
      <c r="J7" s="208">
        <v>4477</v>
      </c>
      <c r="K7" s="208">
        <v>2902</v>
      </c>
      <c r="L7" s="209">
        <v>32936</v>
      </c>
      <c r="M7" s="210">
        <v>39001</v>
      </c>
      <c r="N7" s="211">
        <v>65</v>
      </c>
      <c r="O7" s="208">
        <v>114</v>
      </c>
      <c r="P7" s="209">
        <v>179</v>
      </c>
      <c r="Q7" s="200">
        <v>0</v>
      </c>
      <c r="R7" s="208">
        <v>235</v>
      </c>
      <c r="S7" s="208">
        <v>264</v>
      </c>
      <c r="T7" s="208">
        <v>157</v>
      </c>
      <c r="U7" s="208">
        <v>145</v>
      </c>
      <c r="V7" s="208">
        <v>143</v>
      </c>
      <c r="W7" s="209">
        <v>944</v>
      </c>
      <c r="X7" s="210">
        <v>1123</v>
      </c>
      <c r="Y7" s="207">
        <v>2450</v>
      </c>
      <c r="Z7" s="208">
        <v>3794</v>
      </c>
      <c r="AA7" s="209">
        <v>6244</v>
      </c>
      <c r="AB7" s="200">
        <v>0</v>
      </c>
      <c r="AC7" s="208">
        <v>11060</v>
      </c>
      <c r="AD7" s="208">
        <v>9296</v>
      </c>
      <c r="AE7" s="208">
        <v>5857</v>
      </c>
      <c r="AF7" s="208">
        <v>4622</v>
      </c>
      <c r="AG7" s="208">
        <v>3045</v>
      </c>
      <c r="AH7" s="209">
        <v>33880</v>
      </c>
      <c r="AI7" s="210">
        <v>40124</v>
      </c>
    </row>
    <row r="8" spans="2:35" ht="21" customHeight="1" x14ac:dyDescent="0.2">
      <c r="B8" s="472" t="s">
        <v>14</v>
      </c>
      <c r="C8" s="207">
        <v>1207</v>
      </c>
      <c r="D8" s="208">
        <v>2720</v>
      </c>
      <c r="E8" s="209">
        <v>3927</v>
      </c>
      <c r="F8" s="200">
        <v>0</v>
      </c>
      <c r="G8" s="208">
        <v>4551</v>
      </c>
      <c r="H8" s="208">
        <v>5684</v>
      </c>
      <c r="I8" s="208">
        <v>3589</v>
      </c>
      <c r="J8" s="208">
        <v>2381</v>
      </c>
      <c r="K8" s="208">
        <v>1332</v>
      </c>
      <c r="L8" s="209">
        <v>17537</v>
      </c>
      <c r="M8" s="210">
        <v>21464</v>
      </c>
      <c r="N8" s="211">
        <v>19</v>
      </c>
      <c r="O8" s="208">
        <v>101</v>
      </c>
      <c r="P8" s="209">
        <v>120</v>
      </c>
      <c r="Q8" s="200">
        <v>0</v>
      </c>
      <c r="R8" s="208">
        <v>55</v>
      </c>
      <c r="S8" s="208">
        <v>177</v>
      </c>
      <c r="T8" s="208">
        <v>86</v>
      </c>
      <c r="U8" s="208">
        <v>79</v>
      </c>
      <c r="V8" s="208">
        <v>70</v>
      </c>
      <c r="W8" s="209">
        <v>467</v>
      </c>
      <c r="X8" s="210">
        <v>587</v>
      </c>
      <c r="Y8" s="207">
        <v>1226</v>
      </c>
      <c r="Z8" s="208">
        <v>2821</v>
      </c>
      <c r="AA8" s="209">
        <v>4047</v>
      </c>
      <c r="AB8" s="200">
        <v>0</v>
      </c>
      <c r="AC8" s="208">
        <v>4606</v>
      </c>
      <c r="AD8" s="208">
        <v>5861</v>
      </c>
      <c r="AE8" s="208">
        <v>3675</v>
      </c>
      <c r="AF8" s="208">
        <v>2460</v>
      </c>
      <c r="AG8" s="208">
        <v>1402</v>
      </c>
      <c r="AH8" s="209">
        <v>18004</v>
      </c>
      <c r="AI8" s="210">
        <v>22051</v>
      </c>
    </row>
    <row r="9" spans="2:35" ht="21" customHeight="1" x14ac:dyDescent="0.2">
      <c r="B9" s="472" t="s">
        <v>7</v>
      </c>
      <c r="C9" s="207">
        <v>570</v>
      </c>
      <c r="D9" s="208">
        <v>861</v>
      </c>
      <c r="E9" s="209">
        <v>1431</v>
      </c>
      <c r="F9" s="200">
        <v>0</v>
      </c>
      <c r="G9" s="208">
        <v>5095</v>
      </c>
      <c r="H9" s="208">
        <v>3544</v>
      </c>
      <c r="I9" s="208">
        <v>1948</v>
      </c>
      <c r="J9" s="208">
        <v>1510</v>
      </c>
      <c r="K9" s="208">
        <v>888</v>
      </c>
      <c r="L9" s="209">
        <v>12985</v>
      </c>
      <c r="M9" s="210">
        <v>14416</v>
      </c>
      <c r="N9" s="211">
        <v>8</v>
      </c>
      <c r="O9" s="208">
        <v>14</v>
      </c>
      <c r="P9" s="209">
        <v>22</v>
      </c>
      <c r="Q9" s="200">
        <v>0</v>
      </c>
      <c r="R9" s="208">
        <v>100</v>
      </c>
      <c r="S9" s="208">
        <v>100</v>
      </c>
      <c r="T9" s="208">
        <v>44</v>
      </c>
      <c r="U9" s="208">
        <v>42</v>
      </c>
      <c r="V9" s="208">
        <v>32</v>
      </c>
      <c r="W9" s="209">
        <v>318</v>
      </c>
      <c r="X9" s="210">
        <v>340</v>
      </c>
      <c r="Y9" s="207">
        <v>578</v>
      </c>
      <c r="Z9" s="208">
        <v>875</v>
      </c>
      <c r="AA9" s="209">
        <v>1453</v>
      </c>
      <c r="AB9" s="200">
        <v>0</v>
      </c>
      <c r="AC9" s="208">
        <v>5195</v>
      </c>
      <c r="AD9" s="208">
        <v>3644</v>
      </c>
      <c r="AE9" s="208">
        <v>1992</v>
      </c>
      <c r="AF9" s="208">
        <v>1552</v>
      </c>
      <c r="AG9" s="208">
        <v>920</v>
      </c>
      <c r="AH9" s="209">
        <v>13303</v>
      </c>
      <c r="AI9" s="210">
        <v>14756</v>
      </c>
    </row>
    <row r="10" spans="2:35" ht="21" customHeight="1" x14ac:dyDescent="0.2">
      <c r="B10" s="472" t="s">
        <v>8</v>
      </c>
      <c r="C10" s="207">
        <v>597</v>
      </c>
      <c r="D10" s="208">
        <v>696</v>
      </c>
      <c r="E10" s="209">
        <v>1293</v>
      </c>
      <c r="F10" s="200">
        <v>0</v>
      </c>
      <c r="G10" s="208">
        <v>2103</v>
      </c>
      <c r="H10" s="208">
        <v>2153</v>
      </c>
      <c r="I10" s="208">
        <v>1286</v>
      </c>
      <c r="J10" s="208">
        <v>916</v>
      </c>
      <c r="K10" s="208">
        <v>544</v>
      </c>
      <c r="L10" s="209">
        <v>7002</v>
      </c>
      <c r="M10" s="210">
        <v>8295</v>
      </c>
      <c r="N10" s="211">
        <v>8</v>
      </c>
      <c r="O10" s="208">
        <v>24</v>
      </c>
      <c r="P10" s="209">
        <v>32</v>
      </c>
      <c r="Q10" s="200">
        <v>0</v>
      </c>
      <c r="R10" s="208">
        <v>41</v>
      </c>
      <c r="S10" s="208">
        <v>68</v>
      </c>
      <c r="T10" s="208">
        <v>32</v>
      </c>
      <c r="U10" s="208">
        <v>26</v>
      </c>
      <c r="V10" s="208">
        <v>21</v>
      </c>
      <c r="W10" s="209">
        <v>188</v>
      </c>
      <c r="X10" s="210">
        <v>220</v>
      </c>
      <c r="Y10" s="207">
        <v>605</v>
      </c>
      <c r="Z10" s="208">
        <v>720</v>
      </c>
      <c r="AA10" s="209">
        <v>1325</v>
      </c>
      <c r="AB10" s="200">
        <v>0</v>
      </c>
      <c r="AC10" s="208">
        <v>2144</v>
      </c>
      <c r="AD10" s="208">
        <v>2221</v>
      </c>
      <c r="AE10" s="208">
        <v>1318</v>
      </c>
      <c r="AF10" s="208">
        <v>942</v>
      </c>
      <c r="AG10" s="208">
        <v>565</v>
      </c>
      <c r="AH10" s="209">
        <v>7190</v>
      </c>
      <c r="AI10" s="210">
        <v>8515</v>
      </c>
    </row>
    <row r="11" spans="2:35" ht="21" customHeight="1" x14ac:dyDescent="0.2">
      <c r="B11" s="472" t="s">
        <v>9</v>
      </c>
      <c r="C11" s="207">
        <v>502</v>
      </c>
      <c r="D11" s="208">
        <v>601</v>
      </c>
      <c r="E11" s="209">
        <v>1103</v>
      </c>
      <c r="F11" s="200">
        <v>0</v>
      </c>
      <c r="G11" s="208">
        <v>2052</v>
      </c>
      <c r="H11" s="208">
        <v>1478</v>
      </c>
      <c r="I11" s="208">
        <v>1012</v>
      </c>
      <c r="J11" s="208">
        <v>877</v>
      </c>
      <c r="K11" s="208">
        <v>525</v>
      </c>
      <c r="L11" s="209">
        <v>5944</v>
      </c>
      <c r="M11" s="210">
        <v>7047</v>
      </c>
      <c r="N11" s="211">
        <v>3</v>
      </c>
      <c r="O11" s="208">
        <v>14</v>
      </c>
      <c r="P11" s="209">
        <v>17</v>
      </c>
      <c r="Q11" s="200">
        <v>0</v>
      </c>
      <c r="R11" s="208">
        <v>32</v>
      </c>
      <c r="S11" s="208">
        <v>33</v>
      </c>
      <c r="T11" s="208">
        <v>24</v>
      </c>
      <c r="U11" s="208">
        <v>17</v>
      </c>
      <c r="V11" s="208">
        <v>16</v>
      </c>
      <c r="W11" s="209">
        <v>122</v>
      </c>
      <c r="X11" s="210">
        <v>139</v>
      </c>
      <c r="Y11" s="207">
        <v>505</v>
      </c>
      <c r="Z11" s="208">
        <v>615</v>
      </c>
      <c r="AA11" s="209">
        <v>1120</v>
      </c>
      <c r="AB11" s="200">
        <v>0</v>
      </c>
      <c r="AC11" s="208">
        <v>2084</v>
      </c>
      <c r="AD11" s="208">
        <v>1511</v>
      </c>
      <c r="AE11" s="208">
        <v>1036</v>
      </c>
      <c r="AF11" s="208">
        <v>894</v>
      </c>
      <c r="AG11" s="208">
        <v>541</v>
      </c>
      <c r="AH11" s="209">
        <v>6066</v>
      </c>
      <c r="AI11" s="210">
        <v>7186</v>
      </c>
    </row>
    <row r="12" spans="2:35" ht="21" customHeight="1" x14ac:dyDescent="0.2">
      <c r="B12" s="472" t="s">
        <v>10</v>
      </c>
      <c r="C12" s="207">
        <v>1337</v>
      </c>
      <c r="D12" s="208">
        <v>1624</v>
      </c>
      <c r="E12" s="209">
        <v>2961</v>
      </c>
      <c r="F12" s="200">
        <v>0</v>
      </c>
      <c r="G12" s="208">
        <v>4105</v>
      </c>
      <c r="H12" s="208">
        <v>2462</v>
      </c>
      <c r="I12" s="208">
        <v>1595</v>
      </c>
      <c r="J12" s="208">
        <v>1336</v>
      </c>
      <c r="K12" s="208">
        <v>900</v>
      </c>
      <c r="L12" s="209">
        <v>10398</v>
      </c>
      <c r="M12" s="210">
        <v>13359</v>
      </c>
      <c r="N12" s="211">
        <v>32</v>
      </c>
      <c r="O12" s="208">
        <v>37</v>
      </c>
      <c r="P12" s="209">
        <v>69</v>
      </c>
      <c r="Q12" s="200">
        <v>0</v>
      </c>
      <c r="R12" s="208">
        <v>106</v>
      </c>
      <c r="S12" s="208">
        <v>80</v>
      </c>
      <c r="T12" s="208">
        <v>40</v>
      </c>
      <c r="U12" s="208">
        <v>36</v>
      </c>
      <c r="V12" s="208">
        <v>46</v>
      </c>
      <c r="W12" s="209">
        <v>308</v>
      </c>
      <c r="X12" s="210">
        <v>377</v>
      </c>
      <c r="Y12" s="207">
        <v>1369</v>
      </c>
      <c r="Z12" s="208">
        <v>1661</v>
      </c>
      <c r="AA12" s="209">
        <v>3030</v>
      </c>
      <c r="AB12" s="200">
        <v>0</v>
      </c>
      <c r="AC12" s="208">
        <v>4211</v>
      </c>
      <c r="AD12" s="208">
        <v>2542</v>
      </c>
      <c r="AE12" s="208">
        <v>1635</v>
      </c>
      <c r="AF12" s="208">
        <v>1372</v>
      </c>
      <c r="AG12" s="208">
        <v>946</v>
      </c>
      <c r="AH12" s="209">
        <v>10706</v>
      </c>
      <c r="AI12" s="210">
        <v>13736</v>
      </c>
    </row>
    <row r="13" spans="2:35" ht="21" customHeight="1" x14ac:dyDescent="0.2">
      <c r="B13" s="472" t="s">
        <v>11</v>
      </c>
      <c r="C13" s="207">
        <v>533</v>
      </c>
      <c r="D13" s="208">
        <v>599</v>
      </c>
      <c r="E13" s="209">
        <v>1132</v>
      </c>
      <c r="F13" s="200">
        <v>0</v>
      </c>
      <c r="G13" s="208">
        <v>2130</v>
      </c>
      <c r="H13" s="208">
        <v>1375</v>
      </c>
      <c r="I13" s="208">
        <v>981</v>
      </c>
      <c r="J13" s="208">
        <v>789</v>
      </c>
      <c r="K13" s="208">
        <v>374</v>
      </c>
      <c r="L13" s="209">
        <v>5649</v>
      </c>
      <c r="M13" s="210">
        <v>6781</v>
      </c>
      <c r="N13" s="211">
        <v>10</v>
      </c>
      <c r="O13" s="208">
        <v>9</v>
      </c>
      <c r="P13" s="209">
        <v>19</v>
      </c>
      <c r="Q13" s="200">
        <v>0</v>
      </c>
      <c r="R13" s="208">
        <v>43</v>
      </c>
      <c r="S13" s="208">
        <v>33</v>
      </c>
      <c r="T13" s="208">
        <v>26</v>
      </c>
      <c r="U13" s="208">
        <v>16</v>
      </c>
      <c r="V13" s="208">
        <v>17</v>
      </c>
      <c r="W13" s="209">
        <v>135</v>
      </c>
      <c r="X13" s="210">
        <v>154</v>
      </c>
      <c r="Y13" s="207">
        <v>543</v>
      </c>
      <c r="Z13" s="208">
        <v>608</v>
      </c>
      <c r="AA13" s="209">
        <v>1151</v>
      </c>
      <c r="AB13" s="200">
        <v>0</v>
      </c>
      <c r="AC13" s="208">
        <v>2173</v>
      </c>
      <c r="AD13" s="208">
        <v>1408</v>
      </c>
      <c r="AE13" s="208">
        <v>1007</v>
      </c>
      <c r="AF13" s="208">
        <v>805</v>
      </c>
      <c r="AG13" s="208">
        <v>391</v>
      </c>
      <c r="AH13" s="209">
        <v>5784</v>
      </c>
      <c r="AI13" s="210">
        <v>6935</v>
      </c>
    </row>
    <row r="14" spans="2:35" ht="21" customHeight="1" x14ac:dyDescent="0.2">
      <c r="B14" s="472" t="s">
        <v>12</v>
      </c>
      <c r="C14" s="207">
        <v>715</v>
      </c>
      <c r="D14" s="208">
        <v>1123</v>
      </c>
      <c r="E14" s="209">
        <v>1838</v>
      </c>
      <c r="F14" s="200">
        <v>0</v>
      </c>
      <c r="G14" s="208">
        <v>1698</v>
      </c>
      <c r="H14" s="208">
        <v>1499</v>
      </c>
      <c r="I14" s="208">
        <v>966</v>
      </c>
      <c r="J14" s="208">
        <v>864</v>
      </c>
      <c r="K14" s="208">
        <v>489</v>
      </c>
      <c r="L14" s="209">
        <v>5516</v>
      </c>
      <c r="M14" s="210">
        <v>7354</v>
      </c>
      <c r="N14" s="211">
        <v>13</v>
      </c>
      <c r="O14" s="208">
        <v>32</v>
      </c>
      <c r="P14" s="209">
        <v>45</v>
      </c>
      <c r="Q14" s="200">
        <v>0</v>
      </c>
      <c r="R14" s="208">
        <v>26</v>
      </c>
      <c r="S14" s="208">
        <v>31</v>
      </c>
      <c r="T14" s="208">
        <v>21</v>
      </c>
      <c r="U14" s="208">
        <v>20</v>
      </c>
      <c r="V14" s="208">
        <v>17</v>
      </c>
      <c r="W14" s="209">
        <v>115</v>
      </c>
      <c r="X14" s="210">
        <v>160</v>
      </c>
      <c r="Y14" s="207">
        <v>728</v>
      </c>
      <c r="Z14" s="208">
        <v>1155</v>
      </c>
      <c r="AA14" s="209">
        <v>1883</v>
      </c>
      <c r="AB14" s="200">
        <v>0</v>
      </c>
      <c r="AC14" s="208">
        <v>1724</v>
      </c>
      <c r="AD14" s="208">
        <v>1530</v>
      </c>
      <c r="AE14" s="208">
        <v>987</v>
      </c>
      <c r="AF14" s="208">
        <v>884</v>
      </c>
      <c r="AG14" s="208">
        <v>506</v>
      </c>
      <c r="AH14" s="209">
        <v>5631</v>
      </c>
      <c r="AI14" s="210">
        <v>7514</v>
      </c>
    </row>
    <row r="15" spans="2:35" ht="21" customHeight="1" x14ac:dyDescent="0.2">
      <c r="B15" s="472" t="s">
        <v>13</v>
      </c>
      <c r="C15" s="207">
        <v>120</v>
      </c>
      <c r="D15" s="208">
        <v>214</v>
      </c>
      <c r="E15" s="209">
        <v>334</v>
      </c>
      <c r="F15" s="200">
        <v>0</v>
      </c>
      <c r="G15" s="208">
        <v>663</v>
      </c>
      <c r="H15" s="208">
        <v>642</v>
      </c>
      <c r="I15" s="208">
        <v>383</v>
      </c>
      <c r="J15" s="208">
        <v>316</v>
      </c>
      <c r="K15" s="208">
        <v>217</v>
      </c>
      <c r="L15" s="209">
        <v>2221</v>
      </c>
      <c r="M15" s="210">
        <v>2555</v>
      </c>
      <c r="N15" s="211">
        <v>0</v>
      </c>
      <c r="O15" s="208">
        <v>3</v>
      </c>
      <c r="P15" s="209">
        <v>3</v>
      </c>
      <c r="Q15" s="200">
        <v>0</v>
      </c>
      <c r="R15" s="208">
        <v>13</v>
      </c>
      <c r="S15" s="208">
        <v>14</v>
      </c>
      <c r="T15" s="208">
        <v>8</v>
      </c>
      <c r="U15" s="208">
        <v>5</v>
      </c>
      <c r="V15" s="208">
        <v>9</v>
      </c>
      <c r="W15" s="209">
        <v>49</v>
      </c>
      <c r="X15" s="210">
        <v>52</v>
      </c>
      <c r="Y15" s="207">
        <v>120</v>
      </c>
      <c r="Z15" s="208">
        <v>217</v>
      </c>
      <c r="AA15" s="209">
        <v>337</v>
      </c>
      <c r="AB15" s="200">
        <v>0</v>
      </c>
      <c r="AC15" s="208">
        <v>676</v>
      </c>
      <c r="AD15" s="208">
        <v>656</v>
      </c>
      <c r="AE15" s="208">
        <v>391</v>
      </c>
      <c r="AF15" s="208">
        <v>321</v>
      </c>
      <c r="AG15" s="208">
        <v>226</v>
      </c>
      <c r="AH15" s="209">
        <v>2270</v>
      </c>
      <c r="AI15" s="210">
        <v>2607</v>
      </c>
    </row>
    <row r="16" spans="2:35" ht="21" customHeight="1" x14ac:dyDescent="0.2">
      <c r="B16" s="472" t="s">
        <v>15</v>
      </c>
      <c r="C16" s="207">
        <v>96</v>
      </c>
      <c r="D16" s="208">
        <v>185</v>
      </c>
      <c r="E16" s="209">
        <v>281</v>
      </c>
      <c r="F16" s="200">
        <v>0</v>
      </c>
      <c r="G16" s="208">
        <v>536</v>
      </c>
      <c r="H16" s="208">
        <v>577</v>
      </c>
      <c r="I16" s="208">
        <v>321</v>
      </c>
      <c r="J16" s="208">
        <v>195</v>
      </c>
      <c r="K16" s="208">
        <v>131</v>
      </c>
      <c r="L16" s="209">
        <v>1760</v>
      </c>
      <c r="M16" s="210">
        <v>2041</v>
      </c>
      <c r="N16" s="211">
        <v>0</v>
      </c>
      <c r="O16" s="208">
        <v>5</v>
      </c>
      <c r="P16" s="209">
        <v>5</v>
      </c>
      <c r="Q16" s="200">
        <v>0</v>
      </c>
      <c r="R16" s="208">
        <v>8</v>
      </c>
      <c r="S16" s="208">
        <v>11</v>
      </c>
      <c r="T16" s="208">
        <v>2</v>
      </c>
      <c r="U16" s="208">
        <v>2</v>
      </c>
      <c r="V16" s="208">
        <v>8</v>
      </c>
      <c r="W16" s="209">
        <v>31</v>
      </c>
      <c r="X16" s="210">
        <v>36</v>
      </c>
      <c r="Y16" s="207">
        <v>96</v>
      </c>
      <c r="Z16" s="208">
        <v>190</v>
      </c>
      <c r="AA16" s="209">
        <v>286</v>
      </c>
      <c r="AB16" s="200">
        <v>0</v>
      </c>
      <c r="AC16" s="208">
        <v>544</v>
      </c>
      <c r="AD16" s="208">
        <v>588</v>
      </c>
      <c r="AE16" s="208">
        <v>323</v>
      </c>
      <c r="AF16" s="208">
        <v>197</v>
      </c>
      <c r="AG16" s="208">
        <v>139</v>
      </c>
      <c r="AH16" s="209">
        <v>1791</v>
      </c>
      <c r="AI16" s="210">
        <v>2077</v>
      </c>
    </row>
    <row r="17" spans="2:35" ht="21" customHeight="1" x14ac:dyDescent="0.2">
      <c r="B17" s="472" t="s">
        <v>16</v>
      </c>
      <c r="C17" s="207">
        <v>247</v>
      </c>
      <c r="D17" s="208">
        <v>471</v>
      </c>
      <c r="E17" s="209">
        <v>718</v>
      </c>
      <c r="F17" s="200">
        <v>0</v>
      </c>
      <c r="G17" s="208">
        <v>981</v>
      </c>
      <c r="H17" s="208">
        <v>1320</v>
      </c>
      <c r="I17" s="208">
        <v>708</v>
      </c>
      <c r="J17" s="208">
        <v>535</v>
      </c>
      <c r="K17" s="208">
        <v>342</v>
      </c>
      <c r="L17" s="209">
        <v>3886</v>
      </c>
      <c r="M17" s="210">
        <v>4604</v>
      </c>
      <c r="N17" s="211">
        <v>6</v>
      </c>
      <c r="O17" s="208">
        <v>15</v>
      </c>
      <c r="P17" s="209">
        <v>21</v>
      </c>
      <c r="Q17" s="200">
        <v>0</v>
      </c>
      <c r="R17" s="208">
        <v>14</v>
      </c>
      <c r="S17" s="208">
        <v>39</v>
      </c>
      <c r="T17" s="208">
        <v>22</v>
      </c>
      <c r="U17" s="208">
        <v>10</v>
      </c>
      <c r="V17" s="208">
        <v>15</v>
      </c>
      <c r="W17" s="209">
        <v>100</v>
      </c>
      <c r="X17" s="210">
        <v>121</v>
      </c>
      <c r="Y17" s="207">
        <v>253</v>
      </c>
      <c r="Z17" s="208">
        <v>486</v>
      </c>
      <c r="AA17" s="209">
        <v>739</v>
      </c>
      <c r="AB17" s="200">
        <v>0</v>
      </c>
      <c r="AC17" s="208">
        <v>995</v>
      </c>
      <c r="AD17" s="208">
        <v>1359</v>
      </c>
      <c r="AE17" s="208">
        <v>730</v>
      </c>
      <c r="AF17" s="208">
        <v>545</v>
      </c>
      <c r="AG17" s="208">
        <v>357</v>
      </c>
      <c r="AH17" s="209">
        <v>3986</v>
      </c>
      <c r="AI17" s="210">
        <v>4725</v>
      </c>
    </row>
    <row r="18" spans="2:35" ht="21" customHeight="1" x14ac:dyDescent="0.2">
      <c r="B18" s="472" t="s">
        <v>17</v>
      </c>
      <c r="C18" s="207">
        <v>307</v>
      </c>
      <c r="D18" s="208">
        <v>611</v>
      </c>
      <c r="E18" s="209">
        <v>918</v>
      </c>
      <c r="F18" s="200">
        <v>0</v>
      </c>
      <c r="G18" s="208">
        <v>1169</v>
      </c>
      <c r="H18" s="208">
        <v>1698</v>
      </c>
      <c r="I18" s="208">
        <v>1028</v>
      </c>
      <c r="J18" s="208">
        <v>749</v>
      </c>
      <c r="K18" s="208">
        <v>444</v>
      </c>
      <c r="L18" s="209">
        <v>5088</v>
      </c>
      <c r="M18" s="210">
        <v>6006</v>
      </c>
      <c r="N18" s="211">
        <v>4</v>
      </c>
      <c r="O18" s="208">
        <v>28</v>
      </c>
      <c r="P18" s="209">
        <v>32</v>
      </c>
      <c r="Q18" s="200">
        <v>0</v>
      </c>
      <c r="R18" s="208">
        <v>17</v>
      </c>
      <c r="S18" s="208">
        <v>61</v>
      </c>
      <c r="T18" s="208">
        <v>38</v>
      </c>
      <c r="U18" s="208">
        <v>27</v>
      </c>
      <c r="V18" s="208">
        <v>21</v>
      </c>
      <c r="W18" s="209">
        <v>164</v>
      </c>
      <c r="X18" s="210">
        <v>196</v>
      </c>
      <c r="Y18" s="207">
        <v>311</v>
      </c>
      <c r="Z18" s="208">
        <v>639</v>
      </c>
      <c r="AA18" s="209">
        <v>950</v>
      </c>
      <c r="AB18" s="200">
        <v>0</v>
      </c>
      <c r="AC18" s="208">
        <v>1186</v>
      </c>
      <c r="AD18" s="208">
        <v>1759</v>
      </c>
      <c r="AE18" s="208">
        <v>1066</v>
      </c>
      <c r="AF18" s="208">
        <v>776</v>
      </c>
      <c r="AG18" s="208">
        <v>465</v>
      </c>
      <c r="AH18" s="209">
        <v>5252</v>
      </c>
      <c r="AI18" s="210">
        <v>6202</v>
      </c>
    </row>
    <row r="19" spans="2:35" ht="21" customHeight="1" x14ac:dyDescent="0.2">
      <c r="B19" s="472" t="s">
        <v>18</v>
      </c>
      <c r="C19" s="207">
        <v>369</v>
      </c>
      <c r="D19" s="208">
        <v>677</v>
      </c>
      <c r="E19" s="209">
        <v>1046</v>
      </c>
      <c r="F19" s="200">
        <v>0</v>
      </c>
      <c r="G19" s="208">
        <v>1802</v>
      </c>
      <c r="H19" s="208">
        <v>1711</v>
      </c>
      <c r="I19" s="208">
        <v>1070</v>
      </c>
      <c r="J19" s="208">
        <v>771</v>
      </c>
      <c r="K19" s="208">
        <v>459</v>
      </c>
      <c r="L19" s="209">
        <v>5813</v>
      </c>
      <c r="M19" s="210">
        <v>6859</v>
      </c>
      <c r="N19" s="211">
        <v>14</v>
      </c>
      <c r="O19" s="208">
        <v>22</v>
      </c>
      <c r="P19" s="209">
        <v>36</v>
      </c>
      <c r="Q19" s="200">
        <v>0</v>
      </c>
      <c r="R19" s="208">
        <v>44</v>
      </c>
      <c r="S19" s="208">
        <v>53</v>
      </c>
      <c r="T19" s="208">
        <v>27</v>
      </c>
      <c r="U19" s="208">
        <v>33</v>
      </c>
      <c r="V19" s="208">
        <v>26</v>
      </c>
      <c r="W19" s="209">
        <v>183</v>
      </c>
      <c r="X19" s="210">
        <v>219</v>
      </c>
      <c r="Y19" s="207">
        <v>383</v>
      </c>
      <c r="Z19" s="208">
        <v>699</v>
      </c>
      <c r="AA19" s="209">
        <v>1082</v>
      </c>
      <c r="AB19" s="200">
        <v>0</v>
      </c>
      <c r="AC19" s="208">
        <v>1846</v>
      </c>
      <c r="AD19" s="208">
        <v>1764</v>
      </c>
      <c r="AE19" s="208">
        <v>1097</v>
      </c>
      <c r="AF19" s="208">
        <v>804</v>
      </c>
      <c r="AG19" s="208">
        <v>485</v>
      </c>
      <c r="AH19" s="209">
        <v>5996</v>
      </c>
      <c r="AI19" s="210">
        <v>7078</v>
      </c>
    </row>
    <row r="20" spans="2:35" ht="21" customHeight="1" x14ac:dyDescent="0.2">
      <c r="B20" s="472" t="s">
        <v>19</v>
      </c>
      <c r="C20" s="207">
        <v>220</v>
      </c>
      <c r="D20" s="208">
        <v>306</v>
      </c>
      <c r="E20" s="209">
        <v>526</v>
      </c>
      <c r="F20" s="200">
        <v>0</v>
      </c>
      <c r="G20" s="208">
        <v>851</v>
      </c>
      <c r="H20" s="208">
        <v>689</v>
      </c>
      <c r="I20" s="208">
        <v>454</v>
      </c>
      <c r="J20" s="208">
        <v>294</v>
      </c>
      <c r="K20" s="208">
        <v>195</v>
      </c>
      <c r="L20" s="209">
        <v>2483</v>
      </c>
      <c r="M20" s="210">
        <v>3009</v>
      </c>
      <c r="N20" s="211">
        <v>6</v>
      </c>
      <c r="O20" s="208">
        <v>6</v>
      </c>
      <c r="P20" s="209">
        <v>12</v>
      </c>
      <c r="Q20" s="200">
        <v>0</v>
      </c>
      <c r="R20" s="208">
        <v>21</v>
      </c>
      <c r="S20" s="208">
        <v>20</v>
      </c>
      <c r="T20" s="208">
        <v>13</v>
      </c>
      <c r="U20" s="208">
        <v>9</v>
      </c>
      <c r="V20" s="208">
        <v>10</v>
      </c>
      <c r="W20" s="209">
        <v>73</v>
      </c>
      <c r="X20" s="210">
        <v>85</v>
      </c>
      <c r="Y20" s="207">
        <v>226</v>
      </c>
      <c r="Z20" s="208">
        <v>312</v>
      </c>
      <c r="AA20" s="209">
        <v>538</v>
      </c>
      <c r="AB20" s="200">
        <v>0</v>
      </c>
      <c r="AC20" s="208">
        <v>872</v>
      </c>
      <c r="AD20" s="208">
        <v>709</v>
      </c>
      <c r="AE20" s="208">
        <v>467</v>
      </c>
      <c r="AF20" s="208">
        <v>303</v>
      </c>
      <c r="AG20" s="208">
        <v>205</v>
      </c>
      <c r="AH20" s="209">
        <v>2556</v>
      </c>
      <c r="AI20" s="210">
        <v>3094</v>
      </c>
    </row>
    <row r="21" spans="2:35" ht="21" customHeight="1" x14ac:dyDescent="0.2">
      <c r="B21" s="472" t="s">
        <v>20</v>
      </c>
      <c r="C21" s="207">
        <v>218</v>
      </c>
      <c r="D21" s="208">
        <v>443</v>
      </c>
      <c r="E21" s="209">
        <v>661</v>
      </c>
      <c r="F21" s="200">
        <v>0</v>
      </c>
      <c r="G21" s="208">
        <v>1110</v>
      </c>
      <c r="H21" s="208">
        <v>771</v>
      </c>
      <c r="I21" s="208">
        <v>524</v>
      </c>
      <c r="J21" s="208">
        <v>349</v>
      </c>
      <c r="K21" s="208">
        <v>189</v>
      </c>
      <c r="L21" s="209">
        <v>2943</v>
      </c>
      <c r="M21" s="210">
        <v>3604</v>
      </c>
      <c r="N21" s="211">
        <v>3</v>
      </c>
      <c r="O21" s="208">
        <v>22</v>
      </c>
      <c r="P21" s="209">
        <v>25</v>
      </c>
      <c r="Q21" s="200">
        <v>0</v>
      </c>
      <c r="R21" s="208">
        <v>30</v>
      </c>
      <c r="S21" s="208">
        <v>23</v>
      </c>
      <c r="T21" s="208">
        <v>13</v>
      </c>
      <c r="U21" s="208">
        <v>20</v>
      </c>
      <c r="V21" s="208">
        <v>9</v>
      </c>
      <c r="W21" s="209">
        <v>95</v>
      </c>
      <c r="X21" s="210">
        <v>120</v>
      </c>
      <c r="Y21" s="207">
        <v>221</v>
      </c>
      <c r="Z21" s="208">
        <v>465</v>
      </c>
      <c r="AA21" s="209">
        <v>686</v>
      </c>
      <c r="AB21" s="200">
        <v>0</v>
      </c>
      <c r="AC21" s="208">
        <v>1140</v>
      </c>
      <c r="AD21" s="208">
        <v>794</v>
      </c>
      <c r="AE21" s="208">
        <v>537</v>
      </c>
      <c r="AF21" s="208">
        <v>369</v>
      </c>
      <c r="AG21" s="208">
        <v>198</v>
      </c>
      <c r="AH21" s="209">
        <v>3038</v>
      </c>
      <c r="AI21" s="210">
        <v>3724</v>
      </c>
    </row>
    <row r="22" spans="2:35" ht="21" customHeight="1" x14ac:dyDescent="0.2">
      <c r="B22" s="472" t="s">
        <v>21</v>
      </c>
      <c r="C22" s="207">
        <v>311</v>
      </c>
      <c r="D22" s="208">
        <v>442</v>
      </c>
      <c r="E22" s="209">
        <v>753</v>
      </c>
      <c r="F22" s="200">
        <v>0</v>
      </c>
      <c r="G22" s="208">
        <v>986</v>
      </c>
      <c r="H22" s="208">
        <v>1064</v>
      </c>
      <c r="I22" s="208">
        <v>640</v>
      </c>
      <c r="J22" s="208">
        <v>439</v>
      </c>
      <c r="K22" s="208">
        <v>283</v>
      </c>
      <c r="L22" s="209">
        <v>3412</v>
      </c>
      <c r="M22" s="210">
        <v>4165</v>
      </c>
      <c r="N22" s="211">
        <v>9</v>
      </c>
      <c r="O22" s="208">
        <v>16</v>
      </c>
      <c r="P22" s="209">
        <v>25</v>
      </c>
      <c r="Q22" s="200">
        <v>0</v>
      </c>
      <c r="R22" s="208">
        <v>3</v>
      </c>
      <c r="S22" s="208">
        <v>40</v>
      </c>
      <c r="T22" s="208">
        <v>27</v>
      </c>
      <c r="U22" s="208">
        <v>14</v>
      </c>
      <c r="V22" s="208">
        <v>14</v>
      </c>
      <c r="W22" s="209">
        <v>98</v>
      </c>
      <c r="X22" s="210">
        <v>123</v>
      </c>
      <c r="Y22" s="207">
        <v>320</v>
      </c>
      <c r="Z22" s="208">
        <v>458</v>
      </c>
      <c r="AA22" s="209">
        <v>778</v>
      </c>
      <c r="AB22" s="200">
        <v>0</v>
      </c>
      <c r="AC22" s="208">
        <v>989</v>
      </c>
      <c r="AD22" s="208">
        <v>1104</v>
      </c>
      <c r="AE22" s="208">
        <v>667</v>
      </c>
      <c r="AF22" s="208">
        <v>453</v>
      </c>
      <c r="AG22" s="208">
        <v>297</v>
      </c>
      <c r="AH22" s="209">
        <v>3510</v>
      </c>
      <c r="AI22" s="210">
        <v>4288</v>
      </c>
    </row>
    <row r="23" spans="2:35" ht="21" customHeight="1" x14ac:dyDescent="0.2">
      <c r="B23" s="472" t="s">
        <v>22</v>
      </c>
      <c r="C23" s="207">
        <v>63</v>
      </c>
      <c r="D23" s="208">
        <v>166</v>
      </c>
      <c r="E23" s="209">
        <v>229</v>
      </c>
      <c r="F23" s="200">
        <v>0</v>
      </c>
      <c r="G23" s="208">
        <v>388</v>
      </c>
      <c r="H23" s="208">
        <v>365</v>
      </c>
      <c r="I23" s="208">
        <v>203</v>
      </c>
      <c r="J23" s="208">
        <v>150</v>
      </c>
      <c r="K23" s="208">
        <v>84</v>
      </c>
      <c r="L23" s="209">
        <v>1190</v>
      </c>
      <c r="M23" s="210">
        <v>1419</v>
      </c>
      <c r="N23" s="211">
        <v>2</v>
      </c>
      <c r="O23" s="208">
        <v>5</v>
      </c>
      <c r="P23" s="209">
        <v>7</v>
      </c>
      <c r="Q23" s="200">
        <v>0</v>
      </c>
      <c r="R23" s="208">
        <v>8</v>
      </c>
      <c r="S23" s="208">
        <v>10</v>
      </c>
      <c r="T23" s="208">
        <v>5</v>
      </c>
      <c r="U23" s="208">
        <v>2</v>
      </c>
      <c r="V23" s="208">
        <v>3</v>
      </c>
      <c r="W23" s="209">
        <v>28</v>
      </c>
      <c r="X23" s="210">
        <v>35</v>
      </c>
      <c r="Y23" s="207">
        <v>65</v>
      </c>
      <c r="Z23" s="208">
        <v>171</v>
      </c>
      <c r="AA23" s="209">
        <v>236</v>
      </c>
      <c r="AB23" s="200">
        <v>0</v>
      </c>
      <c r="AC23" s="208">
        <v>396</v>
      </c>
      <c r="AD23" s="208">
        <v>375</v>
      </c>
      <c r="AE23" s="208">
        <v>208</v>
      </c>
      <c r="AF23" s="208">
        <v>152</v>
      </c>
      <c r="AG23" s="208">
        <v>87</v>
      </c>
      <c r="AH23" s="209">
        <v>1218</v>
      </c>
      <c r="AI23" s="210">
        <v>1454</v>
      </c>
    </row>
    <row r="24" spans="2:35" ht="21" customHeight="1" x14ac:dyDescent="0.2">
      <c r="B24" s="472" t="s">
        <v>23</v>
      </c>
      <c r="C24" s="207">
        <v>142</v>
      </c>
      <c r="D24" s="208">
        <v>271</v>
      </c>
      <c r="E24" s="209">
        <v>413</v>
      </c>
      <c r="F24" s="200">
        <v>0</v>
      </c>
      <c r="G24" s="208">
        <v>616</v>
      </c>
      <c r="H24" s="208">
        <v>580</v>
      </c>
      <c r="I24" s="208">
        <v>310</v>
      </c>
      <c r="J24" s="208">
        <v>286</v>
      </c>
      <c r="K24" s="208">
        <v>153</v>
      </c>
      <c r="L24" s="209">
        <v>1945</v>
      </c>
      <c r="M24" s="210">
        <v>2358</v>
      </c>
      <c r="N24" s="211">
        <v>4</v>
      </c>
      <c r="O24" s="208">
        <v>7</v>
      </c>
      <c r="P24" s="209">
        <v>11</v>
      </c>
      <c r="Q24" s="200">
        <v>0</v>
      </c>
      <c r="R24" s="208">
        <v>8</v>
      </c>
      <c r="S24" s="208">
        <v>21</v>
      </c>
      <c r="T24" s="208">
        <v>13</v>
      </c>
      <c r="U24" s="208">
        <v>4</v>
      </c>
      <c r="V24" s="208">
        <v>5</v>
      </c>
      <c r="W24" s="209">
        <v>51</v>
      </c>
      <c r="X24" s="210">
        <v>62</v>
      </c>
      <c r="Y24" s="207">
        <v>146</v>
      </c>
      <c r="Z24" s="208">
        <v>278</v>
      </c>
      <c r="AA24" s="209">
        <v>424</v>
      </c>
      <c r="AB24" s="200">
        <v>0</v>
      </c>
      <c r="AC24" s="208">
        <v>624</v>
      </c>
      <c r="AD24" s="208">
        <v>601</v>
      </c>
      <c r="AE24" s="208">
        <v>323</v>
      </c>
      <c r="AF24" s="208">
        <v>290</v>
      </c>
      <c r="AG24" s="208">
        <v>158</v>
      </c>
      <c r="AH24" s="209">
        <v>1996</v>
      </c>
      <c r="AI24" s="210">
        <v>2420</v>
      </c>
    </row>
    <row r="25" spans="2:35" ht="21" customHeight="1" x14ac:dyDescent="0.2">
      <c r="B25" s="472" t="s">
        <v>24</v>
      </c>
      <c r="C25" s="207">
        <v>138</v>
      </c>
      <c r="D25" s="208">
        <v>122</v>
      </c>
      <c r="E25" s="209">
        <v>260</v>
      </c>
      <c r="F25" s="200">
        <v>0</v>
      </c>
      <c r="G25" s="208">
        <v>322</v>
      </c>
      <c r="H25" s="208">
        <v>257</v>
      </c>
      <c r="I25" s="208">
        <v>163</v>
      </c>
      <c r="J25" s="208">
        <v>132</v>
      </c>
      <c r="K25" s="208">
        <v>78</v>
      </c>
      <c r="L25" s="209">
        <v>952</v>
      </c>
      <c r="M25" s="210">
        <v>1212</v>
      </c>
      <c r="N25" s="211">
        <v>0</v>
      </c>
      <c r="O25" s="208">
        <v>0</v>
      </c>
      <c r="P25" s="209">
        <v>0</v>
      </c>
      <c r="Q25" s="200">
        <v>0</v>
      </c>
      <c r="R25" s="208">
        <v>3</v>
      </c>
      <c r="S25" s="208">
        <v>7</v>
      </c>
      <c r="T25" s="208">
        <v>3</v>
      </c>
      <c r="U25" s="208">
        <v>2</v>
      </c>
      <c r="V25" s="208">
        <v>2</v>
      </c>
      <c r="W25" s="209">
        <v>17</v>
      </c>
      <c r="X25" s="210">
        <v>17</v>
      </c>
      <c r="Y25" s="207">
        <v>138</v>
      </c>
      <c r="Z25" s="208">
        <v>122</v>
      </c>
      <c r="AA25" s="209">
        <v>260</v>
      </c>
      <c r="AB25" s="200">
        <v>0</v>
      </c>
      <c r="AC25" s="208">
        <v>325</v>
      </c>
      <c r="AD25" s="208">
        <v>264</v>
      </c>
      <c r="AE25" s="208">
        <v>166</v>
      </c>
      <c r="AF25" s="208">
        <v>134</v>
      </c>
      <c r="AG25" s="208">
        <v>80</v>
      </c>
      <c r="AH25" s="209">
        <v>969</v>
      </c>
      <c r="AI25" s="210">
        <v>1229</v>
      </c>
    </row>
    <row r="26" spans="2:35" ht="21" customHeight="1" x14ac:dyDescent="0.2">
      <c r="B26" s="472" t="s">
        <v>25</v>
      </c>
      <c r="C26" s="207">
        <v>103</v>
      </c>
      <c r="D26" s="208">
        <v>166</v>
      </c>
      <c r="E26" s="209">
        <v>269</v>
      </c>
      <c r="F26" s="200">
        <v>0</v>
      </c>
      <c r="G26" s="208">
        <v>387</v>
      </c>
      <c r="H26" s="208">
        <v>288</v>
      </c>
      <c r="I26" s="208">
        <v>177</v>
      </c>
      <c r="J26" s="208">
        <v>148</v>
      </c>
      <c r="K26" s="208">
        <v>64</v>
      </c>
      <c r="L26" s="209">
        <v>1064</v>
      </c>
      <c r="M26" s="210">
        <v>1333</v>
      </c>
      <c r="N26" s="211">
        <v>1</v>
      </c>
      <c r="O26" s="208">
        <v>6</v>
      </c>
      <c r="P26" s="209">
        <v>7</v>
      </c>
      <c r="Q26" s="200">
        <v>0</v>
      </c>
      <c r="R26" s="208">
        <v>6</v>
      </c>
      <c r="S26" s="208">
        <v>12</v>
      </c>
      <c r="T26" s="208">
        <v>2</v>
      </c>
      <c r="U26" s="208">
        <v>2</v>
      </c>
      <c r="V26" s="208">
        <v>3</v>
      </c>
      <c r="W26" s="209">
        <v>25</v>
      </c>
      <c r="X26" s="210">
        <v>32</v>
      </c>
      <c r="Y26" s="207">
        <v>104</v>
      </c>
      <c r="Z26" s="208">
        <v>172</v>
      </c>
      <c r="AA26" s="209">
        <v>276</v>
      </c>
      <c r="AB26" s="200">
        <v>0</v>
      </c>
      <c r="AC26" s="208">
        <v>393</v>
      </c>
      <c r="AD26" s="208">
        <v>300</v>
      </c>
      <c r="AE26" s="208">
        <v>179</v>
      </c>
      <c r="AF26" s="208">
        <v>150</v>
      </c>
      <c r="AG26" s="208">
        <v>67</v>
      </c>
      <c r="AH26" s="209">
        <v>1089</v>
      </c>
      <c r="AI26" s="210">
        <v>1365</v>
      </c>
    </row>
    <row r="27" spans="2:35" ht="21" customHeight="1" x14ac:dyDescent="0.2">
      <c r="B27" s="472" t="s">
        <v>26</v>
      </c>
      <c r="C27" s="207">
        <v>76</v>
      </c>
      <c r="D27" s="208">
        <v>111</v>
      </c>
      <c r="E27" s="209">
        <v>187</v>
      </c>
      <c r="F27" s="200">
        <v>0</v>
      </c>
      <c r="G27" s="208">
        <v>316</v>
      </c>
      <c r="H27" s="208">
        <v>268</v>
      </c>
      <c r="I27" s="208">
        <v>193</v>
      </c>
      <c r="J27" s="208">
        <v>110</v>
      </c>
      <c r="K27" s="208">
        <v>72</v>
      </c>
      <c r="L27" s="209">
        <v>959</v>
      </c>
      <c r="M27" s="210">
        <v>1146</v>
      </c>
      <c r="N27" s="211">
        <v>1</v>
      </c>
      <c r="O27" s="208">
        <v>1</v>
      </c>
      <c r="P27" s="209">
        <v>2</v>
      </c>
      <c r="Q27" s="200">
        <v>0</v>
      </c>
      <c r="R27" s="208">
        <v>10</v>
      </c>
      <c r="S27" s="208">
        <v>4</v>
      </c>
      <c r="T27" s="208">
        <v>5</v>
      </c>
      <c r="U27" s="208">
        <v>2</v>
      </c>
      <c r="V27" s="208">
        <v>2</v>
      </c>
      <c r="W27" s="209">
        <v>23</v>
      </c>
      <c r="X27" s="210">
        <v>25</v>
      </c>
      <c r="Y27" s="207">
        <v>77</v>
      </c>
      <c r="Z27" s="208">
        <v>112</v>
      </c>
      <c r="AA27" s="209">
        <v>189</v>
      </c>
      <c r="AB27" s="200">
        <v>0</v>
      </c>
      <c r="AC27" s="208">
        <v>326</v>
      </c>
      <c r="AD27" s="208">
        <v>272</v>
      </c>
      <c r="AE27" s="208">
        <v>198</v>
      </c>
      <c r="AF27" s="208">
        <v>112</v>
      </c>
      <c r="AG27" s="208">
        <v>74</v>
      </c>
      <c r="AH27" s="209">
        <v>982</v>
      </c>
      <c r="AI27" s="210">
        <v>1171</v>
      </c>
    </row>
    <row r="28" spans="2:35" ht="21" customHeight="1" x14ac:dyDescent="0.2">
      <c r="B28" s="472" t="s">
        <v>27</v>
      </c>
      <c r="C28" s="207">
        <v>131</v>
      </c>
      <c r="D28" s="208">
        <v>192</v>
      </c>
      <c r="E28" s="209">
        <v>323</v>
      </c>
      <c r="F28" s="200">
        <v>0</v>
      </c>
      <c r="G28" s="208">
        <v>264</v>
      </c>
      <c r="H28" s="208">
        <v>186</v>
      </c>
      <c r="I28" s="208">
        <v>137</v>
      </c>
      <c r="J28" s="208">
        <v>107</v>
      </c>
      <c r="K28" s="208">
        <v>70</v>
      </c>
      <c r="L28" s="209">
        <v>764</v>
      </c>
      <c r="M28" s="210">
        <v>1087</v>
      </c>
      <c r="N28" s="211">
        <v>4</v>
      </c>
      <c r="O28" s="208">
        <v>3</v>
      </c>
      <c r="P28" s="209">
        <v>7</v>
      </c>
      <c r="Q28" s="200">
        <v>0</v>
      </c>
      <c r="R28" s="208">
        <v>6</v>
      </c>
      <c r="S28" s="208">
        <v>6</v>
      </c>
      <c r="T28" s="208">
        <v>3</v>
      </c>
      <c r="U28" s="208">
        <v>1</v>
      </c>
      <c r="V28" s="208">
        <v>3</v>
      </c>
      <c r="W28" s="209">
        <v>19</v>
      </c>
      <c r="X28" s="210">
        <v>26</v>
      </c>
      <c r="Y28" s="207">
        <v>135</v>
      </c>
      <c r="Z28" s="208">
        <v>195</v>
      </c>
      <c r="AA28" s="209">
        <v>330</v>
      </c>
      <c r="AB28" s="200">
        <v>0</v>
      </c>
      <c r="AC28" s="208">
        <v>270</v>
      </c>
      <c r="AD28" s="208">
        <v>192</v>
      </c>
      <c r="AE28" s="208">
        <v>140</v>
      </c>
      <c r="AF28" s="208">
        <v>108</v>
      </c>
      <c r="AG28" s="208">
        <v>73</v>
      </c>
      <c r="AH28" s="209">
        <v>783</v>
      </c>
      <c r="AI28" s="210">
        <v>1113</v>
      </c>
    </row>
    <row r="29" spans="2:35" ht="21" customHeight="1" x14ac:dyDescent="0.2">
      <c r="B29" s="472" t="s">
        <v>28</v>
      </c>
      <c r="C29" s="207">
        <v>11</v>
      </c>
      <c r="D29" s="208">
        <v>21</v>
      </c>
      <c r="E29" s="209">
        <v>32</v>
      </c>
      <c r="F29" s="200">
        <v>0</v>
      </c>
      <c r="G29" s="208">
        <v>85</v>
      </c>
      <c r="H29" s="208">
        <v>90</v>
      </c>
      <c r="I29" s="208">
        <v>48</v>
      </c>
      <c r="J29" s="208">
        <v>37</v>
      </c>
      <c r="K29" s="208">
        <v>15</v>
      </c>
      <c r="L29" s="209">
        <v>275</v>
      </c>
      <c r="M29" s="210">
        <v>307</v>
      </c>
      <c r="N29" s="211">
        <v>1</v>
      </c>
      <c r="O29" s="208">
        <v>0</v>
      </c>
      <c r="P29" s="209">
        <v>1</v>
      </c>
      <c r="Q29" s="200">
        <v>0</v>
      </c>
      <c r="R29" s="208">
        <v>0</v>
      </c>
      <c r="S29" s="208">
        <v>4</v>
      </c>
      <c r="T29" s="208">
        <v>0</v>
      </c>
      <c r="U29" s="208">
        <v>0</v>
      </c>
      <c r="V29" s="208">
        <v>3</v>
      </c>
      <c r="W29" s="209">
        <v>7</v>
      </c>
      <c r="X29" s="210">
        <v>8</v>
      </c>
      <c r="Y29" s="207">
        <v>12</v>
      </c>
      <c r="Z29" s="208">
        <v>21</v>
      </c>
      <c r="AA29" s="209">
        <v>33</v>
      </c>
      <c r="AB29" s="200">
        <v>0</v>
      </c>
      <c r="AC29" s="208">
        <v>85</v>
      </c>
      <c r="AD29" s="208">
        <v>94</v>
      </c>
      <c r="AE29" s="208">
        <v>48</v>
      </c>
      <c r="AF29" s="208">
        <v>37</v>
      </c>
      <c r="AG29" s="208">
        <v>18</v>
      </c>
      <c r="AH29" s="209">
        <v>282</v>
      </c>
      <c r="AI29" s="210">
        <v>315</v>
      </c>
    </row>
    <row r="30" spans="2:35" ht="21" customHeight="1" x14ac:dyDescent="0.2">
      <c r="B30" s="472" t="s">
        <v>29</v>
      </c>
      <c r="C30" s="207">
        <v>29</v>
      </c>
      <c r="D30" s="208">
        <v>41</v>
      </c>
      <c r="E30" s="209">
        <v>70</v>
      </c>
      <c r="F30" s="200">
        <v>0</v>
      </c>
      <c r="G30" s="208">
        <v>106</v>
      </c>
      <c r="H30" s="208">
        <v>96</v>
      </c>
      <c r="I30" s="208">
        <v>79</v>
      </c>
      <c r="J30" s="208">
        <v>43</v>
      </c>
      <c r="K30" s="208">
        <v>29</v>
      </c>
      <c r="L30" s="209">
        <v>353</v>
      </c>
      <c r="M30" s="210">
        <v>423</v>
      </c>
      <c r="N30" s="211">
        <v>1</v>
      </c>
      <c r="O30" s="208">
        <v>2</v>
      </c>
      <c r="P30" s="209">
        <v>3</v>
      </c>
      <c r="Q30" s="200">
        <v>0</v>
      </c>
      <c r="R30" s="208">
        <v>3</v>
      </c>
      <c r="S30" s="208">
        <v>4</v>
      </c>
      <c r="T30" s="208">
        <v>3</v>
      </c>
      <c r="U30" s="208">
        <v>1</v>
      </c>
      <c r="V30" s="208">
        <v>0</v>
      </c>
      <c r="W30" s="209">
        <v>11</v>
      </c>
      <c r="X30" s="210">
        <v>14</v>
      </c>
      <c r="Y30" s="207">
        <v>30</v>
      </c>
      <c r="Z30" s="208">
        <v>43</v>
      </c>
      <c r="AA30" s="209">
        <v>73</v>
      </c>
      <c r="AB30" s="200">
        <v>0</v>
      </c>
      <c r="AC30" s="208">
        <v>109</v>
      </c>
      <c r="AD30" s="208">
        <v>100</v>
      </c>
      <c r="AE30" s="208">
        <v>82</v>
      </c>
      <c r="AF30" s="208">
        <v>44</v>
      </c>
      <c r="AG30" s="208">
        <v>29</v>
      </c>
      <c r="AH30" s="209">
        <v>364</v>
      </c>
      <c r="AI30" s="210">
        <v>437</v>
      </c>
    </row>
    <row r="31" spans="2:35" ht="21" customHeight="1" x14ac:dyDescent="0.2">
      <c r="B31" s="472" t="s">
        <v>30</v>
      </c>
      <c r="C31" s="207">
        <v>47</v>
      </c>
      <c r="D31" s="208">
        <v>27</v>
      </c>
      <c r="E31" s="209">
        <v>74</v>
      </c>
      <c r="F31" s="200">
        <v>0</v>
      </c>
      <c r="G31" s="208">
        <v>92</v>
      </c>
      <c r="H31" s="208">
        <v>69</v>
      </c>
      <c r="I31" s="208">
        <v>63</v>
      </c>
      <c r="J31" s="208">
        <v>45</v>
      </c>
      <c r="K31" s="208">
        <v>13</v>
      </c>
      <c r="L31" s="209">
        <v>282</v>
      </c>
      <c r="M31" s="210">
        <v>356</v>
      </c>
      <c r="N31" s="211">
        <v>0</v>
      </c>
      <c r="O31" s="208">
        <v>0</v>
      </c>
      <c r="P31" s="209">
        <v>0</v>
      </c>
      <c r="Q31" s="200">
        <v>0</v>
      </c>
      <c r="R31" s="208">
        <v>3</v>
      </c>
      <c r="S31" s="208">
        <v>1</v>
      </c>
      <c r="T31" s="208">
        <v>2</v>
      </c>
      <c r="U31" s="208">
        <v>1</v>
      </c>
      <c r="V31" s="208">
        <v>1</v>
      </c>
      <c r="W31" s="209">
        <v>8</v>
      </c>
      <c r="X31" s="210">
        <v>8</v>
      </c>
      <c r="Y31" s="207">
        <v>47</v>
      </c>
      <c r="Z31" s="208">
        <v>27</v>
      </c>
      <c r="AA31" s="209">
        <v>74</v>
      </c>
      <c r="AB31" s="200">
        <v>0</v>
      </c>
      <c r="AC31" s="208">
        <v>95</v>
      </c>
      <c r="AD31" s="208">
        <v>70</v>
      </c>
      <c r="AE31" s="208">
        <v>65</v>
      </c>
      <c r="AF31" s="208">
        <v>46</v>
      </c>
      <c r="AG31" s="208">
        <v>14</v>
      </c>
      <c r="AH31" s="209">
        <v>290</v>
      </c>
      <c r="AI31" s="210">
        <v>364</v>
      </c>
    </row>
    <row r="32" spans="2:35" ht="21" customHeight="1" x14ac:dyDescent="0.2">
      <c r="B32" s="472" t="s">
        <v>31</v>
      </c>
      <c r="C32" s="207">
        <v>26</v>
      </c>
      <c r="D32" s="208">
        <v>57</v>
      </c>
      <c r="E32" s="209">
        <v>83</v>
      </c>
      <c r="F32" s="200">
        <v>0</v>
      </c>
      <c r="G32" s="208">
        <v>110</v>
      </c>
      <c r="H32" s="208">
        <v>90</v>
      </c>
      <c r="I32" s="208">
        <v>63</v>
      </c>
      <c r="J32" s="208">
        <v>40</v>
      </c>
      <c r="K32" s="208">
        <v>17</v>
      </c>
      <c r="L32" s="209">
        <v>320</v>
      </c>
      <c r="M32" s="210">
        <v>403</v>
      </c>
      <c r="N32" s="211">
        <v>0</v>
      </c>
      <c r="O32" s="208">
        <v>3</v>
      </c>
      <c r="P32" s="209">
        <v>3</v>
      </c>
      <c r="Q32" s="200">
        <v>0</v>
      </c>
      <c r="R32" s="208">
        <v>2</v>
      </c>
      <c r="S32" s="208">
        <v>1</v>
      </c>
      <c r="T32" s="208">
        <v>0</v>
      </c>
      <c r="U32" s="208">
        <v>2</v>
      </c>
      <c r="V32" s="208">
        <v>1</v>
      </c>
      <c r="W32" s="209">
        <v>6</v>
      </c>
      <c r="X32" s="210">
        <v>9</v>
      </c>
      <c r="Y32" s="207">
        <v>26</v>
      </c>
      <c r="Z32" s="208">
        <v>60</v>
      </c>
      <c r="AA32" s="209">
        <v>86</v>
      </c>
      <c r="AB32" s="200">
        <v>0</v>
      </c>
      <c r="AC32" s="208">
        <v>112</v>
      </c>
      <c r="AD32" s="208">
        <v>91</v>
      </c>
      <c r="AE32" s="208">
        <v>63</v>
      </c>
      <c r="AF32" s="208">
        <v>42</v>
      </c>
      <c r="AG32" s="208">
        <v>18</v>
      </c>
      <c r="AH32" s="209">
        <v>326</v>
      </c>
      <c r="AI32" s="210">
        <v>412</v>
      </c>
    </row>
    <row r="33" spans="2:35" ht="21" customHeight="1" x14ac:dyDescent="0.2">
      <c r="B33" s="472" t="s">
        <v>32</v>
      </c>
      <c r="C33" s="207">
        <v>23</v>
      </c>
      <c r="D33" s="208">
        <v>52</v>
      </c>
      <c r="E33" s="209">
        <v>75</v>
      </c>
      <c r="F33" s="200">
        <v>0</v>
      </c>
      <c r="G33" s="208">
        <v>141</v>
      </c>
      <c r="H33" s="208">
        <v>127</v>
      </c>
      <c r="I33" s="208">
        <v>73</v>
      </c>
      <c r="J33" s="208">
        <v>52</v>
      </c>
      <c r="K33" s="208">
        <v>32</v>
      </c>
      <c r="L33" s="209">
        <v>425</v>
      </c>
      <c r="M33" s="210">
        <v>500</v>
      </c>
      <c r="N33" s="211">
        <v>0</v>
      </c>
      <c r="O33" s="208">
        <v>1</v>
      </c>
      <c r="P33" s="209">
        <v>1</v>
      </c>
      <c r="Q33" s="200">
        <v>0</v>
      </c>
      <c r="R33" s="208">
        <v>6</v>
      </c>
      <c r="S33" s="208">
        <v>5</v>
      </c>
      <c r="T33" s="208">
        <v>2</v>
      </c>
      <c r="U33" s="208">
        <v>1</v>
      </c>
      <c r="V33" s="208">
        <v>2</v>
      </c>
      <c r="W33" s="209">
        <v>16</v>
      </c>
      <c r="X33" s="210">
        <v>17</v>
      </c>
      <c r="Y33" s="207">
        <v>23</v>
      </c>
      <c r="Z33" s="208">
        <v>53</v>
      </c>
      <c r="AA33" s="209">
        <v>76</v>
      </c>
      <c r="AB33" s="200">
        <v>0</v>
      </c>
      <c r="AC33" s="208">
        <v>147</v>
      </c>
      <c r="AD33" s="208">
        <v>132</v>
      </c>
      <c r="AE33" s="208">
        <v>75</v>
      </c>
      <c r="AF33" s="208">
        <v>53</v>
      </c>
      <c r="AG33" s="208">
        <v>34</v>
      </c>
      <c r="AH33" s="209">
        <v>441</v>
      </c>
      <c r="AI33" s="210">
        <v>517</v>
      </c>
    </row>
    <row r="34" spans="2:35" ht="21" customHeight="1" x14ac:dyDescent="0.2">
      <c r="B34" s="472" t="s">
        <v>33</v>
      </c>
      <c r="C34" s="207">
        <v>35</v>
      </c>
      <c r="D34" s="208">
        <v>63</v>
      </c>
      <c r="E34" s="209">
        <v>98</v>
      </c>
      <c r="F34" s="200">
        <v>0</v>
      </c>
      <c r="G34" s="208">
        <v>132</v>
      </c>
      <c r="H34" s="208">
        <v>84</v>
      </c>
      <c r="I34" s="208">
        <v>69</v>
      </c>
      <c r="J34" s="208">
        <v>22</v>
      </c>
      <c r="K34" s="208">
        <v>29</v>
      </c>
      <c r="L34" s="209">
        <v>336</v>
      </c>
      <c r="M34" s="210">
        <v>434</v>
      </c>
      <c r="N34" s="211">
        <v>0</v>
      </c>
      <c r="O34" s="208">
        <v>0</v>
      </c>
      <c r="P34" s="209">
        <v>0</v>
      </c>
      <c r="Q34" s="200">
        <v>0</v>
      </c>
      <c r="R34" s="208">
        <v>2</v>
      </c>
      <c r="S34" s="208">
        <v>1</v>
      </c>
      <c r="T34" s="208">
        <v>0</v>
      </c>
      <c r="U34" s="208">
        <v>0</v>
      </c>
      <c r="V34" s="208">
        <v>1</v>
      </c>
      <c r="W34" s="209">
        <v>4</v>
      </c>
      <c r="X34" s="210">
        <v>4</v>
      </c>
      <c r="Y34" s="207">
        <v>35</v>
      </c>
      <c r="Z34" s="208">
        <v>63</v>
      </c>
      <c r="AA34" s="209">
        <v>98</v>
      </c>
      <c r="AB34" s="200">
        <v>0</v>
      </c>
      <c r="AC34" s="208">
        <v>134</v>
      </c>
      <c r="AD34" s="208">
        <v>85</v>
      </c>
      <c r="AE34" s="208">
        <v>69</v>
      </c>
      <c r="AF34" s="208">
        <v>22</v>
      </c>
      <c r="AG34" s="208">
        <v>30</v>
      </c>
      <c r="AH34" s="209">
        <v>340</v>
      </c>
      <c r="AI34" s="210">
        <v>438</v>
      </c>
    </row>
    <row r="35" spans="2:35" ht="21" customHeight="1" x14ac:dyDescent="0.2">
      <c r="B35" s="472" t="s">
        <v>34</v>
      </c>
      <c r="C35" s="207">
        <v>20</v>
      </c>
      <c r="D35" s="208">
        <v>29</v>
      </c>
      <c r="E35" s="209">
        <v>49</v>
      </c>
      <c r="F35" s="200">
        <v>0</v>
      </c>
      <c r="G35" s="208">
        <v>97</v>
      </c>
      <c r="H35" s="208">
        <v>67</v>
      </c>
      <c r="I35" s="208">
        <v>39</v>
      </c>
      <c r="J35" s="208">
        <v>38</v>
      </c>
      <c r="K35" s="208">
        <v>18</v>
      </c>
      <c r="L35" s="209">
        <v>259</v>
      </c>
      <c r="M35" s="210">
        <v>308</v>
      </c>
      <c r="N35" s="211">
        <v>0</v>
      </c>
      <c r="O35" s="208">
        <v>0</v>
      </c>
      <c r="P35" s="209">
        <v>0</v>
      </c>
      <c r="Q35" s="200">
        <v>0</v>
      </c>
      <c r="R35" s="208">
        <v>3</v>
      </c>
      <c r="S35" s="208">
        <v>2</v>
      </c>
      <c r="T35" s="208">
        <v>1</v>
      </c>
      <c r="U35" s="208">
        <v>1</v>
      </c>
      <c r="V35" s="208">
        <v>1</v>
      </c>
      <c r="W35" s="209">
        <v>8</v>
      </c>
      <c r="X35" s="210">
        <v>8</v>
      </c>
      <c r="Y35" s="207">
        <v>20</v>
      </c>
      <c r="Z35" s="208">
        <v>29</v>
      </c>
      <c r="AA35" s="209">
        <v>49</v>
      </c>
      <c r="AB35" s="200">
        <v>0</v>
      </c>
      <c r="AC35" s="208">
        <v>100</v>
      </c>
      <c r="AD35" s="208">
        <v>69</v>
      </c>
      <c r="AE35" s="208">
        <v>40</v>
      </c>
      <c r="AF35" s="208">
        <v>39</v>
      </c>
      <c r="AG35" s="208">
        <v>19</v>
      </c>
      <c r="AH35" s="209">
        <v>267</v>
      </c>
      <c r="AI35" s="210">
        <v>316</v>
      </c>
    </row>
    <row r="36" spans="2:35" ht="21" customHeight="1" x14ac:dyDescent="0.2">
      <c r="B36" s="472" t="s">
        <v>35</v>
      </c>
      <c r="C36" s="207">
        <v>82</v>
      </c>
      <c r="D36" s="208">
        <v>126</v>
      </c>
      <c r="E36" s="209">
        <v>208</v>
      </c>
      <c r="F36" s="200">
        <v>0</v>
      </c>
      <c r="G36" s="208">
        <v>385</v>
      </c>
      <c r="H36" s="208">
        <v>209</v>
      </c>
      <c r="I36" s="208">
        <v>145</v>
      </c>
      <c r="J36" s="208">
        <v>127</v>
      </c>
      <c r="K36" s="208">
        <v>52</v>
      </c>
      <c r="L36" s="209">
        <v>918</v>
      </c>
      <c r="M36" s="210">
        <v>1126</v>
      </c>
      <c r="N36" s="211">
        <v>0</v>
      </c>
      <c r="O36" s="208">
        <v>1</v>
      </c>
      <c r="P36" s="209">
        <v>1</v>
      </c>
      <c r="Q36" s="200">
        <v>0</v>
      </c>
      <c r="R36" s="208">
        <v>2</v>
      </c>
      <c r="S36" s="208">
        <v>4</v>
      </c>
      <c r="T36" s="208">
        <v>2</v>
      </c>
      <c r="U36" s="208">
        <v>2</v>
      </c>
      <c r="V36" s="208">
        <v>2</v>
      </c>
      <c r="W36" s="209">
        <v>12</v>
      </c>
      <c r="X36" s="210">
        <v>13</v>
      </c>
      <c r="Y36" s="207">
        <v>82</v>
      </c>
      <c r="Z36" s="208">
        <v>127</v>
      </c>
      <c r="AA36" s="209">
        <v>209</v>
      </c>
      <c r="AB36" s="200">
        <v>0</v>
      </c>
      <c r="AC36" s="208">
        <v>387</v>
      </c>
      <c r="AD36" s="208">
        <v>213</v>
      </c>
      <c r="AE36" s="208">
        <v>147</v>
      </c>
      <c r="AF36" s="208">
        <v>129</v>
      </c>
      <c r="AG36" s="208">
        <v>54</v>
      </c>
      <c r="AH36" s="209">
        <v>930</v>
      </c>
      <c r="AI36" s="210">
        <v>1139</v>
      </c>
    </row>
    <row r="37" spans="2:35" ht="21" customHeight="1" x14ac:dyDescent="0.2">
      <c r="B37" s="472" t="s">
        <v>36</v>
      </c>
      <c r="C37" s="207">
        <v>49</v>
      </c>
      <c r="D37" s="208">
        <v>129</v>
      </c>
      <c r="E37" s="209">
        <v>178</v>
      </c>
      <c r="F37" s="200">
        <v>0</v>
      </c>
      <c r="G37" s="208">
        <v>295</v>
      </c>
      <c r="H37" s="208">
        <v>275</v>
      </c>
      <c r="I37" s="208">
        <v>137</v>
      </c>
      <c r="J37" s="208">
        <v>119</v>
      </c>
      <c r="K37" s="208">
        <v>80</v>
      </c>
      <c r="L37" s="209">
        <v>906</v>
      </c>
      <c r="M37" s="210">
        <v>1084</v>
      </c>
      <c r="N37" s="211">
        <v>1</v>
      </c>
      <c r="O37" s="208">
        <v>5</v>
      </c>
      <c r="P37" s="209">
        <v>6</v>
      </c>
      <c r="Q37" s="200">
        <v>0</v>
      </c>
      <c r="R37" s="208">
        <v>5</v>
      </c>
      <c r="S37" s="208">
        <v>6</v>
      </c>
      <c r="T37" s="208">
        <v>8</v>
      </c>
      <c r="U37" s="208">
        <v>1</v>
      </c>
      <c r="V37" s="208">
        <v>2</v>
      </c>
      <c r="W37" s="209">
        <v>22</v>
      </c>
      <c r="X37" s="210">
        <v>28</v>
      </c>
      <c r="Y37" s="207">
        <v>50</v>
      </c>
      <c r="Z37" s="208">
        <v>134</v>
      </c>
      <c r="AA37" s="209">
        <v>184</v>
      </c>
      <c r="AB37" s="200">
        <v>0</v>
      </c>
      <c r="AC37" s="208">
        <v>300</v>
      </c>
      <c r="AD37" s="208">
        <v>281</v>
      </c>
      <c r="AE37" s="208">
        <v>145</v>
      </c>
      <c r="AF37" s="208">
        <v>120</v>
      </c>
      <c r="AG37" s="208">
        <v>82</v>
      </c>
      <c r="AH37" s="209">
        <v>928</v>
      </c>
      <c r="AI37" s="210">
        <v>1112</v>
      </c>
    </row>
    <row r="38" spans="2:35" ht="21" customHeight="1" thickBot="1" x14ac:dyDescent="0.25">
      <c r="B38" s="473" t="s">
        <v>37</v>
      </c>
      <c r="C38" s="212">
        <v>18</v>
      </c>
      <c r="D38" s="213">
        <v>4</v>
      </c>
      <c r="E38" s="214">
        <v>22</v>
      </c>
      <c r="F38" s="201">
        <v>0</v>
      </c>
      <c r="G38" s="213">
        <v>24</v>
      </c>
      <c r="H38" s="213">
        <v>19</v>
      </c>
      <c r="I38" s="213">
        <v>16</v>
      </c>
      <c r="J38" s="213">
        <v>14</v>
      </c>
      <c r="K38" s="213">
        <v>7</v>
      </c>
      <c r="L38" s="214">
        <v>80</v>
      </c>
      <c r="M38" s="215">
        <v>102</v>
      </c>
      <c r="N38" s="216">
        <v>0</v>
      </c>
      <c r="O38" s="213">
        <v>0</v>
      </c>
      <c r="P38" s="214">
        <v>0</v>
      </c>
      <c r="Q38" s="201">
        <v>0</v>
      </c>
      <c r="R38" s="213">
        <v>0</v>
      </c>
      <c r="S38" s="213">
        <v>3</v>
      </c>
      <c r="T38" s="213">
        <v>0</v>
      </c>
      <c r="U38" s="213">
        <v>1</v>
      </c>
      <c r="V38" s="213">
        <v>0</v>
      </c>
      <c r="W38" s="214">
        <v>4</v>
      </c>
      <c r="X38" s="215">
        <v>4</v>
      </c>
      <c r="Y38" s="212">
        <v>18</v>
      </c>
      <c r="Z38" s="213">
        <v>4</v>
      </c>
      <c r="AA38" s="214">
        <v>22</v>
      </c>
      <c r="AB38" s="201">
        <v>0</v>
      </c>
      <c r="AC38" s="213">
        <v>24</v>
      </c>
      <c r="AD38" s="213">
        <v>22</v>
      </c>
      <c r="AE38" s="213">
        <v>16</v>
      </c>
      <c r="AF38" s="213">
        <v>15</v>
      </c>
      <c r="AG38" s="213">
        <v>7</v>
      </c>
      <c r="AH38" s="214">
        <v>84</v>
      </c>
      <c r="AI38" s="215">
        <v>106</v>
      </c>
    </row>
    <row r="39" spans="2:35" x14ac:dyDescent="0.2">
      <c r="AA39" s="16"/>
      <c r="AB39" s="16"/>
      <c r="AC39" s="16"/>
      <c r="AD39" s="16"/>
      <c r="AE39" s="16"/>
      <c r="AF39" s="16"/>
      <c r="AG39" s="16"/>
      <c r="AH39" s="16"/>
      <c r="AI39" s="16"/>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501">
        <f>第１表!F2</f>
        <v>5</v>
      </c>
      <c r="J1" s="501"/>
      <c r="K1" s="235">
        <f>第１表!G2</f>
        <v>10</v>
      </c>
      <c r="L1" s="505">
        <f>IF(K1&lt;3,K1+12-2,K1-2)</f>
        <v>8</v>
      </c>
      <c r="M1" s="505"/>
    </row>
    <row r="2" spans="2:156" ht="24" customHeight="1" thickBot="1" x14ac:dyDescent="0.25">
      <c r="B2" s="271" t="s">
        <v>137</v>
      </c>
      <c r="G2" s="234"/>
      <c r="H2" s="235"/>
      <c r="J2" s="241"/>
      <c r="K2" s="241"/>
    </row>
    <row r="3" spans="2:156" ht="21" customHeight="1" thickBot="1" x14ac:dyDescent="0.25">
      <c r="B3" s="518"/>
      <c r="C3" s="509" t="s">
        <v>70</v>
      </c>
      <c r="D3" s="510"/>
      <c r="E3" s="510"/>
      <c r="F3" s="510"/>
      <c r="G3" s="510"/>
      <c r="H3" s="510"/>
      <c r="I3" s="510"/>
      <c r="J3" s="510"/>
      <c r="K3" s="510"/>
      <c r="L3" s="510"/>
      <c r="M3" s="511"/>
      <c r="N3" s="509" t="s">
        <v>71</v>
      </c>
      <c r="O3" s="510"/>
      <c r="P3" s="510"/>
      <c r="Q3" s="510"/>
      <c r="R3" s="510"/>
      <c r="S3" s="510"/>
      <c r="T3" s="510"/>
      <c r="U3" s="510"/>
      <c r="V3" s="510"/>
      <c r="W3" s="510"/>
      <c r="X3" s="511"/>
      <c r="Y3" s="509" t="s">
        <v>72</v>
      </c>
      <c r="Z3" s="510"/>
      <c r="AA3" s="510"/>
      <c r="AB3" s="510"/>
      <c r="AC3" s="510"/>
      <c r="AD3" s="510"/>
      <c r="AE3" s="510"/>
      <c r="AF3" s="510"/>
      <c r="AG3" s="510"/>
      <c r="AH3" s="510"/>
      <c r="AI3" s="511"/>
      <c r="AJ3" s="509" t="s">
        <v>73</v>
      </c>
      <c r="AK3" s="510"/>
      <c r="AL3" s="510"/>
      <c r="AM3" s="510"/>
      <c r="AN3" s="510"/>
      <c r="AO3" s="510"/>
      <c r="AP3" s="510"/>
      <c r="AQ3" s="510"/>
      <c r="AR3" s="510"/>
      <c r="AS3" s="510"/>
      <c r="AT3" s="511"/>
      <c r="AU3" s="509" t="s">
        <v>74</v>
      </c>
      <c r="AV3" s="510"/>
      <c r="AW3" s="510"/>
      <c r="AX3" s="510"/>
      <c r="AY3" s="510"/>
      <c r="AZ3" s="510"/>
      <c r="BA3" s="510"/>
      <c r="BB3" s="510"/>
      <c r="BC3" s="510"/>
      <c r="BD3" s="510"/>
      <c r="BE3" s="511"/>
      <c r="BF3" s="509" t="s">
        <v>75</v>
      </c>
      <c r="BG3" s="510"/>
      <c r="BH3" s="510"/>
      <c r="BI3" s="510"/>
      <c r="BJ3" s="510"/>
      <c r="BK3" s="510"/>
      <c r="BL3" s="510"/>
      <c r="BM3" s="510"/>
      <c r="BN3" s="510"/>
      <c r="BO3" s="510"/>
      <c r="BP3" s="511"/>
      <c r="BQ3" s="509" t="s">
        <v>76</v>
      </c>
      <c r="BR3" s="510"/>
      <c r="BS3" s="510"/>
      <c r="BT3" s="510"/>
      <c r="BU3" s="510"/>
      <c r="BV3" s="510"/>
      <c r="BW3" s="510"/>
      <c r="BX3" s="510"/>
      <c r="BY3" s="510"/>
      <c r="BZ3" s="510"/>
      <c r="CA3" s="511"/>
      <c r="CB3" s="509" t="s">
        <v>77</v>
      </c>
      <c r="CC3" s="510"/>
      <c r="CD3" s="510"/>
      <c r="CE3" s="510"/>
      <c r="CF3" s="510"/>
      <c r="CG3" s="510"/>
      <c r="CH3" s="510"/>
      <c r="CI3" s="510"/>
      <c r="CJ3" s="510"/>
      <c r="CK3" s="510"/>
      <c r="CL3" s="511"/>
      <c r="CM3" s="509" t="s">
        <v>78</v>
      </c>
      <c r="CN3" s="510"/>
      <c r="CO3" s="510"/>
      <c r="CP3" s="510"/>
      <c r="CQ3" s="510"/>
      <c r="CR3" s="510"/>
      <c r="CS3" s="510"/>
      <c r="CT3" s="510"/>
      <c r="CU3" s="510"/>
      <c r="CV3" s="510"/>
      <c r="CW3" s="511"/>
      <c r="CX3" s="509" t="s">
        <v>79</v>
      </c>
      <c r="CY3" s="510"/>
      <c r="CZ3" s="510"/>
      <c r="DA3" s="510"/>
      <c r="DB3" s="510"/>
      <c r="DC3" s="510"/>
      <c r="DD3" s="510"/>
      <c r="DE3" s="510"/>
      <c r="DF3" s="510"/>
      <c r="DG3" s="510"/>
      <c r="DH3" s="511"/>
      <c r="DI3" s="509" t="s">
        <v>151</v>
      </c>
      <c r="DJ3" s="510"/>
      <c r="DK3" s="510"/>
      <c r="DL3" s="510"/>
      <c r="DM3" s="510"/>
      <c r="DN3" s="510"/>
      <c r="DO3" s="510"/>
      <c r="DP3" s="510"/>
      <c r="DQ3" s="510"/>
      <c r="DR3" s="510"/>
      <c r="DS3" s="511"/>
      <c r="DT3" s="509" t="s">
        <v>80</v>
      </c>
      <c r="DU3" s="510"/>
      <c r="DV3" s="510"/>
      <c r="DW3" s="510"/>
      <c r="DX3" s="510"/>
      <c r="DY3" s="510"/>
      <c r="DZ3" s="510"/>
      <c r="EA3" s="510"/>
      <c r="EB3" s="510"/>
      <c r="EC3" s="510"/>
      <c r="ED3" s="511"/>
      <c r="EE3" s="509" t="s">
        <v>68</v>
      </c>
      <c r="EF3" s="510"/>
      <c r="EG3" s="510"/>
      <c r="EH3" s="510"/>
      <c r="EI3" s="510"/>
      <c r="EJ3" s="510"/>
      <c r="EK3" s="510"/>
      <c r="EL3" s="510"/>
      <c r="EM3" s="510"/>
      <c r="EN3" s="510"/>
      <c r="EO3" s="511"/>
      <c r="EP3" s="506" t="s">
        <v>69</v>
      </c>
      <c r="EQ3" s="507"/>
      <c r="ER3" s="507"/>
      <c r="ES3" s="507"/>
      <c r="ET3" s="507"/>
      <c r="EU3" s="507"/>
      <c r="EV3" s="507"/>
      <c r="EW3" s="507"/>
      <c r="EX3" s="507"/>
      <c r="EY3" s="507"/>
      <c r="EZ3" s="508"/>
    </row>
    <row r="4" spans="2:156" ht="21" customHeight="1" x14ac:dyDescent="0.2">
      <c r="B4" s="519"/>
      <c r="C4" s="517" t="s">
        <v>61</v>
      </c>
      <c r="D4" s="513"/>
      <c r="E4" s="514"/>
      <c r="F4" s="512" t="s">
        <v>62</v>
      </c>
      <c r="G4" s="513"/>
      <c r="H4" s="513"/>
      <c r="I4" s="513"/>
      <c r="J4" s="513"/>
      <c r="K4" s="513"/>
      <c r="L4" s="521"/>
      <c r="M4" s="515" t="s">
        <v>52</v>
      </c>
      <c r="N4" s="517" t="s">
        <v>61</v>
      </c>
      <c r="O4" s="513"/>
      <c r="P4" s="514"/>
      <c r="Q4" s="512" t="s">
        <v>62</v>
      </c>
      <c r="R4" s="513"/>
      <c r="S4" s="513"/>
      <c r="T4" s="513"/>
      <c r="U4" s="513"/>
      <c r="V4" s="513"/>
      <c r="W4" s="514"/>
      <c r="X4" s="515" t="s">
        <v>52</v>
      </c>
      <c r="Y4" s="517" t="s">
        <v>61</v>
      </c>
      <c r="Z4" s="513"/>
      <c r="AA4" s="514"/>
      <c r="AB4" s="512" t="s">
        <v>62</v>
      </c>
      <c r="AC4" s="513"/>
      <c r="AD4" s="513"/>
      <c r="AE4" s="513"/>
      <c r="AF4" s="513"/>
      <c r="AG4" s="513"/>
      <c r="AH4" s="514"/>
      <c r="AI4" s="515" t="s">
        <v>52</v>
      </c>
      <c r="AJ4" s="517" t="s">
        <v>61</v>
      </c>
      <c r="AK4" s="513"/>
      <c r="AL4" s="514"/>
      <c r="AM4" s="512" t="s">
        <v>62</v>
      </c>
      <c r="AN4" s="513"/>
      <c r="AO4" s="513"/>
      <c r="AP4" s="513"/>
      <c r="AQ4" s="513"/>
      <c r="AR4" s="513"/>
      <c r="AS4" s="514"/>
      <c r="AT4" s="515" t="s">
        <v>52</v>
      </c>
      <c r="AU4" s="517" t="s">
        <v>61</v>
      </c>
      <c r="AV4" s="513"/>
      <c r="AW4" s="514"/>
      <c r="AX4" s="512" t="s">
        <v>62</v>
      </c>
      <c r="AY4" s="513"/>
      <c r="AZ4" s="513"/>
      <c r="BA4" s="513"/>
      <c r="BB4" s="513"/>
      <c r="BC4" s="513"/>
      <c r="BD4" s="521"/>
      <c r="BE4" s="515" t="s">
        <v>52</v>
      </c>
      <c r="BF4" s="517" t="s">
        <v>61</v>
      </c>
      <c r="BG4" s="513"/>
      <c r="BH4" s="514"/>
      <c r="BI4" s="512" t="s">
        <v>62</v>
      </c>
      <c r="BJ4" s="513"/>
      <c r="BK4" s="513"/>
      <c r="BL4" s="513"/>
      <c r="BM4" s="513"/>
      <c r="BN4" s="513"/>
      <c r="BO4" s="514"/>
      <c r="BP4" s="515" t="s">
        <v>52</v>
      </c>
      <c r="BQ4" s="517" t="s">
        <v>61</v>
      </c>
      <c r="BR4" s="513"/>
      <c r="BS4" s="514"/>
      <c r="BT4" s="512" t="s">
        <v>62</v>
      </c>
      <c r="BU4" s="513"/>
      <c r="BV4" s="513"/>
      <c r="BW4" s="513"/>
      <c r="BX4" s="513"/>
      <c r="BY4" s="513"/>
      <c r="BZ4" s="514"/>
      <c r="CA4" s="515" t="s">
        <v>52</v>
      </c>
      <c r="CB4" s="517" t="s">
        <v>61</v>
      </c>
      <c r="CC4" s="513"/>
      <c r="CD4" s="514"/>
      <c r="CE4" s="512" t="s">
        <v>62</v>
      </c>
      <c r="CF4" s="513"/>
      <c r="CG4" s="513"/>
      <c r="CH4" s="513"/>
      <c r="CI4" s="513"/>
      <c r="CJ4" s="513"/>
      <c r="CK4" s="514"/>
      <c r="CL4" s="515" t="s">
        <v>52</v>
      </c>
      <c r="CM4" s="517" t="s">
        <v>61</v>
      </c>
      <c r="CN4" s="513"/>
      <c r="CO4" s="514"/>
      <c r="CP4" s="512" t="s">
        <v>62</v>
      </c>
      <c r="CQ4" s="513"/>
      <c r="CR4" s="513"/>
      <c r="CS4" s="513"/>
      <c r="CT4" s="513"/>
      <c r="CU4" s="513"/>
      <c r="CV4" s="514"/>
      <c r="CW4" s="515" t="s">
        <v>52</v>
      </c>
      <c r="CX4" s="517" t="s">
        <v>61</v>
      </c>
      <c r="CY4" s="513"/>
      <c r="CZ4" s="514"/>
      <c r="DA4" s="512" t="s">
        <v>62</v>
      </c>
      <c r="DB4" s="513"/>
      <c r="DC4" s="513"/>
      <c r="DD4" s="513"/>
      <c r="DE4" s="513"/>
      <c r="DF4" s="513"/>
      <c r="DG4" s="514"/>
      <c r="DH4" s="515" t="s">
        <v>52</v>
      </c>
      <c r="DI4" s="517" t="s">
        <v>61</v>
      </c>
      <c r="DJ4" s="513"/>
      <c r="DK4" s="514"/>
      <c r="DL4" s="512" t="s">
        <v>62</v>
      </c>
      <c r="DM4" s="513"/>
      <c r="DN4" s="513"/>
      <c r="DO4" s="513"/>
      <c r="DP4" s="513"/>
      <c r="DQ4" s="513"/>
      <c r="DR4" s="514"/>
      <c r="DS4" s="515" t="s">
        <v>52</v>
      </c>
      <c r="DT4" s="517" t="s">
        <v>61</v>
      </c>
      <c r="DU4" s="513"/>
      <c r="DV4" s="514"/>
      <c r="DW4" s="512" t="s">
        <v>62</v>
      </c>
      <c r="DX4" s="513"/>
      <c r="DY4" s="513"/>
      <c r="DZ4" s="513"/>
      <c r="EA4" s="513"/>
      <c r="EB4" s="513"/>
      <c r="EC4" s="514"/>
      <c r="ED4" s="515" t="s">
        <v>52</v>
      </c>
      <c r="EE4" s="517" t="s">
        <v>61</v>
      </c>
      <c r="EF4" s="513"/>
      <c r="EG4" s="514"/>
      <c r="EH4" s="512" t="s">
        <v>62</v>
      </c>
      <c r="EI4" s="513"/>
      <c r="EJ4" s="513"/>
      <c r="EK4" s="513"/>
      <c r="EL4" s="513"/>
      <c r="EM4" s="513"/>
      <c r="EN4" s="514"/>
      <c r="EO4" s="515" t="s">
        <v>52</v>
      </c>
      <c r="EP4" s="517" t="s">
        <v>61</v>
      </c>
      <c r="EQ4" s="513"/>
      <c r="ER4" s="514"/>
      <c r="ES4" s="512" t="s">
        <v>62</v>
      </c>
      <c r="ET4" s="513"/>
      <c r="EU4" s="513"/>
      <c r="EV4" s="513"/>
      <c r="EW4" s="513"/>
      <c r="EX4" s="513"/>
      <c r="EY4" s="514"/>
      <c r="EZ4" s="515" t="s">
        <v>52</v>
      </c>
    </row>
    <row r="5" spans="2:156" ht="30" customHeight="1" thickBot="1" x14ac:dyDescent="0.25">
      <c r="B5" s="520"/>
      <c r="C5" s="244" t="s">
        <v>43</v>
      </c>
      <c r="D5" s="243" t="s">
        <v>44</v>
      </c>
      <c r="E5" s="356" t="s">
        <v>45</v>
      </c>
      <c r="F5" s="248" t="s">
        <v>83</v>
      </c>
      <c r="G5" s="243" t="s">
        <v>47</v>
      </c>
      <c r="H5" s="243" t="s">
        <v>48</v>
      </c>
      <c r="I5" s="243" t="s">
        <v>49</v>
      </c>
      <c r="J5" s="243" t="s">
        <v>50</v>
      </c>
      <c r="K5" s="243" t="s">
        <v>51</v>
      </c>
      <c r="L5" s="249" t="s">
        <v>45</v>
      </c>
      <c r="M5" s="516"/>
      <c r="N5" s="244" t="s">
        <v>43</v>
      </c>
      <c r="O5" s="243" t="s">
        <v>44</v>
      </c>
      <c r="P5" s="246" t="s">
        <v>45</v>
      </c>
      <c r="Q5" s="248" t="s">
        <v>83</v>
      </c>
      <c r="R5" s="243" t="s">
        <v>47</v>
      </c>
      <c r="S5" s="243" t="s">
        <v>48</v>
      </c>
      <c r="T5" s="243" t="s">
        <v>49</v>
      </c>
      <c r="U5" s="243" t="s">
        <v>50</v>
      </c>
      <c r="V5" s="243" t="s">
        <v>51</v>
      </c>
      <c r="W5" s="246" t="s">
        <v>45</v>
      </c>
      <c r="X5" s="516"/>
      <c r="Y5" s="244" t="s">
        <v>43</v>
      </c>
      <c r="Z5" s="243" t="s">
        <v>44</v>
      </c>
      <c r="AA5" s="246" t="s">
        <v>45</v>
      </c>
      <c r="AB5" s="248" t="s">
        <v>83</v>
      </c>
      <c r="AC5" s="243" t="s">
        <v>47</v>
      </c>
      <c r="AD5" s="243" t="s">
        <v>48</v>
      </c>
      <c r="AE5" s="243" t="s">
        <v>49</v>
      </c>
      <c r="AF5" s="243" t="s">
        <v>50</v>
      </c>
      <c r="AG5" s="243" t="s">
        <v>51</v>
      </c>
      <c r="AH5" s="246" t="s">
        <v>45</v>
      </c>
      <c r="AI5" s="516"/>
      <c r="AJ5" s="244" t="s">
        <v>43</v>
      </c>
      <c r="AK5" s="243" t="s">
        <v>44</v>
      </c>
      <c r="AL5" s="246" t="s">
        <v>45</v>
      </c>
      <c r="AM5" s="248" t="s">
        <v>83</v>
      </c>
      <c r="AN5" s="243" t="s">
        <v>47</v>
      </c>
      <c r="AO5" s="243" t="s">
        <v>48</v>
      </c>
      <c r="AP5" s="243" t="s">
        <v>49</v>
      </c>
      <c r="AQ5" s="243" t="s">
        <v>50</v>
      </c>
      <c r="AR5" s="243" t="s">
        <v>51</v>
      </c>
      <c r="AS5" s="246" t="s">
        <v>45</v>
      </c>
      <c r="AT5" s="516"/>
      <c r="AU5" s="244" t="s">
        <v>43</v>
      </c>
      <c r="AV5" s="243" t="s">
        <v>44</v>
      </c>
      <c r="AW5" s="246" t="s">
        <v>45</v>
      </c>
      <c r="AX5" s="248" t="s">
        <v>83</v>
      </c>
      <c r="AY5" s="243" t="s">
        <v>47</v>
      </c>
      <c r="AZ5" s="243" t="s">
        <v>48</v>
      </c>
      <c r="BA5" s="243" t="s">
        <v>49</v>
      </c>
      <c r="BB5" s="243" t="s">
        <v>50</v>
      </c>
      <c r="BC5" s="243" t="s">
        <v>51</v>
      </c>
      <c r="BD5" s="249" t="s">
        <v>45</v>
      </c>
      <c r="BE5" s="516"/>
      <c r="BF5" s="244" t="s">
        <v>43</v>
      </c>
      <c r="BG5" s="243" t="s">
        <v>44</v>
      </c>
      <c r="BH5" s="246" t="s">
        <v>45</v>
      </c>
      <c r="BI5" s="248" t="s">
        <v>83</v>
      </c>
      <c r="BJ5" s="243" t="s">
        <v>47</v>
      </c>
      <c r="BK5" s="243" t="s">
        <v>48</v>
      </c>
      <c r="BL5" s="243" t="s">
        <v>49</v>
      </c>
      <c r="BM5" s="243" t="s">
        <v>50</v>
      </c>
      <c r="BN5" s="243" t="s">
        <v>51</v>
      </c>
      <c r="BO5" s="246" t="s">
        <v>45</v>
      </c>
      <c r="BP5" s="516"/>
      <c r="BQ5" s="244" t="s">
        <v>43</v>
      </c>
      <c r="BR5" s="243" t="s">
        <v>44</v>
      </c>
      <c r="BS5" s="246" t="s">
        <v>45</v>
      </c>
      <c r="BT5" s="248" t="s">
        <v>83</v>
      </c>
      <c r="BU5" s="243" t="s">
        <v>47</v>
      </c>
      <c r="BV5" s="243" t="s">
        <v>48</v>
      </c>
      <c r="BW5" s="243" t="s">
        <v>49</v>
      </c>
      <c r="BX5" s="243" t="s">
        <v>50</v>
      </c>
      <c r="BY5" s="243" t="s">
        <v>51</v>
      </c>
      <c r="BZ5" s="246" t="s">
        <v>45</v>
      </c>
      <c r="CA5" s="516"/>
      <c r="CB5" s="244" t="s">
        <v>43</v>
      </c>
      <c r="CC5" s="243" t="s">
        <v>44</v>
      </c>
      <c r="CD5" s="246" t="s">
        <v>45</v>
      </c>
      <c r="CE5" s="248" t="s">
        <v>83</v>
      </c>
      <c r="CF5" s="243" t="s">
        <v>47</v>
      </c>
      <c r="CG5" s="243" t="s">
        <v>48</v>
      </c>
      <c r="CH5" s="243" t="s">
        <v>49</v>
      </c>
      <c r="CI5" s="243" t="s">
        <v>50</v>
      </c>
      <c r="CJ5" s="243" t="s">
        <v>51</v>
      </c>
      <c r="CK5" s="246" t="s">
        <v>45</v>
      </c>
      <c r="CL5" s="516"/>
      <c r="CM5" s="244" t="s">
        <v>43</v>
      </c>
      <c r="CN5" s="243" t="s">
        <v>44</v>
      </c>
      <c r="CO5" s="246" t="s">
        <v>45</v>
      </c>
      <c r="CP5" s="248" t="s">
        <v>83</v>
      </c>
      <c r="CQ5" s="243" t="s">
        <v>47</v>
      </c>
      <c r="CR5" s="243" t="s">
        <v>48</v>
      </c>
      <c r="CS5" s="243" t="s">
        <v>49</v>
      </c>
      <c r="CT5" s="243" t="s">
        <v>50</v>
      </c>
      <c r="CU5" s="243" t="s">
        <v>51</v>
      </c>
      <c r="CV5" s="246" t="s">
        <v>45</v>
      </c>
      <c r="CW5" s="516"/>
      <c r="CX5" s="244" t="s">
        <v>43</v>
      </c>
      <c r="CY5" s="243" t="s">
        <v>44</v>
      </c>
      <c r="CZ5" s="246" t="s">
        <v>45</v>
      </c>
      <c r="DA5" s="248" t="s">
        <v>83</v>
      </c>
      <c r="DB5" s="243" t="s">
        <v>47</v>
      </c>
      <c r="DC5" s="243" t="s">
        <v>48</v>
      </c>
      <c r="DD5" s="243" t="s">
        <v>49</v>
      </c>
      <c r="DE5" s="243" t="s">
        <v>50</v>
      </c>
      <c r="DF5" s="243" t="s">
        <v>51</v>
      </c>
      <c r="DG5" s="246" t="s">
        <v>45</v>
      </c>
      <c r="DH5" s="516"/>
      <c r="DI5" s="321" t="s">
        <v>43</v>
      </c>
      <c r="DJ5" s="243" t="s">
        <v>44</v>
      </c>
      <c r="DK5" s="246" t="s">
        <v>45</v>
      </c>
      <c r="DL5" s="248" t="s">
        <v>83</v>
      </c>
      <c r="DM5" s="243" t="s">
        <v>47</v>
      </c>
      <c r="DN5" s="243" t="s">
        <v>48</v>
      </c>
      <c r="DO5" s="243" t="s">
        <v>49</v>
      </c>
      <c r="DP5" s="243" t="s">
        <v>50</v>
      </c>
      <c r="DQ5" s="243" t="s">
        <v>51</v>
      </c>
      <c r="DR5" s="246" t="s">
        <v>45</v>
      </c>
      <c r="DS5" s="516"/>
      <c r="DT5" s="244" t="s">
        <v>43</v>
      </c>
      <c r="DU5" s="243" t="s">
        <v>44</v>
      </c>
      <c r="DV5" s="246" t="s">
        <v>45</v>
      </c>
      <c r="DW5" s="248" t="s">
        <v>83</v>
      </c>
      <c r="DX5" s="243" t="s">
        <v>47</v>
      </c>
      <c r="DY5" s="243" t="s">
        <v>48</v>
      </c>
      <c r="DZ5" s="243" t="s">
        <v>49</v>
      </c>
      <c r="EA5" s="243" t="s">
        <v>50</v>
      </c>
      <c r="EB5" s="243" t="s">
        <v>51</v>
      </c>
      <c r="EC5" s="246" t="s">
        <v>45</v>
      </c>
      <c r="ED5" s="516"/>
      <c r="EE5" s="244" t="s">
        <v>43</v>
      </c>
      <c r="EF5" s="243" t="s">
        <v>44</v>
      </c>
      <c r="EG5" s="246" t="s">
        <v>45</v>
      </c>
      <c r="EH5" s="248" t="s">
        <v>83</v>
      </c>
      <c r="EI5" s="243" t="s">
        <v>47</v>
      </c>
      <c r="EJ5" s="243" t="s">
        <v>48</v>
      </c>
      <c r="EK5" s="243" t="s">
        <v>49</v>
      </c>
      <c r="EL5" s="243" t="s">
        <v>50</v>
      </c>
      <c r="EM5" s="243" t="s">
        <v>51</v>
      </c>
      <c r="EN5" s="246" t="s">
        <v>45</v>
      </c>
      <c r="EO5" s="516"/>
      <c r="EP5" s="244" t="s">
        <v>43</v>
      </c>
      <c r="EQ5" s="243" t="s">
        <v>44</v>
      </c>
      <c r="ER5" s="246" t="s">
        <v>45</v>
      </c>
      <c r="ES5" s="248" t="s">
        <v>83</v>
      </c>
      <c r="ET5" s="243" t="s">
        <v>47</v>
      </c>
      <c r="EU5" s="243" t="s">
        <v>48</v>
      </c>
      <c r="EV5" s="243" t="s">
        <v>49</v>
      </c>
      <c r="EW5" s="243" t="s">
        <v>50</v>
      </c>
      <c r="EX5" s="243" t="s">
        <v>51</v>
      </c>
      <c r="EY5" s="246" t="s">
        <v>45</v>
      </c>
      <c r="EZ5" s="516"/>
    </row>
    <row r="6" spans="2:156" ht="21" customHeight="1" x14ac:dyDescent="0.2">
      <c r="B6" s="470" t="s">
        <v>4</v>
      </c>
      <c r="C6" s="250">
        <v>0</v>
      </c>
      <c r="D6" s="254">
        <v>0</v>
      </c>
      <c r="E6" s="357">
        <v>0</v>
      </c>
      <c r="F6" s="253">
        <v>0</v>
      </c>
      <c r="G6" s="254">
        <v>19062</v>
      </c>
      <c r="H6" s="254">
        <v>22709</v>
      </c>
      <c r="I6" s="254">
        <v>12635</v>
      </c>
      <c r="J6" s="254">
        <v>10062</v>
      </c>
      <c r="K6" s="254">
        <v>7602</v>
      </c>
      <c r="L6" s="255">
        <v>72070</v>
      </c>
      <c r="M6" s="256">
        <v>72070</v>
      </c>
      <c r="N6" s="250">
        <v>2</v>
      </c>
      <c r="O6" s="254">
        <v>15</v>
      </c>
      <c r="P6" s="251">
        <v>17</v>
      </c>
      <c r="Q6" s="253">
        <v>0</v>
      </c>
      <c r="R6" s="254">
        <v>108</v>
      </c>
      <c r="S6" s="254">
        <v>451</v>
      </c>
      <c r="T6" s="254">
        <v>762</v>
      </c>
      <c r="U6" s="254">
        <v>1935</v>
      </c>
      <c r="V6" s="254">
        <v>3480</v>
      </c>
      <c r="W6" s="251">
        <v>6736</v>
      </c>
      <c r="X6" s="256">
        <v>6753</v>
      </c>
      <c r="Y6" s="250">
        <v>2365</v>
      </c>
      <c r="Z6" s="254">
        <v>5811</v>
      </c>
      <c r="AA6" s="251">
        <v>8176</v>
      </c>
      <c r="AB6" s="253">
        <v>0</v>
      </c>
      <c r="AC6" s="254">
        <v>11953</v>
      </c>
      <c r="AD6" s="254">
        <v>16980</v>
      </c>
      <c r="AE6" s="254">
        <v>10285</v>
      </c>
      <c r="AF6" s="254">
        <v>8777</v>
      </c>
      <c r="AG6" s="254">
        <v>6705</v>
      </c>
      <c r="AH6" s="251">
        <v>54700</v>
      </c>
      <c r="AI6" s="256">
        <v>62876</v>
      </c>
      <c r="AJ6" s="250">
        <v>264</v>
      </c>
      <c r="AK6" s="254">
        <v>792</v>
      </c>
      <c r="AL6" s="251">
        <v>1056</v>
      </c>
      <c r="AM6" s="253">
        <v>0</v>
      </c>
      <c r="AN6" s="254">
        <v>1075</v>
      </c>
      <c r="AO6" s="254">
        <v>1710</v>
      </c>
      <c r="AP6" s="254">
        <v>1096</v>
      </c>
      <c r="AQ6" s="254">
        <v>969</v>
      </c>
      <c r="AR6" s="254">
        <v>595</v>
      </c>
      <c r="AS6" s="251">
        <v>5445</v>
      </c>
      <c r="AT6" s="256">
        <v>6501</v>
      </c>
      <c r="AU6" s="250">
        <v>2883</v>
      </c>
      <c r="AV6" s="254">
        <v>3904</v>
      </c>
      <c r="AW6" s="251">
        <v>6787</v>
      </c>
      <c r="AX6" s="253">
        <v>0</v>
      </c>
      <c r="AY6" s="254">
        <v>18211</v>
      </c>
      <c r="AZ6" s="254">
        <v>22805</v>
      </c>
      <c r="BA6" s="254">
        <v>20035</v>
      </c>
      <c r="BB6" s="254">
        <v>19550</v>
      </c>
      <c r="BC6" s="254">
        <v>14956</v>
      </c>
      <c r="BD6" s="255">
        <v>95557</v>
      </c>
      <c r="BE6" s="256">
        <v>102344</v>
      </c>
      <c r="BF6" s="250">
        <v>0</v>
      </c>
      <c r="BG6" s="254">
        <v>1</v>
      </c>
      <c r="BH6" s="251">
        <v>1</v>
      </c>
      <c r="BI6" s="253">
        <v>0</v>
      </c>
      <c r="BJ6" s="254">
        <v>21858</v>
      </c>
      <c r="BK6" s="254">
        <v>20899</v>
      </c>
      <c r="BL6" s="254">
        <v>11188</v>
      </c>
      <c r="BM6" s="254">
        <v>6478</v>
      </c>
      <c r="BN6" s="254">
        <v>3097</v>
      </c>
      <c r="BO6" s="251">
        <v>63520</v>
      </c>
      <c r="BP6" s="256">
        <v>63521</v>
      </c>
      <c r="BQ6" s="250">
        <v>1629</v>
      </c>
      <c r="BR6" s="254">
        <v>2669</v>
      </c>
      <c r="BS6" s="251">
        <v>4298</v>
      </c>
      <c r="BT6" s="253">
        <v>0</v>
      </c>
      <c r="BU6" s="254">
        <v>4338</v>
      </c>
      <c r="BV6" s="254">
        <v>6516</v>
      </c>
      <c r="BW6" s="254">
        <v>3745</v>
      </c>
      <c r="BX6" s="254">
        <v>2358</v>
      </c>
      <c r="BY6" s="254">
        <v>870</v>
      </c>
      <c r="BZ6" s="251">
        <v>17827</v>
      </c>
      <c r="CA6" s="256">
        <v>22125</v>
      </c>
      <c r="CB6" s="250">
        <v>83</v>
      </c>
      <c r="CC6" s="254">
        <v>250</v>
      </c>
      <c r="CD6" s="251">
        <v>333</v>
      </c>
      <c r="CE6" s="253">
        <v>0</v>
      </c>
      <c r="CF6" s="254">
        <v>2273</v>
      </c>
      <c r="CG6" s="254">
        <v>3813</v>
      </c>
      <c r="CH6" s="254">
        <v>4494</v>
      </c>
      <c r="CI6" s="254">
        <v>3179</v>
      </c>
      <c r="CJ6" s="254">
        <v>1747</v>
      </c>
      <c r="CK6" s="251">
        <v>15506</v>
      </c>
      <c r="CL6" s="256">
        <v>15839</v>
      </c>
      <c r="CM6" s="250">
        <v>3</v>
      </c>
      <c r="CN6" s="254">
        <v>17</v>
      </c>
      <c r="CO6" s="251">
        <v>20</v>
      </c>
      <c r="CP6" s="253">
        <v>0</v>
      </c>
      <c r="CQ6" s="254">
        <v>249</v>
      </c>
      <c r="CR6" s="254">
        <v>500</v>
      </c>
      <c r="CS6" s="254">
        <v>565</v>
      </c>
      <c r="CT6" s="254">
        <v>554</v>
      </c>
      <c r="CU6" s="254">
        <v>333</v>
      </c>
      <c r="CV6" s="251">
        <v>2201</v>
      </c>
      <c r="CW6" s="256">
        <v>2221</v>
      </c>
      <c r="CX6" s="250">
        <v>0</v>
      </c>
      <c r="CY6" s="254">
        <v>0</v>
      </c>
      <c r="CZ6" s="251">
        <v>0</v>
      </c>
      <c r="DA6" s="253">
        <v>0</v>
      </c>
      <c r="DB6" s="254">
        <v>0</v>
      </c>
      <c r="DC6" s="254">
        <v>0</v>
      </c>
      <c r="DD6" s="254">
        <v>0</v>
      </c>
      <c r="DE6" s="254">
        <v>1</v>
      </c>
      <c r="DF6" s="254">
        <v>0</v>
      </c>
      <c r="DG6" s="251">
        <v>1</v>
      </c>
      <c r="DH6" s="256">
        <v>1</v>
      </c>
      <c r="DI6" s="250">
        <v>0</v>
      </c>
      <c r="DJ6" s="254">
        <v>0</v>
      </c>
      <c r="DK6" s="251">
        <v>0</v>
      </c>
      <c r="DL6" s="253">
        <v>0</v>
      </c>
      <c r="DM6" s="254">
        <v>0</v>
      </c>
      <c r="DN6" s="254">
        <v>0</v>
      </c>
      <c r="DO6" s="254">
        <v>0</v>
      </c>
      <c r="DP6" s="254">
        <v>0</v>
      </c>
      <c r="DQ6" s="254">
        <v>0</v>
      </c>
      <c r="DR6" s="251">
        <v>0</v>
      </c>
      <c r="DS6" s="256">
        <v>0</v>
      </c>
      <c r="DT6" s="250">
        <v>11110</v>
      </c>
      <c r="DU6" s="254">
        <v>23661</v>
      </c>
      <c r="DV6" s="251">
        <v>34771</v>
      </c>
      <c r="DW6" s="253">
        <v>0</v>
      </c>
      <c r="DX6" s="254">
        <v>27106</v>
      </c>
      <c r="DY6" s="254">
        <v>45840</v>
      </c>
      <c r="DZ6" s="254">
        <v>26825</v>
      </c>
      <c r="EA6" s="254">
        <v>20652</v>
      </c>
      <c r="EB6" s="254">
        <v>13140</v>
      </c>
      <c r="EC6" s="251">
        <v>133563</v>
      </c>
      <c r="ED6" s="256">
        <v>168334</v>
      </c>
      <c r="EE6" s="250">
        <v>1630</v>
      </c>
      <c r="EF6" s="254">
        <v>1271</v>
      </c>
      <c r="EG6" s="251">
        <v>2901</v>
      </c>
      <c r="EH6" s="253">
        <v>0</v>
      </c>
      <c r="EI6" s="254">
        <v>6008</v>
      </c>
      <c r="EJ6" s="254">
        <v>5520</v>
      </c>
      <c r="EK6" s="254">
        <v>4887</v>
      </c>
      <c r="EL6" s="254">
        <v>5568</v>
      </c>
      <c r="EM6" s="254">
        <v>3202</v>
      </c>
      <c r="EN6" s="251">
        <v>25185</v>
      </c>
      <c r="EO6" s="256">
        <v>28086</v>
      </c>
      <c r="EP6" s="250">
        <v>14368</v>
      </c>
      <c r="EQ6" s="254">
        <v>28461</v>
      </c>
      <c r="ER6" s="251">
        <v>42829</v>
      </c>
      <c r="ES6" s="253">
        <v>0</v>
      </c>
      <c r="ET6" s="254">
        <v>57607</v>
      </c>
      <c r="EU6" s="254">
        <v>61596</v>
      </c>
      <c r="EV6" s="254">
        <v>32206</v>
      </c>
      <c r="EW6" s="254">
        <v>22264</v>
      </c>
      <c r="EX6" s="254">
        <v>13593</v>
      </c>
      <c r="EY6" s="251">
        <v>187266</v>
      </c>
      <c r="EZ6" s="256">
        <v>230095</v>
      </c>
    </row>
    <row r="7" spans="2:156" ht="21" customHeight="1" x14ac:dyDescent="0.2">
      <c r="B7" s="471" t="s">
        <v>5</v>
      </c>
      <c r="C7" s="257">
        <v>0</v>
      </c>
      <c r="D7" s="261">
        <v>0</v>
      </c>
      <c r="E7" s="358">
        <v>0</v>
      </c>
      <c r="F7" s="260">
        <v>0</v>
      </c>
      <c r="G7" s="261">
        <v>6657</v>
      </c>
      <c r="H7" s="261">
        <v>11177</v>
      </c>
      <c r="I7" s="261">
        <v>5512</v>
      </c>
      <c r="J7" s="261">
        <v>4120</v>
      </c>
      <c r="K7" s="261">
        <v>3104</v>
      </c>
      <c r="L7" s="262">
        <v>30570</v>
      </c>
      <c r="M7" s="263">
        <v>30570</v>
      </c>
      <c r="N7" s="257">
        <v>1</v>
      </c>
      <c r="O7" s="261">
        <v>5</v>
      </c>
      <c r="P7" s="258">
        <v>6</v>
      </c>
      <c r="Q7" s="260">
        <v>0</v>
      </c>
      <c r="R7" s="261">
        <v>23</v>
      </c>
      <c r="S7" s="261">
        <v>169</v>
      </c>
      <c r="T7" s="261">
        <v>274</v>
      </c>
      <c r="U7" s="261">
        <v>775</v>
      </c>
      <c r="V7" s="261">
        <v>1516</v>
      </c>
      <c r="W7" s="258">
        <v>2757</v>
      </c>
      <c r="X7" s="263">
        <v>2763</v>
      </c>
      <c r="Y7" s="257">
        <v>1036</v>
      </c>
      <c r="Z7" s="261">
        <v>3021</v>
      </c>
      <c r="AA7" s="258">
        <v>4057</v>
      </c>
      <c r="AB7" s="260">
        <v>0</v>
      </c>
      <c r="AC7" s="261">
        <v>4226</v>
      </c>
      <c r="AD7" s="261">
        <v>8558</v>
      </c>
      <c r="AE7" s="261">
        <v>4830</v>
      </c>
      <c r="AF7" s="261">
        <v>3875</v>
      </c>
      <c r="AG7" s="261">
        <v>2947</v>
      </c>
      <c r="AH7" s="258">
        <v>24436</v>
      </c>
      <c r="AI7" s="263">
        <v>28493</v>
      </c>
      <c r="AJ7" s="257">
        <v>103</v>
      </c>
      <c r="AK7" s="261">
        <v>396</v>
      </c>
      <c r="AL7" s="258">
        <v>499</v>
      </c>
      <c r="AM7" s="260">
        <v>0</v>
      </c>
      <c r="AN7" s="261">
        <v>267</v>
      </c>
      <c r="AO7" s="261">
        <v>679</v>
      </c>
      <c r="AP7" s="261">
        <v>454</v>
      </c>
      <c r="AQ7" s="261">
        <v>384</v>
      </c>
      <c r="AR7" s="261">
        <v>225</v>
      </c>
      <c r="AS7" s="258">
        <v>2009</v>
      </c>
      <c r="AT7" s="263">
        <v>2508</v>
      </c>
      <c r="AU7" s="257">
        <v>1202</v>
      </c>
      <c r="AV7" s="261">
        <v>1907</v>
      </c>
      <c r="AW7" s="258">
        <v>3109</v>
      </c>
      <c r="AX7" s="260">
        <v>0</v>
      </c>
      <c r="AY7" s="261">
        <v>6618</v>
      </c>
      <c r="AZ7" s="261">
        <v>9976</v>
      </c>
      <c r="BA7" s="261">
        <v>8163</v>
      </c>
      <c r="BB7" s="261">
        <v>7896</v>
      </c>
      <c r="BC7" s="261">
        <v>6191</v>
      </c>
      <c r="BD7" s="262">
        <v>38844</v>
      </c>
      <c r="BE7" s="263">
        <v>41953</v>
      </c>
      <c r="BF7" s="257">
        <v>0</v>
      </c>
      <c r="BG7" s="261">
        <v>1</v>
      </c>
      <c r="BH7" s="258">
        <v>1</v>
      </c>
      <c r="BI7" s="260">
        <v>0</v>
      </c>
      <c r="BJ7" s="261">
        <v>6793</v>
      </c>
      <c r="BK7" s="261">
        <v>8517</v>
      </c>
      <c r="BL7" s="261">
        <v>4171</v>
      </c>
      <c r="BM7" s="261">
        <v>2266</v>
      </c>
      <c r="BN7" s="261">
        <v>1111</v>
      </c>
      <c r="BO7" s="258">
        <v>22858</v>
      </c>
      <c r="BP7" s="263">
        <v>22859</v>
      </c>
      <c r="BQ7" s="257">
        <v>706</v>
      </c>
      <c r="BR7" s="261">
        <v>1231</v>
      </c>
      <c r="BS7" s="258">
        <v>1937</v>
      </c>
      <c r="BT7" s="260">
        <v>0</v>
      </c>
      <c r="BU7" s="261">
        <v>1314</v>
      </c>
      <c r="BV7" s="261">
        <v>2946</v>
      </c>
      <c r="BW7" s="261">
        <v>1641</v>
      </c>
      <c r="BX7" s="261">
        <v>1033</v>
      </c>
      <c r="BY7" s="261">
        <v>377</v>
      </c>
      <c r="BZ7" s="258">
        <v>7311</v>
      </c>
      <c r="CA7" s="263">
        <v>9248</v>
      </c>
      <c r="CB7" s="257">
        <v>30</v>
      </c>
      <c r="CC7" s="261">
        <v>102</v>
      </c>
      <c r="CD7" s="258">
        <v>132</v>
      </c>
      <c r="CE7" s="260">
        <v>0</v>
      </c>
      <c r="CF7" s="261">
        <v>658</v>
      </c>
      <c r="CG7" s="261">
        <v>1407</v>
      </c>
      <c r="CH7" s="261">
        <v>1672</v>
      </c>
      <c r="CI7" s="261">
        <v>1128</v>
      </c>
      <c r="CJ7" s="261">
        <v>633</v>
      </c>
      <c r="CK7" s="258">
        <v>5498</v>
      </c>
      <c r="CL7" s="263">
        <v>5630</v>
      </c>
      <c r="CM7" s="257">
        <v>1</v>
      </c>
      <c r="CN7" s="261">
        <v>15</v>
      </c>
      <c r="CO7" s="258">
        <v>16</v>
      </c>
      <c r="CP7" s="260">
        <v>0</v>
      </c>
      <c r="CQ7" s="261">
        <v>121</v>
      </c>
      <c r="CR7" s="261">
        <v>291</v>
      </c>
      <c r="CS7" s="261">
        <v>306</v>
      </c>
      <c r="CT7" s="261">
        <v>295</v>
      </c>
      <c r="CU7" s="261">
        <v>193</v>
      </c>
      <c r="CV7" s="258">
        <v>1206</v>
      </c>
      <c r="CW7" s="263">
        <v>1222</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3749</v>
      </c>
      <c r="DU7" s="261">
        <v>10183</v>
      </c>
      <c r="DV7" s="258">
        <v>13932</v>
      </c>
      <c r="DW7" s="260">
        <v>0</v>
      </c>
      <c r="DX7" s="261">
        <v>7605</v>
      </c>
      <c r="DY7" s="261">
        <v>20290</v>
      </c>
      <c r="DZ7" s="261">
        <v>10947</v>
      </c>
      <c r="EA7" s="261">
        <v>8201</v>
      </c>
      <c r="EB7" s="261">
        <v>5328</v>
      </c>
      <c r="EC7" s="258">
        <v>52371</v>
      </c>
      <c r="ED7" s="263">
        <v>66303</v>
      </c>
      <c r="EE7" s="257">
        <v>695</v>
      </c>
      <c r="EF7" s="261">
        <v>577</v>
      </c>
      <c r="EG7" s="258">
        <v>1272</v>
      </c>
      <c r="EH7" s="260">
        <v>0</v>
      </c>
      <c r="EI7" s="261">
        <v>2398</v>
      </c>
      <c r="EJ7" s="261">
        <v>2600</v>
      </c>
      <c r="EK7" s="261">
        <v>2121</v>
      </c>
      <c r="EL7" s="261">
        <v>2506</v>
      </c>
      <c r="EM7" s="261">
        <v>1392</v>
      </c>
      <c r="EN7" s="258">
        <v>11017</v>
      </c>
      <c r="EO7" s="263">
        <v>12289</v>
      </c>
      <c r="EP7" s="257">
        <v>5173</v>
      </c>
      <c r="EQ7" s="261">
        <v>12640</v>
      </c>
      <c r="ER7" s="258">
        <v>17813</v>
      </c>
      <c r="ES7" s="260">
        <v>0</v>
      </c>
      <c r="ET7" s="261">
        <v>18728</v>
      </c>
      <c r="EU7" s="261">
        <v>27736</v>
      </c>
      <c r="EV7" s="261">
        <v>13379</v>
      </c>
      <c r="EW7" s="261">
        <v>8940</v>
      </c>
      <c r="EX7" s="261">
        <v>5543</v>
      </c>
      <c r="EY7" s="258">
        <v>74326</v>
      </c>
      <c r="EZ7" s="263">
        <v>92139</v>
      </c>
    </row>
    <row r="8" spans="2:156" ht="21" customHeight="1" x14ac:dyDescent="0.2">
      <c r="B8" s="472" t="s">
        <v>6</v>
      </c>
      <c r="C8" s="257">
        <v>0</v>
      </c>
      <c r="D8" s="261">
        <v>0</v>
      </c>
      <c r="E8" s="358">
        <v>0</v>
      </c>
      <c r="F8" s="260">
        <v>0</v>
      </c>
      <c r="G8" s="261">
        <v>3357</v>
      </c>
      <c r="H8" s="261">
        <v>2982</v>
      </c>
      <c r="I8" s="261">
        <v>1778</v>
      </c>
      <c r="J8" s="261">
        <v>1516</v>
      </c>
      <c r="K8" s="261">
        <v>1235</v>
      </c>
      <c r="L8" s="262">
        <v>10868</v>
      </c>
      <c r="M8" s="263">
        <v>10868</v>
      </c>
      <c r="N8" s="257">
        <v>1</v>
      </c>
      <c r="O8" s="261">
        <v>1</v>
      </c>
      <c r="P8" s="258">
        <v>2</v>
      </c>
      <c r="Q8" s="260">
        <v>0</v>
      </c>
      <c r="R8" s="261">
        <v>21</v>
      </c>
      <c r="S8" s="261">
        <v>64</v>
      </c>
      <c r="T8" s="261">
        <v>105</v>
      </c>
      <c r="U8" s="261">
        <v>252</v>
      </c>
      <c r="V8" s="261">
        <v>502</v>
      </c>
      <c r="W8" s="258">
        <v>944</v>
      </c>
      <c r="X8" s="263">
        <v>946</v>
      </c>
      <c r="Y8" s="257">
        <v>367</v>
      </c>
      <c r="Z8" s="261">
        <v>774</v>
      </c>
      <c r="AA8" s="258">
        <v>1141</v>
      </c>
      <c r="AB8" s="260">
        <v>0</v>
      </c>
      <c r="AC8" s="261">
        <v>2210</v>
      </c>
      <c r="AD8" s="261">
        <v>2265</v>
      </c>
      <c r="AE8" s="261">
        <v>1429</v>
      </c>
      <c r="AF8" s="261">
        <v>1252</v>
      </c>
      <c r="AG8" s="261">
        <v>993</v>
      </c>
      <c r="AH8" s="258">
        <v>8149</v>
      </c>
      <c r="AI8" s="263">
        <v>9290</v>
      </c>
      <c r="AJ8" s="257">
        <v>24</v>
      </c>
      <c r="AK8" s="261">
        <v>59</v>
      </c>
      <c r="AL8" s="258">
        <v>83</v>
      </c>
      <c r="AM8" s="260">
        <v>0</v>
      </c>
      <c r="AN8" s="261">
        <v>175</v>
      </c>
      <c r="AO8" s="261">
        <v>202</v>
      </c>
      <c r="AP8" s="261">
        <v>110</v>
      </c>
      <c r="AQ8" s="261">
        <v>131</v>
      </c>
      <c r="AR8" s="261">
        <v>64</v>
      </c>
      <c r="AS8" s="258">
        <v>682</v>
      </c>
      <c r="AT8" s="263">
        <v>765</v>
      </c>
      <c r="AU8" s="257">
        <v>471</v>
      </c>
      <c r="AV8" s="261">
        <v>557</v>
      </c>
      <c r="AW8" s="258">
        <v>1028</v>
      </c>
      <c r="AX8" s="260">
        <v>0</v>
      </c>
      <c r="AY8" s="261">
        <v>3426</v>
      </c>
      <c r="AZ8" s="261">
        <v>3656</v>
      </c>
      <c r="BA8" s="261">
        <v>3234</v>
      </c>
      <c r="BB8" s="261">
        <v>3184</v>
      </c>
      <c r="BC8" s="261">
        <v>2559</v>
      </c>
      <c r="BD8" s="262">
        <v>16059</v>
      </c>
      <c r="BE8" s="263">
        <v>17087</v>
      </c>
      <c r="BF8" s="257">
        <v>0</v>
      </c>
      <c r="BG8" s="261">
        <v>0</v>
      </c>
      <c r="BH8" s="258">
        <v>0</v>
      </c>
      <c r="BI8" s="260">
        <v>0</v>
      </c>
      <c r="BJ8" s="261">
        <v>3667</v>
      </c>
      <c r="BK8" s="261">
        <v>2872</v>
      </c>
      <c r="BL8" s="261">
        <v>1626</v>
      </c>
      <c r="BM8" s="261">
        <v>1020</v>
      </c>
      <c r="BN8" s="261">
        <v>520</v>
      </c>
      <c r="BO8" s="258">
        <v>9705</v>
      </c>
      <c r="BP8" s="263">
        <v>9705</v>
      </c>
      <c r="BQ8" s="257">
        <v>124</v>
      </c>
      <c r="BR8" s="261">
        <v>210</v>
      </c>
      <c r="BS8" s="258">
        <v>334</v>
      </c>
      <c r="BT8" s="260">
        <v>0</v>
      </c>
      <c r="BU8" s="261">
        <v>578</v>
      </c>
      <c r="BV8" s="261">
        <v>712</v>
      </c>
      <c r="BW8" s="261">
        <v>471</v>
      </c>
      <c r="BX8" s="261">
        <v>323</v>
      </c>
      <c r="BY8" s="261">
        <v>131</v>
      </c>
      <c r="BZ8" s="258">
        <v>2215</v>
      </c>
      <c r="CA8" s="263">
        <v>2549</v>
      </c>
      <c r="CB8" s="257">
        <v>4</v>
      </c>
      <c r="CC8" s="261">
        <v>26</v>
      </c>
      <c r="CD8" s="258">
        <v>30</v>
      </c>
      <c r="CE8" s="260">
        <v>0</v>
      </c>
      <c r="CF8" s="261">
        <v>290</v>
      </c>
      <c r="CG8" s="261">
        <v>447</v>
      </c>
      <c r="CH8" s="261">
        <v>534</v>
      </c>
      <c r="CI8" s="261">
        <v>412</v>
      </c>
      <c r="CJ8" s="261">
        <v>262</v>
      </c>
      <c r="CK8" s="258">
        <v>1945</v>
      </c>
      <c r="CL8" s="263">
        <v>1975</v>
      </c>
      <c r="CM8" s="257">
        <v>0</v>
      </c>
      <c r="CN8" s="261">
        <v>0</v>
      </c>
      <c r="CO8" s="258">
        <v>0</v>
      </c>
      <c r="CP8" s="260">
        <v>0</v>
      </c>
      <c r="CQ8" s="261">
        <v>28</v>
      </c>
      <c r="CR8" s="261">
        <v>53</v>
      </c>
      <c r="CS8" s="261">
        <v>66</v>
      </c>
      <c r="CT8" s="261">
        <v>79</v>
      </c>
      <c r="CU8" s="261">
        <v>54</v>
      </c>
      <c r="CV8" s="258">
        <v>280</v>
      </c>
      <c r="CW8" s="263">
        <v>280</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667</v>
      </c>
      <c r="DU8" s="261">
        <v>2960</v>
      </c>
      <c r="DV8" s="258">
        <v>4627</v>
      </c>
      <c r="DW8" s="260">
        <v>0</v>
      </c>
      <c r="DX8" s="261">
        <v>4896</v>
      </c>
      <c r="DY8" s="261">
        <v>5950</v>
      </c>
      <c r="DZ8" s="261">
        <v>3865</v>
      </c>
      <c r="EA8" s="261">
        <v>3134</v>
      </c>
      <c r="EB8" s="261">
        <v>2107</v>
      </c>
      <c r="EC8" s="258">
        <v>19952</v>
      </c>
      <c r="ED8" s="263">
        <v>24579</v>
      </c>
      <c r="EE8" s="257">
        <v>228</v>
      </c>
      <c r="EF8" s="261">
        <v>159</v>
      </c>
      <c r="EG8" s="258">
        <v>387</v>
      </c>
      <c r="EH8" s="260">
        <v>0</v>
      </c>
      <c r="EI8" s="261">
        <v>888</v>
      </c>
      <c r="EJ8" s="261">
        <v>705</v>
      </c>
      <c r="EK8" s="261">
        <v>714</v>
      </c>
      <c r="EL8" s="261">
        <v>799</v>
      </c>
      <c r="EM8" s="261">
        <v>496</v>
      </c>
      <c r="EN8" s="258">
        <v>3602</v>
      </c>
      <c r="EO8" s="263">
        <v>3989</v>
      </c>
      <c r="EP8" s="257">
        <v>2052</v>
      </c>
      <c r="EQ8" s="261">
        <v>3479</v>
      </c>
      <c r="ER8" s="258">
        <v>5531</v>
      </c>
      <c r="ES8" s="260">
        <v>0</v>
      </c>
      <c r="ET8" s="261">
        <v>9359</v>
      </c>
      <c r="EU8" s="261">
        <v>7767</v>
      </c>
      <c r="EV8" s="261">
        <v>4434</v>
      </c>
      <c r="EW8" s="261">
        <v>3293</v>
      </c>
      <c r="EX8" s="261">
        <v>2162</v>
      </c>
      <c r="EY8" s="258">
        <v>27015</v>
      </c>
      <c r="EZ8" s="263">
        <v>32546</v>
      </c>
    </row>
    <row r="9" spans="2:156" ht="21" customHeight="1" x14ac:dyDescent="0.2">
      <c r="B9" s="472" t="s">
        <v>14</v>
      </c>
      <c r="C9" s="257">
        <v>0</v>
      </c>
      <c r="D9" s="261">
        <v>0</v>
      </c>
      <c r="E9" s="358">
        <v>0</v>
      </c>
      <c r="F9" s="260">
        <v>0</v>
      </c>
      <c r="G9" s="261">
        <v>1162</v>
      </c>
      <c r="H9" s="261">
        <v>1709</v>
      </c>
      <c r="I9" s="261">
        <v>1043</v>
      </c>
      <c r="J9" s="261">
        <v>749</v>
      </c>
      <c r="K9" s="261">
        <v>514</v>
      </c>
      <c r="L9" s="262">
        <v>5177</v>
      </c>
      <c r="M9" s="263">
        <v>5177</v>
      </c>
      <c r="N9" s="257">
        <v>0</v>
      </c>
      <c r="O9" s="261">
        <v>1</v>
      </c>
      <c r="P9" s="258">
        <v>1</v>
      </c>
      <c r="Q9" s="260">
        <v>0</v>
      </c>
      <c r="R9" s="261">
        <v>3</v>
      </c>
      <c r="S9" s="261">
        <v>24</v>
      </c>
      <c r="T9" s="261">
        <v>56</v>
      </c>
      <c r="U9" s="261">
        <v>148</v>
      </c>
      <c r="V9" s="261">
        <v>214</v>
      </c>
      <c r="W9" s="258">
        <v>445</v>
      </c>
      <c r="X9" s="263">
        <v>446</v>
      </c>
      <c r="Y9" s="257">
        <v>102</v>
      </c>
      <c r="Z9" s="261">
        <v>403</v>
      </c>
      <c r="AA9" s="258">
        <v>505</v>
      </c>
      <c r="AB9" s="260">
        <v>0</v>
      </c>
      <c r="AC9" s="261">
        <v>701</v>
      </c>
      <c r="AD9" s="261">
        <v>1175</v>
      </c>
      <c r="AE9" s="261">
        <v>787</v>
      </c>
      <c r="AF9" s="261">
        <v>656</v>
      </c>
      <c r="AG9" s="261">
        <v>458</v>
      </c>
      <c r="AH9" s="258">
        <v>3777</v>
      </c>
      <c r="AI9" s="263">
        <v>4282</v>
      </c>
      <c r="AJ9" s="257">
        <v>8</v>
      </c>
      <c r="AK9" s="261">
        <v>43</v>
      </c>
      <c r="AL9" s="258">
        <v>51</v>
      </c>
      <c r="AM9" s="260">
        <v>0</v>
      </c>
      <c r="AN9" s="261">
        <v>27</v>
      </c>
      <c r="AO9" s="261">
        <v>82</v>
      </c>
      <c r="AP9" s="261">
        <v>51</v>
      </c>
      <c r="AQ9" s="261">
        <v>39</v>
      </c>
      <c r="AR9" s="261">
        <v>23</v>
      </c>
      <c r="AS9" s="258">
        <v>222</v>
      </c>
      <c r="AT9" s="263">
        <v>273</v>
      </c>
      <c r="AU9" s="257">
        <v>215</v>
      </c>
      <c r="AV9" s="261">
        <v>353</v>
      </c>
      <c r="AW9" s="258">
        <v>568</v>
      </c>
      <c r="AX9" s="260">
        <v>0</v>
      </c>
      <c r="AY9" s="261">
        <v>1283</v>
      </c>
      <c r="AZ9" s="261">
        <v>1710</v>
      </c>
      <c r="BA9" s="261">
        <v>1759</v>
      </c>
      <c r="BB9" s="261">
        <v>1472</v>
      </c>
      <c r="BC9" s="261">
        <v>1046</v>
      </c>
      <c r="BD9" s="262">
        <v>7270</v>
      </c>
      <c r="BE9" s="263">
        <v>7838</v>
      </c>
      <c r="BF9" s="257">
        <v>0</v>
      </c>
      <c r="BG9" s="261">
        <v>0</v>
      </c>
      <c r="BH9" s="258">
        <v>0</v>
      </c>
      <c r="BI9" s="260">
        <v>0</v>
      </c>
      <c r="BJ9" s="261">
        <v>1600</v>
      </c>
      <c r="BK9" s="261">
        <v>1827</v>
      </c>
      <c r="BL9" s="261">
        <v>1151</v>
      </c>
      <c r="BM9" s="261">
        <v>575</v>
      </c>
      <c r="BN9" s="261">
        <v>274</v>
      </c>
      <c r="BO9" s="258">
        <v>5427</v>
      </c>
      <c r="BP9" s="263">
        <v>5427</v>
      </c>
      <c r="BQ9" s="257">
        <v>77</v>
      </c>
      <c r="BR9" s="261">
        <v>161</v>
      </c>
      <c r="BS9" s="258">
        <v>238</v>
      </c>
      <c r="BT9" s="260">
        <v>0</v>
      </c>
      <c r="BU9" s="261">
        <v>147</v>
      </c>
      <c r="BV9" s="261">
        <v>411</v>
      </c>
      <c r="BW9" s="261">
        <v>256</v>
      </c>
      <c r="BX9" s="261">
        <v>146</v>
      </c>
      <c r="BY9" s="261">
        <v>41</v>
      </c>
      <c r="BZ9" s="258">
        <v>1001</v>
      </c>
      <c r="CA9" s="263">
        <v>1239</v>
      </c>
      <c r="CB9" s="257">
        <v>7</v>
      </c>
      <c r="CC9" s="261">
        <v>12</v>
      </c>
      <c r="CD9" s="258">
        <v>19</v>
      </c>
      <c r="CE9" s="260">
        <v>0</v>
      </c>
      <c r="CF9" s="261">
        <v>139</v>
      </c>
      <c r="CG9" s="261">
        <v>276</v>
      </c>
      <c r="CH9" s="261">
        <v>339</v>
      </c>
      <c r="CI9" s="261">
        <v>291</v>
      </c>
      <c r="CJ9" s="261">
        <v>150</v>
      </c>
      <c r="CK9" s="258">
        <v>1195</v>
      </c>
      <c r="CL9" s="263">
        <v>1214</v>
      </c>
      <c r="CM9" s="257">
        <v>0</v>
      </c>
      <c r="CN9" s="261">
        <v>0</v>
      </c>
      <c r="CO9" s="258">
        <v>0</v>
      </c>
      <c r="CP9" s="260">
        <v>0</v>
      </c>
      <c r="CQ9" s="261">
        <v>2</v>
      </c>
      <c r="CR9" s="261">
        <v>9</v>
      </c>
      <c r="CS9" s="261">
        <v>10</v>
      </c>
      <c r="CT9" s="261">
        <v>11</v>
      </c>
      <c r="CU9" s="261">
        <v>5</v>
      </c>
      <c r="CV9" s="258">
        <v>37</v>
      </c>
      <c r="CW9" s="263">
        <v>37</v>
      </c>
      <c r="CX9" s="257">
        <v>0</v>
      </c>
      <c r="CY9" s="261">
        <v>0</v>
      </c>
      <c r="CZ9" s="258">
        <v>0</v>
      </c>
      <c r="DA9" s="260">
        <v>0</v>
      </c>
      <c r="DB9" s="261">
        <v>0</v>
      </c>
      <c r="DC9" s="261">
        <v>0</v>
      </c>
      <c r="DD9" s="261">
        <v>0</v>
      </c>
      <c r="DE9" s="261">
        <v>1</v>
      </c>
      <c r="DF9" s="261">
        <v>0</v>
      </c>
      <c r="DG9" s="258">
        <v>1</v>
      </c>
      <c r="DH9" s="263">
        <v>1</v>
      </c>
      <c r="DI9" s="257">
        <v>0</v>
      </c>
      <c r="DJ9" s="261">
        <v>0</v>
      </c>
      <c r="DK9" s="258">
        <v>0</v>
      </c>
      <c r="DL9" s="260">
        <v>0</v>
      </c>
      <c r="DM9" s="261">
        <v>0</v>
      </c>
      <c r="DN9" s="261">
        <v>0</v>
      </c>
      <c r="DO9" s="261">
        <v>0</v>
      </c>
      <c r="DP9" s="261">
        <v>0</v>
      </c>
      <c r="DQ9" s="261">
        <v>0</v>
      </c>
      <c r="DR9" s="258">
        <v>0</v>
      </c>
      <c r="DS9" s="263">
        <v>0</v>
      </c>
      <c r="DT9" s="257">
        <v>867</v>
      </c>
      <c r="DU9" s="261">
        <v>2295</v>
      </c>
      <c r="DV9" s="258">
        <v>3162</v>
      </c>
      <c r="DW9" s="260">
        <v>0</v>
      </c>
      <c r="DX9" s="261">
        <v>1788</v>
      </c>
      <c r="DY9" s="261">
        <v>3807</v>
      </c>
      <c r="DZ9" s="261">
        <v>2357</v>
      </c>
      <c r="EA9" s="261">
        <v>1661</v>
      </c>
      <c r="EB9" s="261">
        <v>966</v>
      </c>
      <c r="EC9" s="258">
        <v>10579</v>
      </c>
      <c r="ED9" s="263">
        <v>13741</v>
      </c>
      <c r="EE9" s="257">
        <v>116</v>
      </c>
      <c r="EF9" s="261">
        <v>112</v>
      </c>
      <c r="EG9" s="258">
        <v>228</v>
      </c>
      <c r="EH9" s="260">
        <v>0</v>
      </c>
      <c r="EI9" s="261">
        <v>338</v>
      </c>
      <c r="EJ9" s="261">
        <v>273</v>
      </c>
      <c r="EK9" s="261">
        <v>289</v>
      </c>
      <c r="EL9" s="261">
        <v>309</v>
      </c>
      <c r="EM9" s="261">
        <v>160</v>
      </c>
      <c r="EN9" s="258">
        <v>1369</v>
      </c>
      <c r="EO9" s="263">
        <v>1597</v>
      </c>
      <c r="EP9" s="257">
        <v>1007</v>
      </c>
      <c r="EQ9" s="261">
        <v>2603</v>
      </c>
      <c r="ER9" s="258">
        <v>3610</v>
      </c>
      <c r="ES9" s="260">
        <v>0</v>
      </c>
      <c r="ET9" s="261">
        <v>3927</v>
      </c>
      <c r="EU9" s="261">
        <v>5138</v>
      </c>
      <c r="EV9" s="261">
        <v>2854</v>
      </c>
      <c r="EW9" s="261">
        <v>1817</v>
      </c>
      <c r="EX9" s="261">
        <v>1022</v>
      </c>
      <c r="EY9" s="258">
        <v>14758</v>
      </c>
      <c r="EZ9" s="263">
        <v>18368</v>
      </c>
    </row>
    <row r="10" spans="2:156" ht="21" customHeight="1" x14ac:dyDescent="0.2">
      <c r="B10" s="472" t="s">
        <v>7</v>
      </c>
      <c r="C10" s="257">
        <v>0</v>
      </c>
      <c r="D10" s="261">
        <v>0</v>
      </c>
      <c r="E10" s="358">
        <v>0</v>
      </c>
      <c r="F10" s="260">
        <v>0</v>
      </c>
      <c r="G10" s="261">
        <v>1532</v>
      </c>
      <c r="H10" s="261">
        <v>1076</v>
      </c>
      <c r="I10" s="261">
        <v>597</v>
      </c>
      <c r="J10" s="261">
        <v>571</v>
      </c>
      <c r="K10" s="261">
        <v>388</v>
      </c>
      <c r="L10" s="262">
        <v>4164</v>
      </c>
      <c r="M10" s="263">
        <v>4164</v>
      </c>
      <c r="N10" s="257">
        <v>0</v>
      </c>
      <c r="O10" s="261">
        <v>0</v>
      </c>
      <c r="P10" s="258">
        <v>0</v>
      </c>
      <c r="Q10" s="260">
        <v>0</v>
      </c>
      <c r="R10" s="261">
        <v>9</v>
      </c>
      <c r="S10" s="261">
        <v>41</v>
      </c>
      <c r="T10" s="261">
        <v>50</v>
      </c>
      <c r="U10" s="261">
        <v>119</v>
      </c>
      <c r="V10" s="261">
        <v>178</v>
      </c>
      <c r="W10" s="258">
        <v>397</v>
      </c>
      <c r="X10" s="263">
        <v>397</v>
      </c>
      <c r="Y10" s="257">
        <v>19</v>
      </c>
      <c r="Z10" s="261">
        <v>23</v>
      </c>
      <c r="AA10" s="258">
        <v>42</v>
      </c>
      <c r="AB10" s="260">
        <v>0</v>
      </c>
      <c r="AC10" s="261">
        <v>544</v>
      </c>
      <c r="AD10" s="261">
        <v>527</v>
      </c>
      <c r="AE10" s="261">
        <v>332</v>
      </c>
      <c r="AF10" s="261">
        <v>367</v>
      </c>
      <c r="AG10" s="261">
        <v>276</v>
      </c>
      <c r="AH10" s="258">
        <v>2046</v>
      </c>
      <c r="AI10" s="263">
        <v>2088</v>
      </c>
      <c r="AJ10" s="257">
        <v>5</v>
      </c>
      <c r="AK10" s="261">
        <v>7</v>
      </c>
      <c r="AL10" s="258">
        <v>12</v>
      </c>
      <c r="AM10" s="260">
        <v>0</v>
      </c>
      <c r="AN10" s="261">
        <v>67</v>
      </c>
      <c r="AO10" s="261">
        <v>77</v>
      </c>
      <c r="AP10" s="261">
        <v>54</v>
      </c>
      <c r="AQ10" s="261">
        <v>57</v>
      </c>
      <c r="AR10" s="261">
        <v>28</v>
      </c>
      <c r="AS10" s="258">
        <v>283</v>
      </c>
      <c r="AT10" s="263">
        <v>295</v>
      </c>
      <c r="AU10" s="257">
        <v>127</v>
      </c>
      <c r="AV10" s="261">
        <v>100</v>
      </c>
      <c r="AW10" s="258">
        <v>227</v>
      </c>
      <c r="AX10" s="260">
        <v>0</v>
      </c>
      <c r="AY10" s="261">
        <v>1182</v>
      </c>
      <c r="AZ10" s="261">
        <v>1107</v>
      </c>
      <c r="BA10" s="261">
        <v>972</v>
      </c>
      <c r="BB10" s="261">
        <v>1014</v>
      </c>
      <c r="BC10" s="261">
        <v>704</v>
      </c>
      <c r="BD10" s="262">
        <v>4979</v>
      </c>
      <c r="BE10" s="263">
        <v>5206</v>
      </c>
      <c r="BF10" s="257">
        <v>0</v>
      </c>
      <c r="BG10" s="261">
        <v>0</v>
      </c>
      <c r="BH10" s="258">
        <v>0</v>
      </c>
      <c r="BI10" s="260">
        <v>0</v>
      </c>
      <c r="BJ10" s="261">
        <v>1734</v>
      </c>
      <c r="BK10" s="261">
        <v>1108</v>
      </c>
      <c r="BL10" s="261">
        <v>511</v>
      </c>
      <c r="BM10" s="261">
        <v>314</v>
      </c>
      <c r="BN10" s="261">
        <v>143</v>
      </c>
      <c r="BO10" s="258">
        <v>3810</v>
      </c>
      <c r="BP10" s="263">
        <v>3810</v>
      </c>
      <c r="BQ10" s="257">
        <v>47</v>
      </c>
      <c r="BR10" s="261">
        <v>56</v>
      </c>
      <c r="BS10" s="258">
        <v>103</v>
      </c>
      <c r="BT10" s="260">
        <v>0</v>
      </c>
      <c r="BU10" s="261">
        <v>270</v>
      </c>
      <c r="BV10" s="261">
        <v>238</v>
      </c>
      <c r="BW10" s="261">
        <v>146</v>
      </c>
      <c r="BX10" s="261">
        <v>81</v>
      </c>
      <c r="BY10" s="261">
        <v>30</v>
      </c>
      <c r="BZ10" s="258">
        <v>765</v>
      </c>
      <c r="CA10" s="263">
        <v>868</v>
      </c>
      <c r="CB10" s="257">
        <v>1</v>
      </c>
      <c r="CC10" s="261">
        <v>1</v>
      </c>
      <c r="CD10" s="258">
        <v>2</v>
      </c>
      <c r="CE10" s="260">
        <v>0</v>
      </c>
      <c r="CF10" s="261">
        <v>215</v>
      </c>
      <c r="CG10" s="261">
        <v>296</v>
      </c>
      <c r="CH10" s="261">
        <v>266</v>
      </c>
      <c r="CI10" s="261">
        <v>183</v>
      </c>
      <c r="CJ10" s="261">
        <v>105</v>
      </c>
      <c r="CK10" s="258">
        <v>1065</v>
      </c>
      <c r="CL10" s="263">
        <v>1067</v>
      </c>
      <c r="CM10" s="257">
        <v>0</v>
      </c>
      <c r="CN10" s="261">
        <v>0</v>
      </c>
      <c r="CO10" s="258">
        <v>0</v>
      </c>
      <c r="CP10" s="260">
        <v>0</v>
      </c>
      <c r="CQ10" s="261">
        <v>10</v>
      </c>
      <c r="CR10" s="261">
        <v>13</v>
      </c>
      <c r="CS10" s="261">
        <v>16</v>
      </c>
      <c r="CT10" s="261">
        <v>15</v>
      </c>
      <c r="CU10" s="261">
        <v>4</v>
      </c>
      <c r="CV10" s="258">
        <v>58</v>
      </c>
      <c r="CW10" s="263">
        <v>58</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357</v>
      </c>
      <c r="DU10" s="261">
        <v>707</v>
      </c>
      <c r="DV10" s="258">
        <v>1064</v>
      </c>
      <c r="DW10" s="260">
        <v>0</v>
      </c>
      <c r="DX10" s="261">
        <v>2081</v>
      </c>
      <c r="DY10" s="261">
        <v>2280</v>
      </c>
      <c r="DZ10" s="261">
        <v>1238</v>
      </c>
      <c r="EA10" s="261">
        <v>1016</v>
      </c>
      <c r="EB10" s="261">
        <v>621</v>
      </c>
      <c r="EC10" s="258">
        <v>7236</v>
      </c>
      <c r="ED10" s="263">
        <v>8300</v>
      </c>
      <c r="EE10" s="257">
        <v>89</v>
      </c>
      <c r="EF10" s="261">
        <v>52</v>
      </c>
      <c r="EG10" s="258">
        <v>141</v>
      </c>
      <c r="EH10" s="260">
        <v>0</v>
      </c>
      <c r="EI10" s="261">
        <v>475</v>
      </c>
      <c r="EJ10" s="261">
        <v>293</v>
      </c>
      <c r="EK10" s="261">
        <v>257</v>
      </c>
      <c r="EL10" s="261">
        <v>260</v>
      </c>
      <c r="EM10" s="261">
        <v>147</v>
      </c>
      <c r="EN10" s="258">
        <v>1432</v>
      </c>
      <c r="EO10" s="263">
        <v>1573</v>
      </c>
      <c r="EP10" s="257">
        <v>423</v>
      </c>
      <c r="EQ10" s="261">
        <v>768</v>
      </c>
      <c r="ER10" s="258">
        <v>1191</v>
      </c>
      <c r="ES10" s="260">
        <v>0</v>
      </c>
      <c r="ET10" s="261">
        <v>4519</v>
      </c>
      <c r="EU10" s="261">
        <v>3125</v>
      </c>
      <c r="EV10" s="261">
        <v>1529</v>
      </c>
      <c r="EW10" s="261">
        <v>1118</v>
      </c>
      <c r="EX10" s="261">
        <v>642</v>
      </c>
      <c r="EY10" s="258">
        <v>10933</v>
      </c>
      <c r="EZ10" s="263">
        <v>12124</v>
      </c>
    </row>
    <row r="11" spans="2:156" ht="21" customHeight="1" x14ac:dyDescent="0.2">
      <c r="B11" s="472" t="s">
        <v>8</v>
      </c>
      <c r="C11" s="257">
        <v>0</v>
      </c>
      <c r="D11" s="261">
        <v>0</v>
      </c>
      <c r="E11" s="358">
        <v>0</v>
      </c>
      <c r="F11" s="260">
        <v>0</v>
      </c>
      <c r="G11" s="261">
        <v>489</v>
      </c>
      <c r="H11" s="261">
        <v>646</v>
      </c>
      <c r="I11" s="261">
        <v>394</v>
      </c>
      <c r="J11" s="261">
        <v>317</v>
      </c>
      <c r="K11" s="261">
        <v>261</v>
      </c>
      <c r="L11" s="262">
        <v>2107</v>
      </c>
      <c r="M11" s="263">
        <v>2107</v>
      </c>
      <c r="N11" s="257">
        <v>0</v>
      </c>
      <c r="O11" s="261">
        <v>0</v>
      </c>
      <c r="P11" s="258">
        <v>0</v>
      </c>
      <c r="Q11" s="260">
        <v>0</v>
      </c>
      <c r="R11" s="261">
        <v>3</v>
      </c>
      <c r="S11" s="261">
        <v>19</v>
      </c>
      <c r="T11" s="261">
        <v>28</v>
      </c>
      <c r="U11" s="261">
        <v>57</v>
      </c>
      <c r="V11" s="261">
        <v>97</v>
      </c>
      <c r="W11" s="258">
        <v>204</v>
      </c>
      <c r="X11" s="263">
        <v>204</v>
      </c>
      <c r="Y11" s="257">
        <v>54</v>
      </c>
      <c r="Z11" s="261">
        <v>69</v>
      </c>
      <c r="AA11" s="258">
        <v>123</v>
      </c>
      <c r="AB11" s="260">
        <v>0</v>
      </c>
      <c r="AC11" s="261">
        <v>301</v>
      </c>
      <c r="AD11" s="261">
        <v>412</v>
      </c>
      <c r="AE11" s="261">
        <v>257</v>
      </c>
      <c r="AF11" s="261">
        <v>235</v>
      </c>
      <c r="AG11" s="261">
        <v>183</v>
      </c>
      <c r="AH11" s="258">
        <v>1388</v>
      </c>
      <c r="AI11" s="263">
        <v>1511</v>
      </c>
      <c r="AJ11" s="257">
        <v>8</v>
      </c>
      <c r="AK11" s="261">
        <v>17</v>
      </c>
      <c r="AL11" s="258">
        <v>25</v>
      </c>
      <c r="AM11" s="260">
        <v>0</v>
      </c>
      <c r="AN11" s="261">
        <v>70</v>
      </c>
      <c r="AO11" s="261">
        <v>87</v>
      </c>
      <c r="AP11" s="261">
        <v>44</v>
      </c>
      <c r="AQ11" s="261">
        <v>46</v>
      </c>
      <c r="AR11" s="261">
        <v>24</v>
      </c>
      <c r="AS11" s="258">
        <v>271</v>
      </c>
      <c r="AT11" s="263">
        <v>296</v>
      </c>
      <c r="AU11" s="257">
        <v>75</v>
      </c>
      <c r="AV11" s="261">
        <v>58</v>
      </c>
      <c r="AW11" s="258">
        <v>133</v>
      </c>
      <c r="AX11" s="260">
        <v>0</v>
      </c>
      <c r="AY11" s="261">
        <v>478</v>
      </c>
      <c r="AZ11" s="261">
        <v>586</v>
      </c>
      <c r="BA11" s="261">
        <v>547</v>
      </c>
      <c r="BB11" s="261">
        <v>581</v>
      </c>
      <c r="BC11" s="261">
        <v>401</v>
      </c>
      <c r="BD11" s="262">
        <v>2593</v>
      </c>
      <c r="BE11" s="263">
        <v>2726</v>
      </c>
      <c r="BF11" s="257">
        <v>0</v>
      </c>
      <c r="BG11" s="261">
        <v>0</v>
      </c>
      <c r="BH11" s="258">
        <v>0</v>
      </c>
      <c r="BI11" s="260">
        <v>0</v>
      </c>
      <c r="BJ11" s="261">
        <v>599</v>
      </c>
      <c r="BK11" s="261">
        <v>658</v>
      </c>
      <c r="BL11" s="261">
        <v>358</v>
      </c>
      <c r="BM11" s="261">
        <v>207</v>
      </c>
      <c r="BN11" s="261">
        <v>124</v>
      </c>
      <c r="BO11" s="258">
        <v>1946</v>
      </c>
      <c r="BP11" s="263">
        <v>1946</v>
      </c>
      <c r="BQ11" s="257">
        <v>50</v>
      </c>
      <c r="BR11" s="261">
        <v>61</v>
      </c>
      <c r="BS11" s="258">
        <v>111</v>
      </c>
      <c r="BT11" s="260">
        <v>0</v>
      </c>
      <c r="BU11" s="261">
        <v>138</v>
      </c>
      <c r="BV11" s="261">
        <v>161</v>
      </c>
      <c r="BW11" s="261">
        <v>104</v>
      </c>
      <c r="BX11" s="261">
        <v>55</v>
      </c>
      <c r="BY11" s="261">
        <v>17</v>
      </c>
      <c r="BZ11" s="258">
        <v>475</v>
      </c>
      <c r="CA11" s="263">
        <v>586</v>
      </c>
      <c r="CB11" s="257">
        <v>2</v>
      </c>
      <c r="CC11" s="261">
        <v>11</v>
      </c>
      <c r="CD11" s="258">
        <v>13</v>
      </c>
      <c r="CE11" s="260">
        <v>0</v>
      </c>
      <c r="CF11" s="261">
        <v>94</v>
      </c>
      <c r="CG11" s="261">
        <v>174</v>
      </c>
      <c r="CH11" s="261">
        <v>215</v>
      </c>
      <c r="CI11" s="261">
        <v>123</v>
      </c>
      <c r="CJ11" s="261">
        <v>53</v>
      </c>
      <c r="CK11" s="258">
        <v>659</v>
      </c>
      <c r="CL11" s="263">
        <v>672</v>
      </c>
      <c r="CM11" s="257">
        <v>0</v>
      </c>
      <c r="CN11" s="261">
        <v>0</v>
      </c>
      <c r="CO11" s="258">
        <v>0</v>
      </c>
      <c r="CP11" s="260">
        <v>0</v>
      </c>
      <c r="CQ11" s="261">
        <v>4</v>
      </c>
      <c r="CR11" s="261">
        <v>4</v>
      </c>
      <c r="CS11" s="261">
        <v>9</v>
      </c>
      <c r="CT11" s="261">
        <v>7</v>
      </c>
      <c r="CU11" s="261">
        <v>1</v>
      </c>
      <c r="CV11" s="258">
        <v>25</v>
      </c>
      <c r="CW11" s="263">
        <v>25</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426</v>
      </c>
      <c r="DU11" s="261">
        <v>602</v>
      </c>
      <c r="DV11" s="258">
        <v>1028</v>
      </c>
      <c r="DW11" s="260">
        <v>0</v>
      </c>
      <c r="DX11" s="261">
        <v>1010</v>
      </c>
      <c r="DY11" s="261">
        <v>1558</v>
      </c>
      <c r="DZ11" s="261">
        <v>917</v>
      </c>
      <c r="EA11" s="261">
        <v>628</v>
      </c>
      <c r="EB11" s="261">
        <v>401</v>
      </c>
      <c r="EC11" s="258">
        <v>4514</v>
      </c>
      <c r="ED11" s="263">
        <v>5542</v>
      </c>
      <c r="EE11" s="257">
        <v>55</v>
      </c>
      <c r="EF11" s="261">
        <v>20</v>
      </c>
      <c r="EG11" s="258">
        <v>75</v>
      </c>
      <c r="EH11" s="260">
        <v>0</v>
      </c>
      <c r="EI11" s="261">
        <v>156</v>
      </c>
      <c r="EJ11" s="261">
        <v>122</v>
      </c>
      <c r="EK11" s="261">
        <v>99</v>
      </c>
      <c r="EL11" s="261">
        <v>134</v>
      </c>
      <c r="EM11" s="261">
        <v>76</v>
      </c>
      <c r="EN11" s="258">
        <v>587</v>
      </c>
      <c r="EO11" s="263">
        <v>662</v>
      </c>
      <c r="EP11" s="257">
        <v>512</v>
      </c>
      <c r="EQ11" s="261">
        <v>679</v>
      </c>
      <c r="ER11" s="258">
        <v>1191</v>
      </c>
      <c r="ES11" s="260">
        <v>0</v>
      </c>
      <c r="ET11" s="261">
        <v>1875</v>
      </c>
      <c r="EU11" s="261">
        <v>1973</v>
      </c>
      <c r="EV11" s="261">
        <v>1068</v>
      </c>
      <c r="EW11" s="261">
        <v>687</v>
      </c>
      <c r="EX11" s="261">
        <v>422</v>
      </c>
      <c r="EY11" s="258">
        <v>6025</v>
      </c>
      <c r="EZ11" s="263">
        <v>7216</v>
      </c>
    </row>
    <row r="12" spans="2:156" ht="21" customHeight="1" x14ac:dyDescent="0.2">
      <c r="B12" s="472" t="s">
        <v>9</v>
      </c>
      <c r="C12" s="257">
        <v>0</v>
      </c>
      <c r="D12" s="261">
        <v>0</v>
      </c>
      <c r="E12" s="358">
        <v>0</v>
      </c>
      <c r="F12" s="260">
        <v>0</v>
      </c>
      <c r="G12" s="261">
        <v>669</v>
      </c>
      <c r="H12" s="261">
        <v>489</v>
      </c>
      <c r="I12" s="261">
        <v>349</v>
      </c>
      <c r="J12" s="261">
        <v>332</v>
      </c>
      <c r="K12" s="261">
        <v>247</v>
      </c>
      <c r="L12" s="262">
        <v>2086</v>
      </c>
      <c r="M12" s="263">
        <v>2086</v>
      </c>
      <c r="N12" s="257">
        <v>0</v>
      </c>
      <c r="O12" s="261">
        <v>0</v>
      </c>
      <c r="P12" s="258">
        <v>0</v>
      </c>
      <c r="Q12" s="260">
        <v>0</v>
      </c>
      <c r="R12" s="261">
        <v>4</v>
      </c>
      <c r="S12" s="261">
        <v>10</v>
      </c>
      <c r="T12" s="261">
        <v>16</v>
      </c>
      <c r="U12" s="261">
        <v>51</v>
      </c>
      <c r="V12" s="261">
        <v>93</v>
      </c>
      <c r="W12" s="258">
        <v>174</v>
      </c>
      <c r="X12" s="263">
        <v>174</v>
      </c>
      <c r="Y12" s="257">
        <v>52</v>
      </c>
      <c r="Z12" s="261">
        <v>90</v>
      </c>
      <c r="AA12" s="258">
        <v>142</v>
      </c>
      <c r="AB12" s="260">
        <v>0</v>
      </c>
      <c r="AC12" s="261">
        <v>380</v>
      </c>
      <c r="AD12" s="261">
        <v>329</v>
      </c>
      <c r="AE12" s="261">
        <v>250</v>
      </c>
      <c r="AF12" s="261">
        <v>261</v>
      </c>
      <c r="AG12" s="261">
        <v>175</v>
      </c>
      <c r="AH12" s="258">
        <v>1395</v>
      </c>
      <c r="AI12" s="263">
        <v>1537</v>
      </c>
      <c r="AJ12" s="257">
        <v>4</v>
      </c>
      <c r="AK12" s="261">
        <v>12</v>
      </c>
      <c r="AL12" s="258">
        <v>16</v>
      </c>
      <c r="AM12" s="260">
        <v>0</v>
      </c>
      <c r="AN12" s="261">
        <v>42</v>
      </c>
      <c r="AO12" s="261">
        <v>54</v>
      </c>
      <c r="AP12" s="261">
        <v>42</v>
      </c>
      <c r="AQ12" s="261">
        <v>41</v>
      </c>
      <c r="AR12" s="261">
        <v>26</v>
      </c>
      <c r="AS12" s="258">
        <v>205</v>
      </c>
      <c r="AT12" s="263">
        <v>221</v>
      </c>
      <c r="AU12" s="257">
        <v>70</v>
      </c>
      <c r="AV12" s="261">
        <v>68</v>
      </c>
      <c r="AW12" s="258">
        <v>138</v>
      </c>
      <c r="AX12" s="260">
        <v>0</v>
      </c>
      <c r="AY12" s="261">
        <v>539</v>
      </c>
      <c r="AZ12" s="261">
        <v>529</v>
      </c>
      <c r="BA12" s="261">
        <v>553</v>
      </c>
      <c r="BB12" s="261">
        <v>589</v>
      </c>
      <c r="BC12" s="261">
        <v>413</v>
      </c>
      <c r="BD12" s="262">
        <v>2623</v>
      </c>
      <c r="BE12" s="263">
        <v>2761</v>
      </c>
      <c r="BF12" s="257">
        <v>0</v>
      </c>
      <c r="BG12" s="261">
        <v>0</v>
      </c>
      <c r="BH12" s="258">
        <v>0</v>
      </c>
      <c r="BI12" s="260">
        <v>0</v>
      </c>
      <c r="BJ12" s="261">
        <v>640</v>
      </c>
      <c r="BK12" s="261">
        <v>403</v>
      </c>
      <c r="BL12" s="261">
        <v>244</v>
      </c>
      <c r="BM12" s="261">
        <v>161</v>
      </c>
      <c r="BN12" s="261">
        <v>48</v>
      </c>
      <c r="BO12" s="258">
        <v>1496</v>
      </c>
      <c r="BP12" s="263">
        <v>1496</v>
      </c>
      <c r="BQ12" s="257">
        <v>50</v>
      </c>
      <c r="BR12" s="261">
        <v>73</v>
      </c>
      <c r="BS12" s="258">
        <v>123</v>
      </c>
      <c r="BT12" s="260">
        <v>0</v>
      </c>
      <c r="BU12" s="261">
        <v>143</v>
      </c>
      <c r="BV12" s="261">
        <v>139</v>
      </c>
      <c r="BW12" s="261">
        <v>74</v>
      </c>
      <c r="BX12" s="261">
        <v>78</v>
      </c>
      <c r="BY12" s="261">
        <v>19</v>
      </c>
      <c r="BZ12" s="258">
        <v>453</v>
      </c>
      <c r="CA12" s="263">
        <v>576</v>
      </c>
      <c r="CB12" s="257">
        <v>5</v>
      </c>
      <c r="CC12" s="261">
        <v>4</v>
      </c>
      <c r="CD12" s="258">
        <v>9</v>
      </c>
      <c r="CE12" s="260">
        <v>0</v>
      </c>
      <c r="CF12" s="261">
        <v>81</v>
      </c>
      <c r="CG12" s="261">
        <v>89</v>
      </c>
      <c r="CH12" s="261">
        <v>138</v>
      </c>
      <c r="CI12" s="261">
        <v>98</v>
      </c>
      <c r="CJ12" s="261">
        <v>49</v>
      </c>
      <c r="CK12" s="258">
        <v>455</v>
      </c>
      <c r="CL12" s="263">
        <v>464</v>
      </c>
      <c r="CM12" s="257">
        <v>0</v>
      </c>
      <c r="CN12" s="261">
        <v>1</v>
      </c>
      <c r="CO12" s="258">
        <v>1</v>
      </c>
      <c r="CP12" s="260">
        <v>0</v>
      </c>
      <c r="CQ12" s="261">
        <v>12</v>
      </c>
      <c r="CR12" s="261">
        <v>14</v>
      </c>
      <c r="CS12" s="261">
        <v>23</v>
      </c>
      <c r="CT12" s="261">
        <v>29</v>
      </c>
      <c r="CU12" s="261">
        <v>9</v>
      </c>
      <c r="CV12" s="258">
        <v>87</v>
      </c>
      <c r="CW12" s="263">
        <v>88</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55</v>
      </c>
      <c r="DU12" s="261">
        <v>478</v>
      </c>
      <c r="DV12" s="258">
        <v>833</v>
      </c>
      <c r="DW12" s="260">
        <v>0</v>
      </c>
      <c r="DX12" s="261">
        <v>994</v>
      </c>
      <c r="DY12" s="261">
        <v>948</v>
      </c>
      <c r="DZ12" s="261">
        <v>642</v>
      </c>
      <c r="EA12" s="261">
        <v>571</v>
      </c>
      <c r="EB12" s="261">
        <v>351</v>
      </c>
      <c r="EC12" s="258">
        <v>3506</v>
      </c>
      <c r="ED12" s="263">
        <v>4339</v>
      </c>
      <c r="EE12" s="257">
        <v>47</v>
      </c>
      <c r="EF12" s="261">
        <v>22</v>
      </c>
      <c r="EG12" s="258">
        <v>69</v>
      </c>
      <c r="EH12" s="260">
        <v>0</v>
      </c>
      <c r="EI12" s="261">
        <v>192</v>
      </c>
      <c r="EJ12" s="261">
        <v>161</v>
      </c>
      <c r="EK12" s="261">
        <v>155</v>
      </c>
      <c r="EL12" s="261">
        <v>161</v>
      </c>
      <c r="EM12" s="261">
        <v>123</v>
      </c>
      <c r="EN12" s="258">
        <v>792</v>
      </c>
      <c r="EO12" s="263">
        <v>861</v>
      </c>
      <c r="EP12" s="257">
        <v>436</v>
      </c>
      <c r="EQ12" s="261">
        <v>568</v>
      </c>
      <c r="ER12" s="258">
        <v>1004</v>
      </c>
      <c r="ES12" s="260">
        <v>0</v>
      </c>
      <c r="ET12" s="261">
        <v>1811</v>
      </c>
      <c r="EU12" s="261">
        <v>1250</v>
      </c>
      <c r="EV12" s="261">
        <v>758</v>
      </c>
      <c r="EW12" s="261">
        <v>616</v>
      </c>
      <c r="EX12" s="261">
        <v>354</v>
      </c>
      <c r="EY12" s="258">
        <v>4789</v>
      </c>
      <c r="EZ12" s="263">
        <v>5793</v>
      </c>
    </row>
    <row r="13" spans="2:156" ht="21" customHeight="1" x14ac:dyDescent="0.2">
      <c r="B13" s="472" t="s">
        <v>10</v>
      </c>
      <c r="C13" s="257">
        <v>0</v>
      </c>
      <c r="D13" s="261">
        <v>0</v>
      </c>
      <c r="E13" s="358">
        <v>0</v>
      </c>
      <c r="F13" s="260">
        <v>0</v>
      </c>
      <c r="G13" s="261">
        <v>1349</v>
      </c>
      <c r="H13" s="261">
        <v>761</v>
      </c>
      <c r="I13" s="261">
        <v>502</v>
      </c>
      <c r="J13" s="261">
        <v>448</v>
      </c>
      <c r="K13" s="261">
        <v>360</v>
      </c>
      <c r="L13" s="262">
        <v>3420</v>
      </c>
      <c r="M13" s="263">
        <v>3420</v>
      </c>
      <c r="N13" s="257">
        <v>0</v>
      </c>
      <c r="O13" s="261">
        <v>0</v>
      </c>
      <c r="P13" s="258">
        <v>0</v>
      </c>
      <c r="Q13" s="260">
        <v>0</v>
      </c>
      <c r="R13" s="261">
        <v>8</v>
      </c>
      <c r="S13" s="261">
        <v>23</v>
      </c>
      <c r="T13" s="261">
        <v>36</v>
      </c>
      <c r="U13" s="261">
        <v>78</v>
      </c>
      <c r="V13" s="261">
        <v>173</v>
      </c>
      <c r="W13" s="258">
        <v>318</v>
      </c>
      <c r="X13" s="263">
        <v>318</v>
      </c>
      <c r="Y13" s="257">
        <v>171</v>
      </c>
      <c r="Z13" s="261">
        <v>303</v>
      </c>
      <c r="AA13" s="258">
        <v>474</v>
      </c>
      <c r="AB13" s="260">
        <v>0</v>
      </c>
      <c r="AC13" s="261">
        <v>823</v>
      </c>
      <c r="AD13" s="261">
        <v>572</v>
      </c>
      <c r="AE13" s="261">
        <v>353</v>
      </c>
      <c r="AF13" s="261">
        <v>337</v>
      </c>
      <c r="AG13" s="261">
        <v>296</v>
      </c>
      <c r="AH13" s="258">
        <v>2381</v>
      </c>
      <c r="AI13" s="263">
        <v>2855</v>
      </c>
      <c r="AJ13" s="257">
        <v>22</v>
      </c>
      <c r="AK13" s="261">
        <v>50</v>
      </c>
      <c r="AL13" s="258">
        <v>72</v>
      </c>
      <c r="AM13" s="260">
        <v>0</v>
      </c>
      <c r="AN13" s="261">
        <v>103</v>
      </c>
      <c r="AO13" s="261">
        <v>92</v>
      </c>
      <c r="AP13" s="261">
        <v>72</v>
      </c>
      <c r="AQ13" s="261">
        <v>48</v>
      </c>
      <c r="AR13" s="261">
        <v>55</v>
      </c>
      <c r="AS13" s="258">
        <v>370</v>
      </c>
      <c r="AT13" s="263">
        <v>442</v>
      </c>
      <c r="AU13" s="257">
        <v>179</v>
      </c>
      <c r="AV13" s="261">
        <v>256</v>
      </c>
      <c r="AW13" s="258">
        <v>435</v>
      </c>
      <c r="AX13" s="260">
        <v>0</v>
      </c>
      <c r="AY13" s="261">
        <v>1277</v>
      </c>
      <c r="AZ13" s="261">
        <v>1061</v>
      </c>
      <c r="BA13" s="261">
        <v>946</v>
      </c>
      <c r="BB13" s="261">
        <v>959</v>
      </c>
      <c r="BC13" s="261">
        <v>780</v>
      </c>
      <c r="BD13" s="262">
        <v>5023</v>
      </c>
      <c r="BE13" s="263">
        <v>5458</v>
      </c>
      <c r="BF13" s="257">
        <v>0</v>
      </c>
      <c r="BG13" s="261">
        <v>0</v>
      </c>
      <c r="BH13" s="258">
        <v>0</v>
      </c>
      <c r="BI13" s="260">
        <v>0</v>
      </c>
      <c r="BJ13" s="261">
        <v>1578</v>
      </c>
      <c r="BK13" s="261">
        <v>846</v>
      </c>
      <c r="BL13" s="261">
        <v>486</v>
      </c>
      <c r="BM13" s="261">
        <v>311</v>
      </c>
      <c r="BN13" s="261">
        <v>133</v>
      </c>
      <c r="BO13" s="258">
        <v>3354</v>
      </c>
      <c r="BP13" s="263">
        <v>3354</v>
      </c>
      <c r="BQ13" s="257">
        <v>63</v>
      </c>
      <c r="BR13" s="261">
        <v>94</v>
      </c>
      <c r="BS13" s="258">
        <v>157</v>
      </c>
      <c r="BT13" s="260">
        <v>0</v>
      </c>
      <c r="BU13" s="261">
        <v>252</v>
      </c>
      <c r="BV13" s="261">
        <v>206</v>
      </c>
      <c r="BW13" s="261">
        <v>93</v>
      </c>
      <c r="BX13" s="261">
        <v>64</v>
      </c>
      <c r="BY13" s="261">
        <v>29</v>
      </c>
      <c r="BZ13" s="258">
        <v>644</v>
      </c>
      <c r="CA13" s="263">
        <v>801</v>
      </c>
      <c r="CB13" s="257">
        <v>11</v>
      </c>
      <c r="CC13" s="261">
        <v>26</v>
      </c>
      <c r="CD13" s="258">
        <v>37</v>
      </c>
      <c r="CE13" s="260">
        <v>0</v>
      </c>
      <c r="CF13" s="261">
        <v>181</v>
      </c>
      <c r="CG13" s="261">
        <v>174</v>
      </c>
      <c r="CH13" s="261">
        <v>189</v>
      </c>
      <c r="CI13" s="261">
        <v>155</v>
      </c>
      <c r="CJ13" s="261">
        <v>82</v>
      </c>
      <c r="CK13" s="258">
        <v>781</v>
      </c>
      <c r="CL13" s="263">
        <v>818</v>
      </c>
      <c r="CM13" s="257">
        <v>0</v>
      </c>
      <c r="CN13" s="261">
        <v>1</v>
      </c>
      <c r="CO13" s="258">
        <v>1</v>
      </c>
      <c r="CP13" s="260">
        <v>0</v>
      </c>
      <c r="CQ13" s="261">
        <v>13</v>
      </c>
      <c r="CR13" s="261">
        <v>25</v>
      </c>
      <c r="CS13" s="261">
        <v>26</v>
      </c>
      <c r="CT13" s="261">
        <v>14</v>
      </c>
      <c r="CU13" s="261">
        <v>9</v>
      </c>
      <c r="CV13" s="258">
        <v>87</v>
      </c>
      <c r="CW13" s="263">
        <v>88</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962</v>
      </c>
      <c r="DU13" s="261">
        <v>1283</v>
      </c>
      <c r="DV13" s="258">
        <v>2245</v>
      </c>
      <c r="DW13" s="260">
        <v>0</v>
      </c>
      <c r="DX13" s="261">
        <v>2036</v>
      </c>
      <c r="DY13" s="261">
        <v>1638</v>
      </c>
      <c r="DZ13" s="261">
        <v>1048</v>
      </c>
      <c r="EA13" s="261">
        <v>902</v>
      </c>
      <c r="EB13" s="261">
        <v>628</v>
      </c>
      <c r="EC13" s="258">
        <v>6252</v>
      </c>
      <c r="ED13" s="263">
        <v>8497</v>
      </c>
      <c r="EE13" s="257">
        <v>74</v>
      </c>
      <c r="EF13" s="261">
        <v>63</v>
      </c>
      <c r="EG13" s="258">
        <v>137</v>
      </c>
      <c r="EH13" s="260">
        <v>0</v>
      </c>
      <c r="EI13" s="261">
        <v>300</v>
      </c>
      <c r="EJ13" s="261">
        <v>236</v>
      </c>
      <c r="EK13" s="261">
        <v>205</v>
      </c>
      <c r="EL13" s="261">
        <v>231</v>
      </c>
      <c r="EM13" s="261">
        <v>145</v>
      </c>
      <c r="EN13" s="258">
        <v>1117</v>
      </c>
      <c r="EO13" s="263">
        <v>1254</v>
      </c>
      <c r="EP13" s="257">
        <v>1147</v>
      </c>
      <c r="EQ13" s="261">
        <v>1484</v>
      </c>
      <c r="ER13" s="258">
        <v>2631</v>
      </c>
      <c r="ES13" s="260">
        <v>0</v>
      </c>
      <c r="ET13" s="261">
        <v>3582</v>
      </c>
      <c r="EU13" s="261">
        <v>2035</v>
      </c>
      <c r="EV13" s="261">
        <v>1150</v>
      </c>
      <c r="EW13" s="261">
        <v>884</v>
      </c>
      <c r="EX13" s="261">
        <v>593</v>
      </c>
      <c r="EY13" s="258">
        <v>8244</v>
      </c>
      <c r="EZ13" s="263">
        <v>10875</v>
      </c>
    </row>
    <row r="14" spans="2:156" ht="21" customHeight="1" x14ac:dyDescent="0.2">
      <c r="B14" s="472" t="s">
        <v>11</v>
      </c>
      <c r="C14" s="257">
        <v>0</v>
      </c>
      <c r="D14" s="261">
        <v>0</v>
      </c>
      <c r="E14" s="358">
        <v>0</v>
      </c>
      <c r="F14" s="260">
        <v>0</v>
      </c>
      <c r="G14" s="261">
        <v>499</v>
      </c>
      <c r="H14" s="261">
        <v>371</v>
      </c>
      <c r="I14" s="261">
        <v>262</v>
      </c>
      <c r="J14" s="261">
        <v>238</v>
      </c>
      <c r="K14" s="261">
        <v>157</v>
      </c>
      <c r="L14" s="262">
        <v>1527</v>
      </c>
      <c r="M14" s="263">
        <v>1527</v>
      </c>
      <c r="N14" s="257">
        <v>0</v>
      </c>
      <c r="O14" s="261">
        <v>1</v>
      </c>
      <c r="P14" s="258">
        <v>1</v>
      </c>
      <c r="Q14" s="260">
        <v>0</v>
      </c>
      <c r="R14" s="261">
        <v>5</v>
      </c>
      <c r="S14" s="261">
        <v>8</v>
      </c>
      <c r="T14" s="261">
        <v>25</v>
      </c>
      <c r="U14" s="261">
        <v>52</v>
      </c>
      <c r="V14" s="261">
        <v>69</v>
      </c>
      <c r="W14" s="258">
        <v>159</v>
      </c>
      <c r="X14" s="263">
        <v>160</v>
      </c>
      <c r="Y14" s="257">
        <v>46</v>
      </c>
      <c r="Z14" s="261">
        <v>49</v>
      </c>
      <c r="AA14" s="258">
        <v>95</v>
      </c>
      <c r="AB14" s="260">
        <v>0</v>
      </c>
      <c r="AC14" s="261">
        <v>336</v>
      </c>
      <c r="AD14" s="261">
        <v>253</v>
      </c>
      <c r="AE14" s="261">
        <v>199</v>
      </c>
      <c r="AF14" s="261">
        <v>204</v>
      </c>
      <c r="AG14" s="261">
        <v>144</v>
      </c>
      <c r="AH14" s="258">
        <v>1136</v>
      </c>
      <c r="AI14" s="263">
        <v>1231</v>
      </c>
      <c r="AJ14" s="257">
        <v>5</v>
      </c>
      <c r="AK14" s="261">
        <v>8</v>
      </c>
      <c r="AL14" s="258">
        <v>13</v>
      </c>
      <c r="AM14" s="260">
        <v>0</v>
      </c>
      <c r="AN14" s="261">
        <v>23</v>
      </c>
      <c r="AO14" s="261">
        <v>25</v>
      </c>
      <c r="AP14" s="261">
        <v>24</v>
      </c>
      <c r="AQ14" s="261">
        <v>25</v>
      </c>
      <c r="AR14" s="261">
        <v>5</v>
      </c>
      <c r="AS14" s="258">
        <v>102</v>
      </c>
      <c r="AT14" s="263">
        <v>115</v>
      </c>
      <c r="AU14" s="257">
        <v>51</v>
      </c>
      <c r="AV14" s="261">
        <v>48</v>
      </c>
      <c r="AW14" s="258">
        <v>99</v>
      </c>
      <c r="AX14" s="260">
        <v>0</v>
      </c>
      <c r="AY14" s="261">
        <v>420</v>
      </c>
      <c r="AZ14" s="261">
        <v>468</v>
      </c>
      <c r="BA14" s="261">
        <v>427</v>
      </c>
      <c r="BB14" s="261">
        <v>452</v>
      </c>
      <c r="BC14" s="261">
        <v>284</v>
      </c>
      <c r="BD14" s="262">
        <v>2051</v>
      </c>
      <c r="BE14" s="263">
        <v>2150</v>
      </c>
      <c r="BF14" s="257">
        <v>0</v>
      </c>
      <c r="BG14" s="261">
        <v>0</v>
      </c>
      <c r="BH14" s="258">
        <v>0</v>
      </c>
      <c r="BI14" s="260">
        <v>0</v>
      </c>
      <c r="BJ14" s="261">
        <v>708</v>
      </c>
      <c r="BK14" s="261">
        <v>414</v>
      </c>
      <c r="BL14" s="261">
        <v>265</v>
      </c>
      <c r="BM14" s="261">
        <v>195</v>
      </c>
      <c r="BN14" s="261">
        <v>81</v>
      </c>
      <c r="BO14" s="258">
        <v>1663</v>
      </c>
      <c r="BP14" s="263">
        <v>1663</v>
      </c>
      <c r="BQ14" s="257">
        <v>98</v>
      </c>
      <c r="BR14" s="261">
        <v>78</v>
      </c>
      <c r="BS14" s="258">
        <v>176</v>
      </c>
      <c r="BT14" s="260">
        <v>0</v>
      </c>
      <c r="BU14" s="261">
        <v>227</v>
      </c>
      <c r="BV14" s="261">
        <v>146</v>
      </c>
      <c r="BW14" s="261">
        <v>103</v>
      </c>
      <c r="BX14" s="261">
        <v>59</v>
      </c>
      <c r="BY14" s="261">
        <v>19</v>
      </c>
      <c r="BZ14" s="258">
        <v>554</v>
      </c>
      <c r="CA14" s="263">
        <v>730</v>
      </c>
      <c r="CB14" s="257">
        <v>7</v>
      </c>
      <c r="CC14" s="261">
        <v>12</v>
      </c>
      <c r="CD14" s="258">
        <v>19</v>
      </c>
      <c r="CE14" s="260">
        <v>0</v>
      </c>
      <c r="CF14" s="261">
        <v>99</v>
      </c>
      <c r="CG14" s="261">
        <v>100</v>
      </c>
      <c r="CH14" s="261">
        <v>120</v>
      </c>
      <c r="CI14" s="261">
        <v>80</v>
      </c>
      <c r="CJ14" s="261">
        <v>36</v>
      </c>
      <c r="CK14" s="258">
        <v>435</v>
      </c>
      <c r="CL14" s="263">
        <v>454</v>
      </c>
      <c r="CM14" s="257">
        <v>0</v>
      </c>
      <c r="CN14" s="261">
        <v>0</v>
      </c>
      <c r="CO14" s="258">
        <v>0</v>
      </c>
      <c r="CP14" s="260">
        <v>0</v>
      </c>
      <c r="CQ14" s="261">
        <v>2</v>
      </c>
      <c r="CR14" s="261">
        <v>5</v>
      </c>
      <c r="CS14" s="261">
        <v>8</v>
      </c>
      <c r="CT14" s="261">
        <v>5</v>
      </c>
      <c r="CU14" s="261">
        <v>13</v>
      </c>
      <c r="CV14" s="258">
        <v>33</v>
      </c>
      <c r="CW14" s="263">
        <v>33</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378</v>
      </c>
      <c r="DU14" s="261">
        <v>473</v>
      </c>
      <c r="DV14" s="258">
        <v>851</v>
      </c>
      <c r="DW14" s="260">
        <v>0</v>
      </c>
      <c r="DX14" s="261">
        <v>977</v>
      </c>
      <c r="DY14" s="261">
        <v>863</v>
      </c>
      <c r="DZ14" s="261">
        <v>640</v>
      </c>
      <c r="EA14" s="261">
        <v>522</v>
      </c>
      <c r="EB14" s="261">
        <v>269</v>
      </c>
      <c r="EC14" s="258">
        <v>3271</v>
      </c>
      <c r="ED14" s="263">
        <v>4122</v>
      </c>
      <c r="EE14" s="257">
        <v>33</v>
      </c>
      <c r="EF14" s="261">
        <v>29</v>
      </c>
      <c r="EG14" s="258">
        <v>62</v>
      </c>
      <c r="EH14" s="260">
        <v>0</v>
      </c>
      <c r="EI14" s="261">
        <v>180</v>
      </c>
      <c r="EJ14" s="261">
        <v>140</v>
      </c>
      <c r="EK14" s="261">
        <v>126</v>
      </c>
      <c r="EL14" s="261">
        <v>152</v>
      </c>
      <c r="EM14" s="261">
        <v>66</v>
      </c>
      <c r="EN14" s="258">
        <v>664</v>
      </c>
      <c r="EO14" s="263">
        <v>726</v>
      </c>
      <c r="EP14" s="257">
        <v>492</v>
      </c>
      <c r="EQ14" s="261">
        <v>552</v>
      </c>
      <c r="ER14" s="258">
        <v>1044</v>
      </c>
      <c r="ES14" s="260">
        <v>0</v>
      </c>
      <c r="ET14" s="261">
        <v>1914</v>
      </c>
      <c r="EU14" s="261">
        <v>1161</v>
      </c>
      <c r="EV14" s="261">
        <v>771</v>
      </c>
      <c r="EW14" s="261">
        <v>568</v>
      </c>
      <c r="EX14" s="261">
        <v>282</v>
      </c>
      <c r="EY14" s="258">
        <v>4696</v>
      </c>
      <c r="EZ14" s="263">
        <v>5740</v>
      </c>
    </row>
    <row r="15" spans="2:156" ht="21" customHeight="1" x14ac:dyDescent="0.2">
      <c r="B15" s="472" t="s">
        <v>12</v>
      </c>
      <c r="C15" s="257">
        <v>0</v>
      </c>
      <c r="D15" s="261">
        <v>0</v>
      </c>
      <c r="E15" s="358">
        <v>0</v>
      </c>
      <c r="F15" s="260">
        <v>0</v>
      </c>
      <c r="G15" s="261">
        <v>513</v>
      </c>
      <c r="H15" s="261">
        <v>496</v>
      </c>
      <c r="I15" s="261">
        <v>311</v>
      </c>
      <c r="J15" s="261">
        <v>288</v>
      </c>
      <c r="K15" s="261">
        <v>218</v>
      </c>
      <c r="L15" s="262">
        <v>1826</v>
      </c>
      <c r="M15" s="263">
        <v>1826</v>
      </c>
      <c r="N15" s="257">
        <v>0</v>
      </c>
      <c r="O15" s="261">
        <v>6</v>
      </c>
      <c r="P15" s="258">
        <v>6</v>
      </c>
      <c r="Q15" s="260">
        <v>0</v>
      </c>
      <c r="R15" s="261">
        <v>4</v>
      </c>
      <c r="S15" s="261">
        <v>18</v>
      </c>
      <c r="T15" s="261">
        <v>20</v>
      </c>
      <c r="U15" s="261">
        <v>65</v>
      </c>
      <c r="V15" s="261">
        <v>82</v>
      </c>
      <c r="W15" s="258">
        <v>189</v>
      </c>
      <c r="X15" s="263">
        <v>195</v>
      </c>
      <c r="Y15" s="257">
        <v>117</v>
      </c>
      <c r="Z15" s="261">
        <v>268</v>
      </c>
      <c r="AA15" s="258">
        <v>385</v>
      </c>
      <c r="AB15" s="260">
        <v>0</v>
      </c>
      <c r="AC15" s="261">
        <v>317</v>
      </c>
      <c r="AD15" s="261">
        <v>399</v>
      </c>
      <c r="AE15" s="261">
        <v>250</v>
      </c>
      <c r="AF15" s="261">
        <v>231</v>
      </c>
      <c r="AG15" s="261">
        <v>179</v>
      </c>
      <c r="AH15" s="258">
        <v>1376</v>
      </c>
      <c r="AI15" s="263">
        <v>1761</v>
      </c>
      <c r="AJ15" s="257">
        <v>6</v>
      </c>
      <c r="AK15" s="261">
        <v>27</v>
      </c>
      <c r="AL15" s="258">
        <v>33</v>
      </c>
      <c r="AM15" s="260">
        <v>0</v>
      </c>
      <c r="AN15" s="261">
        <v>17</v>
      </c>
      <c r="AO15" s="261">
        <v>44</v>
      </c>
      <c r="AP15" s="261">
        <v>19</v>
      </c>
      <c r="AQ15" s="261">
        <v>25</v>
      </c>
      <c r="AR15" s="261">
        <v>15</v>
      </c>
      <c r="AS15" s="258">
        <v>120</v>
      </c>
      <c r="AT15" s="263">
        <v>153</v>
      </c>
      <c r="AU15" s="257">
        <v>77</v>
      </c>
      <c r="AV15" s="261">
        <v>122</v>
      </c>
      <c r="AW15" s="258">
        <v>199</v>
      </c>
      <c r="AX15" s="260">
        <v>0</v>
      </c>
      <c r="AY15" s="261">
        <v>319</v>
      </c>
      <c r="AZ15" s="261">
        <v>425</v>
      </c>
      <c r="BA15" s="261">
        <v>372</v>
      </c>
      <c r="BB15" s="261">
        <v>442</v>
      </c>
      <c r="BC15" s="261">
        <v>335</v>
      </c>
      <c r="BD15" s="262">
        <v>1893</v>
      </c>
      <c r="BE15" s="263">
        <v>2092</v>
      </c>
      <c r="BF15" s="257">
        <v>0</v>
      </c>
      <c r="BG15" s="261">
        <v>0</v>
      </c>
      <c r="BH15" s="258">
        <v>0</v>
      </c>
      <c r="BI15" s="260">
        <v>0</v>
      </c>
      <c r="BJ15" s="261">
        <v>631</v>
      </c>
      <c r="BK15" s="261">
        <v>447</v>
      </c>
      <c r="BL15" s="261">
        <v>265</v>
      </c>
      <c r="BM15" s="261">
        <v>202</v>
      </c>
      <c r="BN15" s="261">
        <v>89</v>
      </c>
      <c r="BO15" s="258">
        <v>1634</v>
      </c>
      <c r="BP15" s="263">
        <v>1634</v>
      </c>
      <c r="BQ15" s="257">
        <v>116</v>
      </c>
      <c r="BR15" s="261">
        <v>136</v>
      </c>
      <c r="BS15" s="258">
        <v>252</v>
      </c>
      <c r="BT15" s="260">
        <v>0</v>
      </c>
      <c r="BU15" s="261">
        <v>145</v>
      </c>
      <c r="BV15" s="261">
        <v>165</v>
      </c>
      <c r="BW15" s="261">
        <v>118</v>
      </c>
      <c r="BX15" s="261">
        <v>84</v>
      </c>
      <c r="BY15" s="261">
        <v>28</v>
      </c>
      <c r="BZ15" s="258">
        <v>540</v>
      </c>
      <c r="CA15" s="263">
        <v>792</v>
      </c>
      <c r="CB15" s="257">
        <v>5</v>
      </c>
      <c r="CC15" s="261">
        <v>18</v>
      </c>
      <c r="CD15" s="258">
        <v>23</v>
      </c>
      <c r="CE15" s="260">
        <v>0</v>
      </c>
      <c r="CF15" s="261">
        <v>111</v>
      </c>
      <c r="CG15" s="261">
        <v>117</v>
      </c>
      <c r="CH15" s="261">
        <v>125</v>
      </c>
      <c r="CI15" s="261">
        <v>96</v>
      </c>
      <c r="CJ15" s="261">
        <v>62</v>
      </c>
      <c r="CK15" s="258">
        <v>511</v>
      </c>
      <c r="CL15" s="263">
        <v>534</v>
      </c>
      <c r="CM15" s="257">
        <v>0</v>
      </c>
      <c r="CN15" s="261">
        <v>0</v>
      </c>
      <c r="CO15" s="258">
        <v>0</v>
      </c>
      <c r="CP15" s="260">
        <v>0</v>
      </c>
      <c r="CQ15" s="261">
        <v>7</v>
      </c>
      <c r="CR15" s="261">
        <v>3</v>
      </c>
      <c r="CS15" s="261">
        <v>8</v>
      </c>
      <c r="CT15" s="261">
        <v>3</v>
      </c>
      <c r="CU15" s="261">
        <v>3</v>
      </c>
      <c r="CV15" s="258">
        <v>24</v>
      </c>
      <c r="CW15" s="263">
        <v>24</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469</v>
      </c>
      <c r="DU15" s="261">
        <v>888</v>
      </c>
      <c r="DV15" s="258">
        <v>1357</v>
      </c>
      <c r="DW15" s="260">
        <v>0</v>
      </c>
      <c r="DX15" s="261">
        <v>625</v>
      </c>
      <c r="DY15" s="261">
        <v>1008</v>
      </c>
      <c r="DZ15" s="261">
        <v>677</v>
      </c>
      <c r="EA15" s="261">
        <v>621</v>
      </c>
      <c r="EB15" s="261">
        <v>363</v>
      </c>
      <c r="EC15" s="258">
        <v>3294</v>
      </c>
      <c r="ED15" s="263">
        <v>4651</v>
      </c>
      <c r="EE15" s="257">
        <v>40</v>
      </c>
      <c r="EF15" s="261">
        <v>44</v>
      </c>
      <c r="EG15" s="258">
        <v>84</v>
      </c>
      <c r="EH15" s="260">
        <v>0</v>
      </c>
      <c r="EI15" s="261">
        <v>114</v>
      </c>
      <c r="EJ15" s="261">
        <v>115</v>
      </c>
      <c r="EK15" s="261">
        <v>109</v>
      </c>
      <c r="EL15" s="261">
        <v>144</v>
      </c>
      <c r="EM15" s="261">
        <v>68</v>
      </c>
      <c r="EN15" s="258">
        <v>550</v>
      </c>
      <c r="EO15" s="263">
        <v>634</v>
      </c>
      <c r="EP15" s="257">
        <v>651</v>
      </c>
      <c r="EQ15" s="261">
        <v>1078</v>
      </c>
      <c r="ER15" s="258">
        <v>1729</v>
      </c>
      <c r="ES15" s="260">
        <v>0</v>
      </c>
      <c r="ET15" s="261">
        <v>1546</v>
      </c>
      <c r="EU15" s="261">
        <v>1295</v>
      </c>
      <c r="EV15" s="261">
        <v>769</v>
      </c>
      <c r="EW15" s="261">
        <v>636</v>
      </c>
      <c r="EX15" s="261">
        <v>346</v>
      </c>
      <c r="EY15" s="258">
        <v>4592</v>
      </c>
      <c r="EZ15" s="263">
        <v>6321</v>
      </c>
    </row>
    <row r="16" spans="2:156" ht="21" customHeight="1" x14ac:dyDescent="0.2">
      <c r="B16" s="472" t="s">
        <v>13</v>
      </c>
      <c r="C16" s="257">
        <v>0</v>
      </c>
      <c r="D16" s="261">
        <v>0</v>
      </c>
      <c r="E16" s="358">
        <v>0</v>
      </c>
      <c r="F16" s="260">
        <v>0</v>
      </c>
      <c r="G16" s="261">
        <v>241</v>
      </c>
      <c r="H16" s="261">
        <v>215</v>
      </c>
      <c r="I16" s="261">
        <v>127</v>
      </c>
      <c r="J16" s="261">
        <v>119</v>
      </c>
      <c r="K16" s="261">
        <v>113</v>
      </c>
      <c r="L16" s="262">
        <v>815</v>
      </c>
      <c r="M16" s="263">
        <v>815</v>
      </c>
      <c r="N16" s="257">
        <v>0</v>
      </c>
      <c r="O16" s="261">
        <v>0</v>
      </c>
      <c r="P16" s="258">
        <v>0</v>
      </c>
      <c r="Q16" s="260">
        <v>0</v>
      </c>
      <c r="R16" s="261">
        <v>0</v>
      </c>
      <c r="S16" s="261">
        <v>2</v>
      </c>
      <c r="T16" s="261">
        <v>5</v>
      </c>
      <c r="U16" s="261">
        <v>18</v>
      </c>
      <c r="V16" s="261">
        <v>34</v>
      </c>
      <c r="W16" s="258">
        <v>59</v>
      </c>
      <c r="X16" s="263">
        <v>59</v>
      </c>
      <c r="Y16" s="257">
        <v>12</v>
      </c>
      <c r="Z16" s="261">
        <v>29</v>
      </c>
      <c r="AA16" s="258">
        <v>41</v>
      </c>
      <c r="AB16" s="260">
        <v>0</v>
      </c>
      <c r="AC16" s="261">
        <v>115</v>
      </c>
      <c r="AD16" s="261">
        <v>149</v>
      </c>
      <c r="AE16" s="261">
        <v>88</v>
      </c>
      <c r="AF16" s="261">
        <v>84</v>
      </c>
      <c r="AG16" s="261">
        <v>81</v>
      </c>
      <c r="AH16" s="258">
        <v>517</v>
      </c>
      <c r="AI16" s="263">
        <v>558</v>
      </c>
      <c r="AJ16" s="257">
        <v>1</v>
      </c>
      <c r="AK16" s="261">
        <v>5</v>
      </c>
      <c r="AL16" s="258">
        <v>6</v>
      </c>
      <c r="AM16" s="260">
        <v>0</v>
      </c>
      <c r="AN16" s="261">
        <v>20</v>
      </c>
      <c r="AO16" s="261">
        <v>27</v>
      </c>
      <c r="AP16" s="261">
        <v>13</v>
      </c>
      <c r="AQ16" s="261">
        <v>14</v>
      </c>
      <c r="AR16" s="261">
        <v>12</v>
      </c>
      <c r="AS16" s="258">
        <v>86</v>
      </c>
      <c r="AT16" s="263">
        <v>92</v>
      </c>
      <c r="AU16" s="257">
        <v>33</v>
      </c>
      <c r="AV16" s="261">
        <v>23</v>
      </c>
      <c r="AW16" s="258">
        <v>56</v>
      </c>
      <c r="AX16" s="260">
        <v>0</v>
      </c>
      <c r="AY16" s="261">
        <v>174</v>
      </c>
      <c r="AZ16" s="261">
        <v>208</v>
      </c>
      <c r="BA16" s="261">
        <v>193</v>
      </c>
      <c r="BB16" s="261">
        <v>184</v>
      </c>
      <c r="BC16" s="261">
        <v>169</v>
      </c>
      <c r="BD16" s="262">
        <v>928</v>
      </c>
      <c r="BE16" s="263">
        <v>984</v>
      </c>
      <c r="BF16" s="257">
        <v>0</v>
      </c>
      <c r="BG16" s="261">
        <v>0</v>
      </c>
      <c r="BH16" s="258">
        <v>0</v>
      </c>
      <c r="BI16" s="260">
        <v>0</v>
      </c>
      <c r="BJ16" s="261">
        <v>184</v>
      </c>
      <c r="BK16" s="261">
        <v>179</v>
      </c>
      <c r="BL16" s="261">
        <v>104</v>
      </c>
      <c r="BM16" s="261">
        <v>66</v>
      </c>
      <c r="BN16" s="261">
        <v>30</v>
      </c>
      <c r="BO16" s="258">
        <v>563</v>
      </c>
      <c r="BP16" s="263">
        <v>563</v>
      </c>
      <c r="BQ16" s="257">
        <v>6</v>
      </c>
      <c r="BR16" s="261">
        <v>19</v>
      </c>
      <c r="BS16" s="258">
        <v>25</v>
      </c>
      <c r="BT16" s="260">
        <v>0</v>
      </c>
      <c r="BU16" s="261">
        <v>32</v>
      </c>
      <c r="BV16" s="261">
        <v>31</v>
      </c>
      <c r="BW16" s="261">
        <v>33</v>
      </c>
      <c r="BX16" s="261">
        <v>23</v>
      </c>
      <c r="BY16" s="261">
        <v>12</v>
      </c>
      <c r="BZ16" s="258">
        <v>131</v>
      </c>
      <c r="CA16" s="263">
        <v>156</v>
      </c>
      <c r="CB16" s="257">
        <v>0</v>
      </c>
      <c r="CC16" s="261">
        <v>1</v>
      </c>
      <c r="CD16" s="258">
        <v>1</v>
      </c>
      <c r="CE16" s="260">
        <v>0</v>
      </c>
      <c r="CF16" s="261">
        <v>15</v>
      </c>
      <c r="CG16" s="261">
        <v>30</v>
      </c>
      <c r="CH16" s="261">
        <v>48</v>
      </c>
      <c r="CI16" s="261">
        <v>31</v>
      </c>
      <c r="CJ16" s="261">
        <v>18</v>
      </c>
      <c r="CK16" s="258">
        <v>142</v>
      </c>
      <c r="CL16" s="263">
        <v>143</v>
      </c>
      <c r="CM16" s="257">
        <v>0</v>
      </c>
      <c r="CN16" s="261">
        <v>0</v>
      </c>
      <c r="CO16" s="258">
        <v>0</v>
      </c>
      <c r="CP16" s="260">
        <v>0</v>
      </c>
      <c r="CQ16" s="261">
        <v>3</v>
      </c>
      <c r="CR16" s="261">
        <v>6</v>
      </c>
      <c r="CS16" s="261">
        <v>7</v>
      </c>
      <c r="CT16" s="261">
        <v>8</v>
      </c>
      <c r="CU16" s="261">
        <v>2</v>
      </c>
      <c r="CV16" s="258">
        <v>26</v>
      </c>
      <c r="CW16" s="263">
        <v>26</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76</v>
      </c>
      <c r="DU16" s="261">
        <v>165</v>
      </c>
      <c r="DV16" s="258">
        <v>241</v>
      </c>
      <c r="DW16" s="260">
        <v>0</v>
      </c>
      <c r="DX16" s="261">
        <v>264</v>
      </c>
      <c r="DY16" s="261">
        <v>393</v>
      </c>
      <c r="DZ16" s="261">
        <v>230</v>
      </c>
      <c r="EA16" s="261">
        <v>214</v>
      </c>
      <c r="EB16" s="261">
        <v>147</v>
      </c>
      <c r="EC16" s="258">
        <v>1248</v>
      </c>
      <c r="ED16" s="263">
        <v>1489</v>
      </c>
      <c r="EE16" s="257">
        <v>21</v>
      </c>
      <c r="EF16" s="261">
        <v>10</v>
      </c>
      <c r="EG16" s="258">
        <v>31</v>
      </c>
      <c r="EH16" s="260">
        <v>0</v>
      </c>
      <c r="EI16" s="261">
        <v>71</v>
      </c>
      <c r="EJ16" s="261">
        <v>79</v>
      </c>
      <c r="EK16" s="261">
        <v>67</v>
      </c>
      <c r="EL16" s="261">
        <v>66</v>
      </c>
      <c r="EM16" s="261">
        <v>47</v>
      </c>
      <c r="EN16" s="258">
        <v>330</v>
      </c>
      <c r="EO16" s="263">
        <v>361</v>
      </c>
      <c r="EP16" s="257">
        <v>86</v>
      </c>
      <c r="EQ16" s="261">
        <v>195</v>
      </c>
      <c r="ER16" s="258">
        <v>281</v>
      </c>
      <c r="ES16" s="260">
        <v>0</v>
      </c>
      <c r="ET16" s="261">
        <v>587</v>
      </c>
      <c r="EU16" s="261">
        <v>551</v>
      </c>
      <c r="EV16" s="261">
        <v>296</v>
      </c>
      <c r="EW16" s="261">
        <v>233</v>
      </c>
      <c r="EX16" s="261">
        <v>169</v>
      </c>
      <c r="EY16" s="258">
        <v>1836</v>
      </c>
      <c r="EZ16" s="263">
        <v>2117</v>
      </c>
    </row>
    <row r="17" spans="2:156" ht="21" customHeight="1" x14ac:dyDescent="0.2">
      <c r="B17" s="472" t="s">
        <v>15</v>
      </c>
      <c r="C17" s="257">
        <v>0</v>
      </c>
      <c r="D17" s="261">
        <v>0</v>
      </c>
      <c r="E17" s="358">
        <v>0</v>
      </c>
      <c r="F17" s="260">
        <v>0</v>
      </c>
      <c r="G17" s="261">
        <v>124</v>
      </c>
      <c r="H17" s="261">
        <v>181</v>
      </c>
      <c r="I17" s="261">
        <v>88</v>
      </c>
      <c r="J17" s="261">
        <v>50</v>
      </c>
      <c r="K17" s="261">
        <v>46</v>
      </c>
      <c r="L17" s="262">
        <v>489</v>
      </c>
      <c r="M17" s="263">
        <v>489</v>
      </c>
      <c r="N17" s="257">
        <v>0</v>
      </c>
      <c r="O17" s="261">
        <v>0</v>
      </c>
      <c r="P17" s="258">
        <v>0</v>
      </c>
      <c r="Q17" s="260">
        <v>0</v>
      </c>
      <c r="R17" s="261">
        <v>0</v>
      </c>
      <c r="S17" s="261">
        <v>5</v>
      </c>
      <c r="T17" s="261">
        <v>7</v>
      </c>
      <c r="U17" s="261">
        <v>10</v>
      </c>
      <c r="V17" s="261">
        <v>29</v>
      </c>
      <c r="W17" s="258">
        <v>51</v>
      </c>
      <c r="X17" s="263">
        <v>51</v>
      </c>
      <c r="Y17" s="257">
        <v>4</v>
      </c>
      <c r="Z17" s="261">
        <v>15</v>
      </c>
      <c r="AA17" s="258">
        <v>19</v>
      </c>
      <c r="AB17" s="260">
        <v>0</v>
      </c>
      <c r="AC17" s="261">
        <v>57</v>
      </c>
      <c r="AD17" s="261">
        <v>74</v>
      </c>
      <c r="AE17" s="261">
        <v>49</v>
      </c>
      <c r="AF17" s="261">
        <v>37</v>
      </c>
      <c r="AG17" s="261">
        <v>46</v>
      </c>
      <c r="AH17" s="258">
        <v>263</v>
      </c>
      <c r="AI17" s="263">
        <v>282</v>
      </c>
      <c r="AJ17" s="257">
        <v>0</v>
      </c>
      <c r="AK17" s="261">
        <v>2</v>
      </c>
      <c r="AL17" s="258">
        <v>2</v>
      </c>
      <c r="AM17" s="260">
        <v>0</v>
      </c>
      <c r="AN17" s="261">
        <v>9</v>
      </c>
      <c r="AO17" s="261">
        <v>15</v>
      </c>
      <c r="AP17" s="261">
        <v>3</v>
      </c>
      <c r="AQ17" s="261">
        <v>3</v>
      </c>
      <c r="AR17" s="261">
        <v>5</v>
      </c>
      <c r="AS17" s="258">
        <v>35</v>
      </c>
      <c r="AT17" s="263">
        <v>37</v>
      </c>
      <c r="AU17" s="257">
        <v>10</v>
      </c>
      <c r="AV17" s="261">
        <v>13</v>
      </c>
      <c r="AW17" s="258">
        <v>23</v>
      </c>
      <c r="AX17" s="260">
        <v>0</v>
      </c>
      <c r="AY17" s="261">
        <v>107</v>
      </c>
      <c r="AZ17" s="261">
        <v>119</v>
      </c>
      <c r="BA17" s="261">
        <v>114</v>
      </c>
      <c r="BB17" s="261">
        <v>99</v>
      </c>
      <c r="BC17" s="261">
        <v>82</v>
      </c>
      <c r="BD17" s="262">
        <v>521</v>
      </c>
      <c r="BE17" s="263">
        <v>544</v>
      </c>
      <c r="BF17" s="257">
        <v>0</v>
      </c>
      <c r="BG17" s="261">
        <v>0</v>
      </c>
      <c r="BH17" s="258">
        <v>0</v>
      </c>
      <c r="BI17" s="260">
        <v>0</v>
      </c>
      <c r="BJ17" s="261">
        <v>129</v>
      </c>
      <c r="BK17" s="261">
        <v>138</v>
      </c>
      <c r="BL17" s="261">
        <v>64</v>
      </c>
      <c r="BM17" s="261">
        <v>33</v>
      </c>
      <c r="BN17" s="261">
        <v>14</v>
      </c>
      <c r="BO17" s="258">
        <v>378</v>
      </c>
      <c r="BP17" s="263">
        <v>378</v>
      </c>
      <c r="BQ17" s="257">
        <v>0</v>
      </c>
      <c r="BR17" s="261">
        <v>5</v>
      </c>
      <c r="BS17" s="258">
        <v>5</v>
      </c>
      <c r="BT17" s="260">
        <v>0</v>
      </c>
      <c r="BU17" s="261">
        <v>30</v>
      </c>
      <c r="BV17" s="261">
        <v>34</v>
      </c>
      <c r="BW17" s="261">
        <v>30</v>
      </c>
      <c r="BX17" s="261">
        <v>16</v>
      </c>
      <c r="BY17" s="261">
        <v>9</v>
      </c>
      <c r="BZ17" s="258">
        <v>119</v>
      </c>
      <c r="CA17" s="263">
        <v>124</v>
      </c>
      <c r="CB17" s="257">
        <v>0</v>
      </c>
      <c r="CC17" s="261">
        <v>1</v>
      </c>
      <c r="CD17" s="258">
        <v>1</v>
      </c>
      <c r="CE17" s="260">
        <v>0</v>
      </c>
      <c r="CF17" s="261">
        <v>8</v>
      </c>
      <c r="CG17" s="261">
        <v>34</v>
      </c>
      <c r="CH17" s="261">
        <v>55</v>
      </c>
      <c r="CI17" s="261">
        <v>33</v>
      </c>
      <c r="CJ17" s="261">
        <v>28</v>
      </c>
      <c r="CK17" s="258">
        <v>158</v>
      </c>
      <c r="CL17" s="263">
        <v>159</v>
      </c>
      <c r="CM17" s="257">
        <v>0</v>
      </c>
      <c r="CN17" s="261">
        <v>0</v>
      </c>
      <c r="CO17" s="258">
        <v>0</v>
      </c>
      <c r="CP17" s="260">
        <v>0</v>
      </c>
      <c r="CQ17" s="261">
        <v>1</v>
      </c>
      <c r="CR17" s="261">
        <v>3</v>
      </c>
      <c r="CS17" s="261">
        <v>8</v>
      </c>
      <c r="CT17" s="261">
        <v>4</v>
      </c>
      <c r="CU17" s="261">
        <v>0</v>
      </c>
      <c r="CV17" s="258">
        <v>16</v>
      </c>
      <c r="CW17" s="263">
        <v>16</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71</v>
      </c>
      <c r="DU17" s="261">
        <v>155</v>
      </c>
      <c r="DV17" s="258">
        <v>226</v>
      </c>
      <c r="DW17" s="260">
        <v>0</v>
      </c>
      <c r="DX17" s="261">
        <v>230</v>
      </c>
      <c r="DY17" s="261">
        <v>370</v>
      </c>
      <c r="DZ17" s="261">
        <v>184</v>
      </c>
      <c r="EA17" s="261">
        <v>108</v>
      </c>
      <c r="EB17" s="261">
        <v>88</v>
      </c>
      <c r="EC17" s="258">
        <v>980</v>
      </c>
      <c r="ED17" s="263">
        <v>1206</v>
      </c>
      <c r="EE17" s="257">
        <v>16</v>
      </c>
      <c r="EF17" s="261">
        <v>12</v>
      </c>
      <c r="EG17" s="258">
        <v>28</v>
      </c>
      <c r="EH17" s="260">
        <v>0</v>
      </c>
      <c r="EI17" s="261">
        <v>57</v>
      </c>
      <c r="EJ17" s="261">
        <v>32</v>
      </c>
      <c r="EK17" s="261">
        <v>39</v>
      </c>
      <c r="EL17" s="261">
        <v>34</v>
      </c>
      <c r="EM17" s="261">
        <v>16</v>
      </c>
      <c r="EN17" s="258">
        <v>178</v>
      </c>
      <c r="EO17" s="263">
        <v>206</v>
      </c>
      <c r="EP17" s="257">
        <v>74</v>
      </c>
      <c r="EQ17" s="261">
        <v>163</v>
      </c>
      <c r="ER17" s="258">
        <v>237</v>
      </c>
      <c r="ES17" s="260">
        <v>0</v>
      </c>
      <c r="ET17" s="261">
        <v>437</v>
      </c>
      <c r="EU17" s="261">
        <v>507</v>
      </c>
      <c r="EV17" s="261">
        <v>240</v>
      </c>
      <c r="EW17" s="261">
        <v>133</v>
      </c>
      <c r="EX17" s="261">
        <v>106</v>
      </c>
      <c r="EY17" s="258">
        <v>1423</v>
      </c>
      <c r="EZ17" s="263">
        <v>1660</v>
      </c>
    </row>
    <row r="18" spans="2:156" ht="21" customHeight="1" x14ac:dyDescent="0.2">
      <c r="B18" s="472" t="s">
        <v>16</v>
      </c>
      <c r="C18" s="257">
        <v>0</v>
      </c>
      <c r="D18" s="261">
        <v>0</v>
      </c>
      <c r="E18" s="358">
        <v>0</v>
      </c>
      <c r="F18" s="260">
        <v>0</v>
      </c>
      <c r="G18" s="261">
        <v>209</v>
      </c>
      <c r="H18" s="261">
        <v>296</v>
      </c>
      <c r="I18" s="261">
        <v>159</v>
      </c>
      <c r="J18" s="261">
        <v>129</v>
      </c>
      <c r="K18" s="261">
        <v>90</v>
      </c>
      <c r="L18" s="262">
        <v>883</v>
      </c>
      <c r="M18" s="263">
        <v>883</v>
      </c>
      <c r="N18" s="257">
        <v>0</v>
      </c>
      <c r="O18" s="261">
        <v>0</v>
      </c>
      <c r="P18" s="258">
        <v>0</v>
      </c>
      <c r="Q18" s="260">
        <v>0</v>
      </c>
      <c r="R18" s="261">
        <v>2</v>
      </c>
      <c r="S18" s="261">
        <v>6</v>
      </c>
      <c r="T18" s="261">
        <v>12</v>
      </c>
      <c r="U18" s="261">
        <v>21</v>
      </c>
      <c r="V18" s="261">
        <v>51</v>
      </c>
      <c r="W18" s="258">
        <v>92</v>
      </c>
      <c r="X18" s="263">
        <v>92</v>
      </c>
      <c r="Y18" s="257">
        <v>25</v>
      </c>
      <c r="Z18" s="261">
        <v>59</v>
      </c>
      <c r="AA18" s="258">
        <v>84</v>
      </c>
      <c r="AB18" s="260">
        <v>0</v>
      </c>
      <c r="AC18" s="261">
        <v>167</v>
      </c>
      <c r="AD18" s="261">
        <v>293</v>
      </c>
      <c r="AE18" s="261">
        <v>170</v>
      </c>
      <c r="AF18" s="261">
        <v>144</v>
      </c>
      <c r="AG18" s="261">
        <v>117</v>
      </c>
      <c r="AH18" s="258">
        <v>891</v>
      </c>
      <c r="AI18" s="263">
        <v>975</v>
      </c>
      <c r="AJ18" s="257">
        <v>6</v>
      </c>
      <c r="AK18" s="261">
        <v>9</v>
      </c>
      <c r="AL18" s="258">
        <v>15</v>
      </c>
      <c r="AM18" s="260">
        <v>0</v>
      </c>
      <c r="AN18" s="261">
        <v>11</v>
      </c>
      <c r="AO18" s="261">
        <v>30</v>
      </c>
      <c r="AP18" s="261">
        <v>19</v>
      </c>
      <c r="AQ18" s="261">
        <v>6</v>
      </c>
      <c r="AR18" s="261">
        <v>11</v>
      </c>
      <c r="AS18" s="258">
        <v>77</v>
      </c>
      <c r="AT18" s="263">
        <v>92</v>
      </c>
      <c r="AU18" s="257">
        <v>45</v>
      </c>
      <c r="AV18" s="261">
        <v>42</v>
      </c>
      <c r="AW18" s="258">
        <v>87</v>
      </c>
      <c r="AX18" s="260">
        <v>0</v>
      </c>
      <c r="AY18" s="261">
        <v>199</v>
      </c>
      <c r="AZ18" s="261">
        <v>327</v>
      </c>
      <c r="BA18" s="261">
        <v>279</v>
      </c>
      <c r="BB18" s="261">
        <v>284</v>
      </c>
      <c r="BC18" s="261">
        <v>221</v>
      </c>
      <c r="BD18" s="262">
        <v>1310</v>
      </c>
      <c r="BE18" s="263">
        <v>1397</v>
      </c>
      <c r="BF18" s="257">
        <v>0</v>
      </c>
      <c r="BG18" s="261">
        <v>0</v>
      </c>
      <c r="BH18" s="258">
        <v>0</v>
      </c>
      <c r="BI18" s="260">
        <v>0</v>
      </c>
      <c r="BJ18" s="261">
        <v>321</v>
      </c>
      <c r="BK18" s="261">
        <v>451</v>
      </c>
      <c r="BL18" s="261">
        <v>227</v>
      </c>
      <c r="BM18" s="261">
        <v>138</v>
      </c>
      <c r="BN18" s="261">
        <v>97</v>
      </c>
      <c r="BO18" s="258">
        <v>1234</v>
      </c>
      <c r="BP18" s="263">
        <v>1234</v>
      </c>
      <c r="BQ18" s="257">
        <v>38</v>
      </c>
      <c r="BR18" s="261">
        <v>99</v>
      </c>
      <c r="BS18" s="258">
        <v>137</v>
      </c>
      <c r="BT18" s="260">
        <v>0</v>
      </c>
      <c r="BU18" s="261">
        <v>170</v>
      </c>
      <c r="BV18" s="261">
        <v>268</v>
      </c>
      <c r="BW18" s="261">
        <v>104</v>
      </c>
      <c r="BX18" s="261">
        <v>62</v>
      </c>
      <c r="BY18" s="261">
        <v>13</v>
      </c>
      <c r="BZ18" s="258">
        <v>617</v>
      </c>
      <c r="CA18" s="263">
        <v>754</v>
      </c>
      <c r="CB18" s="257">
        <v>0</v>
      </c>
      <c r="CC18" s="261">
        <v>1</v>
      </c>
      <c r="CD18" s="258">
        <v>1</v>
      </c>
      <c r="CE18" s="260">
        <v>0</v>
      </c>
      <c r="CF18" s="261">
        <v>40</v>
      </c>
      <c r="CG18" s="261">
        <v>79</v>
      </c>
      <c r="CH18" s="261">
        <v>76</v>
      </c>
      <c r="CI18" s="261">
        <v>50</v>
      </c>
      <c r="CJ18" s="261">
        <v>19</v>
      </c>
      <c r="CK18" s="258">
        <v>264</v>
      </c>
      <c r="CL18" s="263">
        <v>265</v>
      </c>
      <c r="CM18" s="257">
        <v>0</v>
      </c>
      <c r="CN18" s="261">
        <v>0</v>
      </c>
      <c r="CO18" s="258">
        <v>0</v>
      </c>
      <c r="CP18" s="260">
        <v>0</v>
      </c>
      <c r="CQ18" s="261">
        <v>2</v>
      </c>
      <c r="CR18" s="261">
        <v>10</v>
      </c>
      <c r="CS18" s="261">
        <v>7</v>
      </c>
      <c r="CT18" s="261">
        <v>12</v>
      </c>
      <c r="CU18" s="261">
        <v>5</v>
      </c>
      <c r="CV18" s="258">
        <v>36</v>
      </c>
      <c r="CW18" s="263">
        <v>36</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60</v>
      </c>
      <c r="DU18" s="261">
        <v>360</v>
      </c>
      <c r="DV18" s="258">
        <v>520</v>
      </c>
      <c r="DW18" s="260">
        <v>0</v>
      </c>
      <c r="DX18" s="261">
        <v>408</v>
      </c>
      <c r="DY18" s="261">
        <v>902</v>
      </c>
      <c r="DZ18" s="261">
        <v>458</v>
      </c>
      <c r="EA18" s="261">
        <v>343</v>
      </c>
      <c r="EB18" s="261">
        <v>230</v>
      </c>
      <c r="EC18" s="258">
        <v>2341</v>
      </c>
      <c r="ED18" s="263">
        <v>2861</v>
      </c>
      <c r="EE18" s="257">
        <v>28</v>
      </c>
      <c r="EF18" s="261">
        <v>24</v>
      </c>
      <c r="EG18" s="258">
        <v>52</v>
      </c>
      <c r="EH18" s="260">
        <v>0</v>
      </c>
      <c r="EI18" s="261">
        <v>94</v>
      </c>
      <c r="EJ18" s="261">
        <v>116</v>
      </c>
      <c r="EK18" s="261">
        <v>88</v>
      </c>
      <c r="EL18" s="261">
        <v>120</v>
      </c>
      <c r="EM18" s="261">
        <v>72</v>
      </c>
      <c r="EN18" s="258">
        <v>490</v>
      </c>
      <c r="EO18" s="263">
        <v>542</v>
      </c>
      <c r="EP18" s="257">
        <v>209</v>
      </c>
      <c r="EQ18" s="261">
        <v>446</v>
      </c>
      <c r="ER18" s="258">
        <v>655</v>
      </c>
      <c r="ES18" s="260">
        <v>0</v>
      </c>
      <c r="ET18" s="261">
        <v>865</v>
      </c>
      <c r="EU18" s="261">
        <v>1185</v>
      </c>
      <c r="EV18" s="261">
        <v>563</v>
      </c>
      <c r="EW18" s="261">
        <v>365</v>
      </c>
      <c r="EX18" s="261">
        <v>233</v>
      </c>
      <c r="EY18" s="258">
        <v>3211</v>
      </c>
      <c r="EZ18" s="263">
        <v>3866</v>
      </c>
    </row>
    <row r="19" spans="2:156" ht="21" customHeight="1" x14ac:dyDescent="0.2">
      <c r="B19" s="472" t="s">
        <v>17</v>
      </c>
      <c r="C19" s="257">
        <v>0</v>
      </c>
      <c r="D19" s="261">
        <v>0</v>
      </c>
      <c r="E19" s="358">
        <v>0</v>
      </c>
      <c r="F19" s="260">
        <v>0</v>
      </c>
      <c r="G19" s="261">
        <v>239</v>
      </c>
      <c r="H19" s="261">
        <v>452</v>
      </c>
      <c r="I19" s="261">
        <v>292</v>
      </c>
      <c r="J19" s="261">
        <v>216</v>
      </c>
      <c r="K19" s="261">
        <v>145</v>
      </c>
      <c r="L19" s="262">
        <v>1344</v>
      </c>
      <c r="M19" s="263">
        <v>1344</v>
      </c>
      <c r="N19" s="257">
        <v>0</v>
      </c>
      <c r="O19" s="261">
        <v>0</v>
      </c>
      <c r="P19" s="258">
        <v>0</v>
      </c>
      <c r="Q19" s="260">
        <v>0</v>
      </c>
      <c r="R19" s="261">
        <v>2</v>
      </c>
      <c r="S19" s="261">
        <v>10</v>
      </c>
      <c r="T19" s="261">
        <v>20</v>
      </c>
      <c r="U19" s="261">
        <v>44</v>
      </c>
      <c r="V19" s="261">
        <v>88</v>
      </c>
      <c r="W19" s="258">
        <v>164</v>
      </c>
      <c r="X19" s="263">
        <v>164</v>
      </c>
      <c r="Y19" s="257">
        <v>34</v>
      </c>
      <c r="Z19" s="261">
        <v>98</v>
      </c>
      <c r="AA19" s="258">
        <v>132</v>
      </c>
      <c r="AB19" s="260">
        <v>0</v>
      </c>
      <c r="AC19" s="261">
        <v>197</v>
      </c>
      <c r="AD19" s="261">
        <v>328</v>
      </c>
      <c r="AE19" s="261">
        <v>233</v>
      </c>
      <c r="AF19" s="261">
        <v>183</v>
      </c>
      <c r="AG19" s="261">
        <v>151</v>
      </c>
      <c r="AH19" s="258">
        <v>1092</v>
      </c>
      <c r="AI19" s="263">
        <v>1224</v>
      </c>
      <c r="AJ19" s="257">
        <v>5</v>
      </c>
      <c r="AK19" s="261">
        <v>12</v>
      </c>
      <c r="AL19" s="258">
        <v>17</v>
      </c>
      <c r="AM19" s="260">
        <v>0</v>
      </c>
      <c r="AN19" s="261">
        <v>6</v>
      </c>
      <c r="AO19" s="261">
        <v>30</v>
      </c>
      <c r="AP19" s="261">
        <v>34</v>
      </c>
      <c r="AQ19" s="261">
        <v>20</v>
      </c>
      <c r="AR19" s="261">
        <v>22</v>
      </c>
      <c r="AS19" s="258">
        <v>112</v>
      </c>
      <c r="AT19" s="263">
        <v>129</v>
      </c>
      <c r="AU19" s="257">
        <v>39</v>
      </c>
      <c r="AV19" s="261">
        <v>61</v>
      </c>
      <c r="AW19" s="258">
        <v>100</v>
      </c>
      <c r="AX19" s="260">
        <v>0</v>
      </c>
      <c r="AY19" s="261">
        <v>272</v>
      </c>
      <c r="AZ19" s="261">
        <v>447</v>
      </c>
      <c r="BA19" s="261">
        <v>442</v>
      </c>
      <c r="BB19" s="261">
        <v>411</v>
      </c>
      <c r="BC19" s="261">
        <v>323</v>
      </c>
      <c r="BD19" s="262">
        <v>1895</v>
      </c>
      <c r="BE19" s="263">
        <v>1995</v>
      </c>
      <c r="BF19" s="257">
        <v>0</v>
      </c>
      <c r="BG19" s="261">
        <v>0</v>
      </c>
      <c r="BH19" s="258">
        <v>0</v>
      </c>
      <c r="BI19" s="260">
        <v>0</v>
      </c>
      <c r="BJ19" s="261">
        <v>344</v>
      </c>
      <c r="BK19" s="261">
        <v>522</v>
      </c>
      <c r="BL19" s="261">
        <v>308</v>
      </c>
      <c r="BM19" s="261">
        <v>173</v>
      </c>
      <c r="BN19" s="261">
        <v>97</v>
      </c>
      <c r="BO19" s="258">
        <v>1444</v>
      </c>
      <c r="BP19" s="263">
        <v>1444</v>
      </c>
      <c r="BQ19" s="257">
        <v>37</v>
      </c>
      <c r="BR19" s="261">
        <v>76</v>
      </c>
      <c r="BS19" s="258">
        <v>113</v>
      </c>
      <c r="BT19" s="260">
        <v>0</v>
      </c>
      <c r="BU19" s="261">
        <v>63</v>
      </c>
      <c r="BV19" s="261">
        <v>194</v>
      </c>
      <c r="BW19" s="261">
        <v>109</v>
      </c>
      <c r="BX19" s="261">
        <v>54</v>
      </c>
      <c r="BY19" s="261">
        <v>22</v>
      </c>
      <c r="BZ19" s="258">
        <v>442</v>
      </c>
      <c r="CA19" s="263">
        <v>555</v>
      </c>
      <c r="CB19" s="257">
        <v>1</v>
      </c>
      <c r="CC19" s="261">
        <v>4</v>
      </c>
      <c r="CD19" s="258">
        <v>5</v>
      </c>
      <c r="CE19" s="260">
        <v>0</v>
      </c>
      <c r="CF19" s="261">
        <v>45</v>
      </c>
      <c r="CG19" s="261">
        <v>97</v>
      </c>
      <c r="CH19" s="261">
        <v>111</v>
      </c>
      <c r="CI19" s="261">
        <v>90</v>
      </c>
      <c r="CJ19" s="261">
        <v>36</v>
      </c>
      <c r="CK19" s="258">
        <v>379</v>
      </c>
      <c r="CL19" s="263">
        <v>384</v>
      </c>
      <c r="CM19" s="257">
        <v>0</v>
      </c>
      <c r="CN19" s="261">
        <v>0</v>
      </c>
      <c r="CO19" s="258">
        <v>0</v>
      </c>
      <c r="CP19" s="260">
        <v>0</v>
      </c>
      <c r="CQ19" s="261">
        <v>6</v>
      </c>
      <c r="CR19" s="261">
        <v>14</v>
      </c>
      <c r="CS19" s="261">
        <v>15</v>
      </c>
      <c r="CT19" s="261">
        <v>17</v>
      </c>
      <c r="CU19" s="261">
        <v>7</v>
      </c>
      <c r="CV19" s="258">
        <v>59</v>
      </c>
      <c r="CW19" s="263">
        <v>59</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207</v>
      </c>
      <c r="DU19" s="261">
        <v>491</v>
      </c>
      <c r="DV19" s="258">
        <v>698</v>
      </c>
      <c r="DW19" s="260">
        <v>0</v>
      </c>
      <c r="DX19" s="261">
        <v>439</v>
      </c>
      <c r="DY19" s="261">
        <v>1156</v>
      </c>
      <c r="DZ19" s="261">
        <v>736</v>
      </c>
      <c r="EA19" s="261">
        <v>541</v>
      </c>
      <c r="EB19" s="261">
        <v>328</v>
      </c>
      <c r="EC19" s="258">
        <v>3200</v>
      </c>
      <c r="ED19" s="263">
        <v>3898</v>
      </c>
      <c r="EE19" s="257">
        <v>26</v>
      </c>
      <c r="EF19" s="261">
        <v>31</v>
      </c>
      <c r="EG19" s="258">
        <v>57</v>
      </c>
      <c r="EH19" s="260">
        <v>0</v>
      </c>
      <c r="EI19" s="261">
        <v>102</v>
      </c>
      <c r="EJ19" s="261">
        <v>119</v>
      </c>
      <c r="EK19" s="261">
        <v>98</v>
      </c>
      <c r="EL19" s="261">
        <v>100</v>
      </c>
      <c r="EM19" s="261">
        <v>65</v>
      </c>
      <c r="EN19" s="258">
        <v>484</v>
      </c>
      <c r="EO19" s="263">
        <v>541</v>
      </c>
      <c r="EP19" s="257">
        <v>263</v>
      </c>
      <c r="EQ19" s="261">
        <v>572</v>
      </c>
      <c r="ER19" s="258">
        <v>835</v>
      </c>
      <c r="ES19" s="260">
        <v>0</v>
      </c>
      <c r="ET19" s="261">
        <v>1008</v>
      </c>
      <c r="EU19" s="261">
        <v>1529</v>
      </c>
      <c r="EV19" s="261">
        <v>850</v>
      </c>
      <c r="EW19" s="261">
        <v>595</v>
      </c>
      <c r="EX19" s="261">
        <v>341</v>
      </c>
      <c r="EY19" s="258">
        <v>4323</v>
      </c>
      <c r="EZ19" s="263">
        <v>5158</v>
      </c>
    </row>
    <row r="20" spans="2:156" ht="21" customHeight="1" x14ac:dyDescent="0.2">
      <c r="B20" s="472" t="s">
        <v>18</v>
      </c>
      <c r="C20" s="257">
        <v>0</v>
      </c>
      <c r="D20" s="261">
        <v>0</v>
      </c>
      <c r="E20" s="358">
        <v>0</v>
      </c>
      <c r="F20" s="260">
        <v>0</v>
      </c>
      <c r="G20" s="261">
        <v>477</v>
      </c>
      <c r="H20" s="261">
        <v>487</v>
      </c>
      <c r="I20" s="261">
        <v>312</v>
      </c>
      <c r="J20" s="261">
        <v>257</v>
      </c>
      <c r="K20" s="261">
        <v>186</v>
      </c>
      <c r="L20" s="262">
        <v>1719</v>
      </c>
      <c r="M20" s="263">
        <v>1719</v>
      </c>
      <c r="N20" s="257">
        <v>0</v>
      </c>
      <c r="O20" s="261">
        <v>0</v>
      </c>
      <c r="P20" s="258">
        <v>0</v>
      </c>
      <c r="Q20" s="260">
        <v>0</v>
      </c>
      <c r="R20" s="261">
        <v>3</v>
      </c>
      <c r="S20" s="261">
        <v>5</v>
      </c>
      <c r="T20" s="261">
        <v>16</v>
      </c>
      <c r="U20" s="261">
        <v>49</v>
      </c>
      <c r="V20" s="261">
        <v>82</v>
      </c>
      <c r="W20" s="258">
        <v>155</v>
      </c>
      <c r="X20" s="263">
        <v>155</v>
      </c>
      <c r="Y20" s="257">
        <v>60</v>
      </c>
      <c r="Z20" s="261">
        <v>118</v>
      </c>
      <c r="AA20" s="258">
        <v>178</v>
      </c>
      <c r="AB20" s="260">
        <v>0</v>
      </c>
      <c r="AC20" s="261">
        <v>333</v>
      </c>
      <c r="AD20" s="261">
        <v>371</v>
      </c>
      <c r="AE20" s="261">
        <v>255</v>
      </c>
      <c r="AF20" s="261">
        <v>196</v>
      </c>
      <c r="AG20" s="261">
        <v>150</v>
      </c>
      <c r="AH20" s="258">
        <v>1305</v>
      </c>
      <c r="AI20" s="263">
        <v>1483</v>
      </c>
      <c r="AJ20" s="257">
        <v>6</v>
      </c>
      <c r="AK20" s="261">
        <v>10</v>
      </c>
      <c r="AL20" s="258">
        <v>16</v>
      </c>
      <c r="AM20" s="260">
        <v>0</v>
      </c>
      <c r="AN20" s="261">
        <v>31</v>
      </c>
      <c r="AO20" s="261">
        <v>45</v>
      </c>
      <c r="AP20" s="261">
        <v>30</v>
      </c>
      <c r="AQ20" s="261">
        <v>20</v>
      </c>
      <c r="AR20" s="261">
        <v>11</v>
      </c>
      <c r="AS20" s="258">
        <v>137</v>
      </c>
      <c r="AT20" s="263">
        <v>153</v>
      </c>
      <c r="AU20" s="257">
        <v>51</v>
      </c>
      <c r="AV20" s="261">
        <v>67</v>
      </c>
      <c r="AW20" s="258">
        <v>118</v>
      </c>
      <c r="AX20" s="260">
        <v>0</v>
      </c>
      <c r="AY20" s="261">
        <v>452</v>
      </c>
      <c r="AZ20" s="261">
        <v>572</v>
      </c>
      <c r="BA20" s="261">
        <v>526</v>
      </c>
      <c r="BB20" s="261">
        <v>523</v>
      </c>
      <c r="BC20" s="261">
        <v>381</v>
      </c>
      <c r="BD20" s="262">
        <v>2454</v>
      </c>
      <c r="BE20" s="263">
        <v>2572</v>
      </c>
      <c r="BF20" s="257">
        <v>0</v>
      </c>
      <c r="BG20" s="261">
        <v>0</v>
      </c>
      <c r="BH20" s="258">
        <v>0</v>
      </c>
      <c r="BI20" s="260">
        <v>0</v>
      </c>
      <c r="BJ20" s="261">
        <v>667</v>
      </c>
      <c r="BK20" s="261">
        <v>634</v>
      </c>
      <c r="BL20" s="261">
        <v>353</v>
      </c>
      <c r="BM20" s="261">
        <v>195</v>
      </c>
      <c r="BN20" s="261">
        <v>81</v>
      </c>
      <c r="BO20" s="258">
        <v>1930</v>
      </c>
      <c r="BP20" s="263">
        <v>1930</v>
      </c>
      <c r="BQ20" s="257">
        <v>65</v>
      </c>
      <c r="BR20" s="261">
        <v>95</v>
      </c>
      <c r="BS20" s="258">
        <v>160</v>
      </c>
      <c r="BT20" s="260">
        <v>0</v>
      </c>
      <c r="BU20" s="261">
        <v>184</v>
      </c>
      <c r="BV20" s="261">
        <v>212</v>
      </c>
      <c r="BW20" s="261">
        <v>103</v>
      </c>
      <c r="BX20" s="261">
        <v>68</v>
      </c>
      <c r="BY20" s="261">
        <v>29</v>
      </c>
      <c r="BZ20" s="258">
        <v>596</v>
      </c>
      <c r="CA20" s="263">
        <v>756</v>
      </c>
      <c r="CB20" s="257">
        <v>1</v>
      </c>
      <c r="CC20" s="261">
        <v>7</v>
      </c>
      <c r="CD20" s="258">
        <v>8</v>
      </c>
      <c r="CE20" s="260">
        <v>0</v>
      </c>
      <c r="CF20" s="261">
        <v>53</v>
      </c>
      <c r="CG20" s="261">
        <v>102</v>
      </c>
      <c r="CH20" s="261">
        <v>139</v>
      </c>
      <c r="CI20" s="261">
        <v>98</v>
      </c>
      <c r="CJ20" s="261">
        <v>59</v>
      </c>
      <c r="CK20" s="258">
        <v>451</v>
      </c>
      <c r="CL20" s="263">
        <v>459</v>
      </c>
      <c r="CM20" s="257">
        <v>1</v>
      </c>
      <c r="CN20" s="261">
        <v>0</v>
      </c>
      <c r="CO20" s="258">
        <v>1</v>
      </c>
      <c r="CP20" s="260">
        <v>0</v>
      </c>
      <c r="CQ20" s="261">
        <v>3</v>
      </c>
      <c r="CR20" s="261">
        <v>4</v>
      </c>
      <c r="CS20" s="261">
        <v>4</v>
      </c>
      <c r="CT20" s="261">
        <v>3</v>
      </c>
      <c r="CU20" s="261">
        <v>4</v>
      </c>
      <c r="CV20" s="258">
        <v>18</v>
      </c>
      <c r="CW20" s="263">
        <v>19</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230</v>
      </c>
      <c r="DU20" s="261">
        <v>512</v>
      </c>
      <c r="DV20" s="258">
        <v>742</v>
      </c>
      <c r="DW20" s="260">
        <v>0</v>
      </c>
      <c r="DX20" s="261">
        <v>781</v>
      </c>
      <c r="DY20" s="261">
        <v>1103</v>
      </c>
      <c r="DZ20" s="261">
        <v>690</v>
      </c>
      <c r="EA20" s="261">
        <v>537</v>
      </c>
      <c r="EB20" s="261">
        <v>338</v>
      </c>
      <c r="EC20" s="258">
        <v>3449</v>
      </c>
      <c r="ED20" s="263">
        <v>4191</v>
      </c>
      <c r="EE20" s="257">
        <v>31</v>
      </c>
      <c r="EF20" s="261">
        <v>9</v>
      </c>
      <c r="EG20" s="258">
        <v>40</v>
      </c>
      <c r="EH20" s="260">
        <v>0</v>
      </c>
      <c r="EI20" s="261">
        <v>117</v>
      </c>
      <c r="EJ20" s="261">
        <v>121</v>
      </c>
      <c r="EK20" s="261">
        <v>102</v>
      </c>
      <c r="EL20" s="261">
        <v>108</v>
      </c>
      <c r="EM20" s="261">
        <v>70</v>
      </c>
      <c r="EN20" s="258">
        <v>518</v>
      </c>
      <c r="EO20" s="263">
        <v>558</v>
      </c>
      <c r="EP20" s="257">
        <v>328</v>
      </c>
      <c r="EQ20" s="261">
        <v>641</v>
      </c>
      <c r="ER20" s="258">
        <v>969</v>
      </c>
      <c r="ES20" s="260">
        <v>0</v>
      </c>
      <c r="ET20" s="261">
        <v>1610</v>
      </c>
      <c r="EU20" s="261">
        <v>1476</v>
      </c>
      <c r="EV20" s="261">
        <v>844</v>
      </c>
      <c r="EW20" s="261">
        <v>566</v>
      </c>
      <c r="EX20" s="261">
        <v>330</v>
      </c>
      <c r="EY20" s="258">
        <v>4826</v>
      </c>
      <c r="EZ20" s="263">
        <v>5795</v>
      </c>
    </row>
    <row r="21" spans="2:156" ht="21" customHeight="1" x14ac:dyDescent="0.2">
      <c r="B21" s="472" t="s">
        <v>19</v>
      </c>
      <c r="C21" s="257">
        <v>0</v>
      </c>
      <c r="D21" s="261">
        <v>0</v>
      </c>
      <c r="E21" s="358">
        <v>0</v>
      </c>
      <c r="F21" s="260">
        <v>0</v>
      </c>
      <c r="G21" s="261">
        <v>191</v>
      </c>
      <c r="H21" s="261">
        <v>152</v>
      </c>
      <c r="I21" s="261">
        <v>98</v>
      </c>
      <c r="J21" s="261">
        <v>79</v>
      </c>
      <c r="K21" s="261">
        <v>62</v>
      </c>
      <c r="L21" s="262">
        <v>582</v>
      </c>
      <c r="M21" s="263">
        <v>582</v>
      </c>
      <c r="N21" s="257">
        <v>0</v>
      </c>
      <c r="O21" s="261">
        <v>0</v>
      </c>
      <c r="P21" s="258">
        <v>0</v>
      </c>
      <c r="Q21" s="260">
        <v>0</v>
      </c>
      <c r="R21" s="261">
        <v>5</v>
      </c>
      <c r="S21" s="261">
        <v>5</v>
      </c>
      <c r="T21" s="261">
        <v>11</v>
      </c>
      <c r="U21" s="261">
        <v>20</v>
      </c>
      <c r="V21" s="261">
        <v>25</v>
      </c>
      <c r="W21" s="258">
        <v>66</v>
      </c>
      <c r="X21" s="263">
        <v>66</v>
      </c>
      <c r="Y21" s="257">
        <v>36</v>
      </c>
      <c r="Z21" s="261">
        <v>43</v>
      </c>
      <c r="AA21" s="258">
        <v>79</v>
      </c>
      <c r="AB21" s="260">
        <v>0</v>
      </c>
      <c r="AC21" s="261">
        <v>168</v>
      </c>
      <c r="AD21" s="261">
        <v>146</v>
      </c>
      <c r="AE21" s="261">
        <v>103</v>
      </c>
      <c r="AF21" s="261">
        <v>88</v>
      </c>
      <c r="AG21" s="261">
        <v>77</v>
      </c>
      <c r="AH21" s="258">
        <v>582</v>
      </c>
      <c r="AI21" s="263">
        <v>661</v>
      </c>
      <c r="AJ21" s="257">
        <v>3</v>
      </c>
      <c r="AK21" s="261">
        <v>5</v>
      </c>
      <c r="AL21" s="258">
        <v>8</v>
      </c>
      <c r="AM21" s="260">
        <v>0</v>
      </c>
      <c r="AN21" s="261">
        <v>17</v>
      </c>
      <c r="AO21" s="261">
        <v>14</v>
      </c>
      <c r="AP21" s="261">
        <v>10</v>
      </c>
      <c r="AQ21" s="261">
        <v>10</v>
      </c>
      <c r="AR21" s="261">
        <v>2</v>
      </c>
      <c r="AS21" s="258">
        <v>53</v>
      </c>
      <c r="AT21" s="263">
        <v>61</v>
      </c>
      <c r="AU21" s="257">
        <v>37</v>
      </c>
      <c r="AV21" s="261">
        <v>30</v>
      </c>
      <c r="AW21" s="258">
        <v>67</v>
      </c>
      <c r="AX21" s="260">
        <v>0</v>
      </c>
      <c r="AY21" s="261">
        <v>189</v>
      </c>
      <c r="AZ21" s="261">
        <v>217</v>
      </c>
      <c r="BA21" s="261">
        <v>196</v>
      </c>
      <c r="BB21" s="261">
        <v>175</v>
      </c>
      <c r="BC21" s="261">
        <v>146</v>
      </c>
      <c r="BD21" s="262">
        <v>923</v>
      </c>
      <c r="BE21" s="263">
        <v>990</v>
      </c>
      <c r="BF21" s="257">
        <v>0</v>
      </c>
      <c r="BG21" s="261">
        <v>0</v>
      </c>
      <c r="BH21" s="258">
        <v>0</v>
      </c>
      <c r="BI21" s="260">
        <v>0</v>
      </c>
      <c r="BJ21" s="261">
        <v>270</v>
      </c>
      <c r="BK21" s="261">
        <v>222</v>
      </c>
      <c r="BL21" s="261">
        <v>129</v>
      </c>
      <c r="BM21" s="261">
        <v>61</v>
      </c>
      <c r="BN21" s="261">
        <v>34</v>
      </c>
      <c r="BO21" s="258">
        <v>716</v>
      </c>
      <c r="BP21" s="263">
        <v>716</v>
      </c>
      <c r="BQ21" s="257">
        <v>33</v>
      </c>
      <c r="BR21" s="261">
        <v>63</v>
      </c>
      <c r="BS21" s="258">
        <v>96</v>
      </c>
      <c r="BT21" s="260">
        <v>0</v>
      </c>
      <c r="BU21" s="261">
        <v>110</v>
      </c>
      <c r="BV21" s="261">
        <v>108</v>
      </c>
      <c r="BW21" s="261">
        <v>69</v>
      </c>
      <c r="BX21" s="261">
        <v>24</v>
      </c>
      <c r="BY21" s="261">
        <v>11</v>
      </c>
      <c r="BZ21" s="258">
        <v>322</v>
      </c>
      <c r="CA21" s="263">
        <v>418</v>
      </c>
      <c r="CB21" s="257">
        <v>1</v>
      </c>
      <c r="CC21" s="261">
        <v>3</v>
      </c>
      <c r="CD21" s="258">
        <v>4</v>
      </c>
      <c r="CE21" s="260">
        <v>0</v>
      </c>
      <c r="CF21" s="261">
        <v>20</v>
      </c>
      <c r="CG21" s="261">
        <v>52</v>
      </c>
      <c r="CH21" s="261">
        <v>56</v>
      </c>
      <c r="CI21" s="261">
        <v>25</v>
      </c>
      <c r="CJ21" s="261">
        <v>13</v>
      </c>
      <c r="CK21" s="258">
        <v>166</v>
      </c>
      <c r="CL21" s="263">
        <v>170</v>
      </c>
      <c r="CM21" s="257">
        <v>0</v>
      </c>
      <c r="CN21" s="261">
        <v>0</v>
      </c>
      <c r="CO21" s="258">
        <v>0</v>
      </c>
      <c r="CP21" s="260">
        <v>0</v>
      </c>
      <c r="CQ21" s="261">
        <v>3</v>
      </c>
      <c r="CR21" s="261">
        <v>10</v>
      </c>
      <c r="CS21" s="261">
        <v>9</v>
      </c>
      <c r="CT21" s="261">
        <v>10</v>
      </c>
      <c r="CU21" s="261">
        <v>4</v>
      </c>
      <c r="CV21" s="258">
        <v>36</v>
      </c>
      <c r="CW21" s="263">
        <v>36</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135</v>
      </c>
      <c r="DU21" s="261">
        <v>224</v>
      </c>
      <c r="DV21" s="258">
        <v>359</v>
      </c>
      <c r="DW21" s="260">
        <v>0</v>
      </c>
      <c r="DX21" s="261">
        <v>418</v>
      </c>
      <c r="DY21" s="261">
        <v>454</v>
      </c>
      <c r="DZ21" s="261">
        <v>274</v>
      </c>
      <c r="EA21" s="261">
        <v>188</v>
      </c>
      <c r="EB21" s="261">
        <v>135</v>
      </c>
      <c r="EC21" s="258">
        <v>1469</v>
      </c>
      <c r="ED21" s="263">
        <v>1828</v>
      </c>
      <c r="EE21" s="257">
        <v>15</v>
      </c>
      <c r="EF21" s="261">
        <v>15</v>
      </c>
      <c r="EG21" s="258">
        <v>30</v>
      </c>
      <c r="EH21" s="260">
        <v>0</v>
      </c>
      <c r="EI21" s="261">
        <v>68</v>
      </c>
      <c r="EJ21" s="261">
        <v>53</v>
      </c>
      <c r="EK21" s="261">
        <v>56</v>
      </c>
      <c r="EL21" s="261">
        <v>44</v>
      </c>
      <c r="EM21" s="261">
        <v>27</v>
      </c>
      <c r="EN21" s="258">
        <v>248</v>
      </c>
      <c r="EO21" s="263">
        <v>278</v>
      </c>
      <c r="EP21" s="257">
        <v>187</v>
      </c>
      <c r="EQ21" s="261">
        <v>279</v>
      </c>
      <c r="ER21" s="258">
        <v>466</v>
      </c>
      <c r="ES21" s="260">
        <v>0</v>
      </c>
      <c r="ET21" s="261">
        <v>744</v>
      </c>
      <c r="EU21" s="261">
        <v>592</v>
      </c>
      <c r="EV21" s="261">
        <v>318</v>
      </c>
      <c r="EW21" s="261">
        <v>187</v>
      </c>
      <c r="EX21" s="261">
        <v>130</v>
      </c>
      <c r="EY21" s="258">
        <v>1971</v>
      </c>
      <c r="EZ21" s="263">
        <v>2437</v>
      </c>
    </row>
    <row r="22" spans="2:156" ht="21" customHeight="1" x14ac:dyDescent="0.2">
      <c r="B22" s="472" t="s">
        <v>20</v>
      </c>
      <c r="C22" s="257">
        <v>0</v>
      </c>
      <c r="D22" s="261">
        <v>0</v>
      </c>
      <c r="E22" s="358">
        <v>0</v>
      </c>
      <c r="F22" s="260">
        <v>0</v>
      </c>
      <c r="G22" s="261">
        <v>257</v>
      </c>
      <c r="H22" s="261">
        <v>178</v>
      </c>
      <c r="I22" s="261">
        <v>141</v>
      </c>
      <c r="J22" s="261">
        <v>112</v>
      </c>
      <c r="K22" s="261">
        <v>70</v>
      </c>
      <c r="L22" s="262">
        <v>758</v>
      </c>
      <c r="M22" s="263">
        <v>758</v>
      </c>
      <c r="N22" s="257">
        <v>0</v>
      </c>
      <c r="O22" s="261">
        <v>0</v>
      </c>
      <c r="P22" s="258">
        <v>0</v>
      </c>
      <c r="Q22" s="260">
        <v>0</v>
      </c>
      <c r="R22" s="261">
        <v>3</v>
      </c>
      <c r="S22" s="261">
        <v>4</v>
      </c>
      <c r="T22" s="261">
        <v>14</v>
      </c>
      <c r="U22" s="261">
        <v>23</v>
      </c>
      <c r="V22" s="261">
        <v>39</v>
      </c>
      <c r="W22" s="258">
        <v>83</v>
      </c>
      <c r="X22" s="263">
        <v>83</v>
      </c>
      <c r="Y22" s="257">
        <v>43</v>
      </c>
      <c r="Z22" s="261">
        <v>92</v>
      </c>
      <c r="AA22" s="258">
        <v>135</v>
      </c>
      <c r="AB22" s="260">
        <v>0</v>
      </c>
      <c r="AC22" s="261">
        <v>242</v>
      </c>
      <c r="AD22" s="261">
        <v>188</v>
      </c>
      <c r="AE22" s="261">
        <v>117</v>
      </c>
      <c r="AF22" s="261">
        <v>96</v>
      </c>
      <c r="AG22" s="261">
        <v>61</v>
      </c>
      <c r="AH22" s="258">
        <v>704</v>
      </c>
      <c r="AI22" s="263">
        <v>839</v>
      </c>
      <c r="AJ22" s="257">
        <v>11</v>
      </c>
      <c r="AK22" s="261">
        <v>37</v>
      </c>
      <c r="AL22" s="258">
        <v>48</v>
      </c>
      <c r="AM22" s="260">
        <v>0</v>
      </c>
      <c r="AN22" s="261">
        <v>50</v>
      </c>
      <c r="AO22" s="261">
        <v>55</v>
      </c>
      <c r="AP22" s="261">
        <v>37</v>
      </c>
      <c r="AQ22" s="261">
        <v>32</v>
      </c>
      <c r="AR22" s="261">
        <v>16</v>
      </c>
      <c r="AS22" s="258">
        <v>190</v>
      </c>
      <c r="AT22" s="263">
        <v>238</v>
      </c>
      <c r="AU22" s="257">
        <v>27</v>
      </c>
      <c r="AV22" s="261">
        <v>34</v>
      </c>
      <c r="AW22" s="258">
        <v>61</v>
      </c>
      <c r="AX22" s="260">
        <v>0</v>
      </c>
      <c r="AY22" s="261">
        <v>238</v>
      </c>
      <c r="AZ22" s="261">
        <v>224</v>
      </c>
      <c r="BA22" s="261">
        <v>256</v>
      </c>
      <c r="BB22" s="261">
        <v>212</v>
      </c>
      <c r="BC22" s="261">
        <v>158</v>
      </c>
      <c r="BD22" s="262">
        <v>1088</v>
      </c>
      <c r="BE22" s="263">
        <v>1149</v>
      </c>
      <c r="BF22" s="257">
        <v>0</v>
      </c>
      <c r="BG22" s="261">
        <v>0</v>
      </c>
      <c r="BH22" s="258">
        <v>0</v>
      </c>
      <c r="BI22" s="260">
        <v>0</v>
      </c>
      <c r="BJ22" s="261">
        <v>340</v>
      </c>
      <c r="BK22" s="261">
        <v>259</v>
      </c>
      <c r="BL22" s="261">
        <v>144</v>
      </c>
      <c r="BM22" s="261">
        <v>76</v>
      </c>
      <c r="BN22" s="261">
        <v>37</v>
      </c>
      <c r="BO22" s="258">
        <v>856</v>
      </c>
      <c r="BP22" s="263">
        <v>856</v>
      </c>
      <c r="BQ22" s="257">
        <v>16</v>
      </c>
      <c r="BR22" s="261">
        <v>33</v>
      </c>
      <c r="BS22" s="258">
        <v>49</v>
      </c>
      <c r="BT22" s="260">
        <v>0</v>
      </c>
      <c r="BU22" s="261">
        <v>123</v>
      </c>
      <c r="BV22" s="261">
        <v>104</v>
      </c>
      <c r="BW22" s="261">
        <v>53</v>
      </c>
      <c r="BX22" s="261">
        <v>39</v>
      </c>
      <c r="BY22" s="261">
        <v>15</v>
      </c>
      <c r="BZ22" s="258">
        <v>334</v>
      </c>
      <c r="CA22" s="263">
        <v>383</v>
      </c>
      <c r="CB22" s="257">
        <v>0</v>
      </c>
      <c r="CC22" s="261">
        <v>8</v>
      </c>
      <c r="CD22" s="258">
        <v>8</v>
      </c>
      <c r="CE22" s="260">
        <v>0</v>
      </c>
      <c r="CF22" s="261">
        <v>59</v>
      </c>
      <c r="CG22" s="261">
        <v>61</v>
      </c>
      <c r="CH22" s="261">
        <v>76</v>
      </c>
      <c r="CI22" s="261">
        <v>56</v>
      </c>
      <c r="CJ22" s="261">
        <v>25</v>
      </c>
      <c r="CK22" s="258">
        <v>277</v>
      </c>
      <c r="CL22" s="263">
        <v>285</v>
      </c>
      <c r="CM22" s="257">
        <v>0</v>
      </c>
      <c r="CN22" s="261">
        <v>0</v>
      </c>
      <c r="CO22" s="258">
        <v>0</v>
      </c>
      <c r="CP22" s="260">
        <v>0</v>
      </c>
      <c r="CQ22" s="261">
        <v>3</v>
      </c>
      <c r="CR22" s="261">
        <v>6</v>
      </c>
      <c r="CS22" s="261">
        <v>8</v>
      </c>
      <c r="CT22" s="261">
        <v>7</v>
      </c>
      <c r="CU22" s="261">
        <v>2</v>
      </c>
      <c r="CV22" s="258">
        <v>26</v>
      </c>
      <c r="CW22" s="263">
        <v>26</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134</v>
      </c>
      <c r="DU22" s="261">
        <v>344</v>
      </c>
      <c r="DV22" s="258">
        <v>478</v>
      </c>
      <c r="DW22" s="260">
        <v>0</v>
      </c>
      <c r="DX22" s="261">
        <v>528</v>
      </c>
      <c r="DY22" s="261">
        <v>470</v>
      </c>
      <c r="DZ22" s="261">
        <v>315</v>
      </c>
      <c r="EA22" s="261">
        <v>242</v>
      </c>
      <c r="EB22" s="261">
        <v>129</v>
      </c>
      <c r="EC22" s="258">
        <v>1684</v>
      </c>
      <c r="ED22" s="263">
        <v>2162</v>
      </c>
      <c r="EE22" s="257">
        <v>14</v>
      </c>
      <c r="EF22" s="261">
        <v>12</v>
      </c>
      <c r="EG22" s="258">
        <v>26</v>
      </c>
      <c r="EH22" s="260">
        <v>0</v>
      </c>
      <c r="EI22" s="261">
        <v>78</v>
      </c>
      <c r="EJ22" s="261">
        <v>52</v>
      </c>
      <c r="EK22" s="261">
        <v>60</v>
      </c>
      <c r="EL22" s="261">
        <v>60</v>
      </c>
      <c r="EM22" s="261">
        <v>30</v>
      </c>
      <c r="EN22" s="258">
        <v>280</v>
      </c>
      <c r="EO22" s="263">
        <v>306</v>
      </c>
      <c r="EP22" s="257">
        <v>193</v>
      </c>
      <c r="EQ22" s="261">
        <v>435</v>
      </c>
      <c r="ER22" s="258">
        <v>628</v>
      </c>
      <c r="ES22" s="260">
        <v>0</v>
      </c>
      <c r="ET22" s="261">
        <v>1006</v>
      </c>
      <c r="EU22" s="261">
        <v>667</v>
      </c>
      <c r="EV22" s="261">
        <v>409</v>
      </c>
      <c r="EW22" s="261">
        <v>271</v>
      </c>
      <c r="EX22" s="261">
        <v>142</v>
      </c>
      <c r="EY22" s="258">
        <v>2495</v>
      </c>
      <c r="EZ22" s="263">
        <v>3123</v>
      </c>
    </row>
    <row r="23" spans="2:156" ht="21" customHeight="1" x14ac:dyDescent="0.2">
      <c r="B23" s="472" t="s">
        <v>21</v>
      </c>
      <c r="C23" s="257">
        <v>0</v>
      </c>
      <c r="D23" s="261">
        <v>0</v>
      </c>
      <c r="E23" s="358">
        <v>0</v>
      </c>
      <c r="F23" s="260">
        <v>0</v>
      </c>
      <c r="G23" s="261">
        <v>256</v>
      </c>
      <c r="H23" s="261">
        <v>358</v>
      </c>
      <c r="I23" s="261">
        <v>189</v>
      </c>
      <c r="J23" s="261">
        <v>143</v>
      </c>
      <c r="K23" s="261">
        <v>97</v>
      </c>
      <c r="L23" s="262">
        <v>1043</v>
      </c>
      <c r="M23" s="263">
        <v>1043</v>
      </c>
      <c r="N23" s="257">
        <v>0</v>
      </c>
      <c r="O23" s="261">
        <v>0</v>
      </c>
      <c r="P23" s="258">
        <v>0</v>
      </c>
      <c r="Q23" s="260">
        <v>0</v>
      </c>
      <c r="R23" s="261">
        <v>0</v>
      </c>
      <c r="S23" s="261">
        <v>5</v>
      </c>
      <c r="T23" s="261">
        <v>15</v>
      </c>
      <c r="U23" s="261">
        <v>30</v>
      </c>
      <c r="V23" s="261">
        <v>44</v>
      </c>
      <c r="W23" s="258">
        <v>94</v>
      </c>
      <c r="X23" s="263">
        <v>94</v>
      </c>
      <c r="Y23" s="257">
        <v>51</v>
      </c>
      <c r="Z23" s="261">
        <v>101</v>
      </c>
      <c r="AA23" s="258">
        <v>152</v>
      </c>
      <c r="AB23" s="260">
        <v>0</v>
      </c>
      <c r="AC23" s="261">
        <v>207</v>
      </c>
      <c r="AD23" s="261">
        <v>271</v>
      </c>
      <c r="AE23" s="261">
        <v>164</v>
      </c>
      <c r="AF23" s="261">
        <v>140</v>
      </c>
      <c r="AG23" s="261">
        <v>80</v>
      </c>
      <c r="AH23" s="258">
        <v>862</v>
      </c>
      <c r="AI23" s="263">
        <v>1014</v>
      </c>
      <c r="AJ23" s="257">
        <v>18</v>
      </c>
      <c r="AK23" s="261">
        <v>26</v>
      </c>
      <c r="AL23" s="258">
        <v>44</v>
      </c>
      <c r="AM23" s="260">
        <v>0</v>
      </c>
      <c r="AN23" s="261">
        <v>22</v>
      </c>
      <c r="AO23" s="261">
        <v>40</v>
      </c>
      <c r="AP23" s="261">
        <v>22</v>
      </c>
      <c r="AQ23" s="261">
        <v>10</v>
      </c>
      <c r="AR23" s="261">
        <v>8</v>
      </c>
      <c r="AS23" s="258">
        <v>102</v>
      </c>
      <c r="AT23" s="263">
        <v>146</v>
      </c>
      <c r="AU23" s="257">
        <v>44</v>
      </c>
      <c r="AV23" s="261">
        <v>38</v>
      </c>
      <c r="AW23" s="258">
        <v>82</v>
      </c>
      <c r="AX23" s="260">
        <v>0</v>
      </c>
      <c r="AY23" s="261">
        <v>244</v>
      </c>
      <c r="AZ23" s="261">
        <v>348</v>
      </c>
      <c r="BA23" s="261">
        <v>294</v>
      </c>
      <c r="BB23" s="261">
        <v>253</v>
      </c>
      <c r="BC23" s="261">
        <v>204</v>
      </c>
      <c r="BD23" s="262">
        <v>1343</v>
      </c>
      <c r="BE23" s="263">
        <v>1425</v>
      </c>
      <c r="BF23" s="257">
        <v>0</v>
      </c>
      <c r="BG23" s="261">
        <v>0</v>
      </c>
      <c r="BH23" s="258">
        <v>0</v>
      </c>
      <c r="BI23" s="260">
        <v>0</v>
      </c>
      <c r="BJ23" s="261">
        <v>315</v>
      </c>
      <c r="BK23" s="261">
        <v>351</v>
      </c>
      <c r="BL23" s="261">
        <v>201</v>
      </c>
      <c r="BM23" s="261">
        <v>119</v>
      </c>
      <c r="BN23" s="261">
        <v>40</v>
      </c>
      <c r="BO23" s="258">
        <v>1026</v>
      </c>
      <c r="BP23" s="263">
        <v>1026</v>
      </c>
      <c r="BQ23" s="257">
        <v>27</v>
      </c>
      <c r="BR23" s="261">
        <v>42</v>
      </c>
      <c r="BS23" s="258">
        <v>69</v>
      </c>
      <c r="BT23" s="260">
        <v>0</v>
      </c>
      <c r="BU23" s="261">
        <v>58</v>
      </c>
      <c r="BV23" s="261">
        <v>75</v>
      </c>
      <c r="BW23" s="261">
        <v>40</v>
      </c>
      <c r="BX23" s="261">
        <v>19</v>
      </c>
      <c r="BY23" s="261">
        <v>10</v>
      </c>
      <c r="BZ23" s="258">
        <v>202</v>
      </c>
      <c r="CA23" s="263">
        <v>271</v>
      </c>
      <c r="CB23" s="257">
        <v>1</v>
      </c>
      <c r="CC23" s="261">
        <v>1</v>
      </c>
      <c r="CD23" s="258">
        <v>2</v>
      </c>
      <c r="CE23" s="260">
        <v>0</v>
      </c>
      <c r="CF23" s="261">
        <v>24</v>
      </c>
      <c r="CG23" s="261">
        <v>54</v>
      </c>
      <c r="CH23" s="261">
        <v>71</v>
      </c>
      <c r="CI23" s="261">
        <v>61</v>
      </c>
      <c r="CJ23" s="261">
        <v>30</v>
      </c>
      <c r="CK23" s="258">
        <v>240</v>
      </c>
      <c r="CL23" s="263">
        <v>242</v>
      </c>
      <c r="CM23" s="257">
        <v>0</v>
      </c>
      <c r="CN23" s="261">
        <v>0</v>
      </c>
      <c r="CO23" s="258">
        <v>0</v>
      </c>
      <c r="CP23" s="260">
        <v>0</v>
      </c>
      <c r="CQ23" s="261">
        <v>3</v>
      </c>
      <c r="CR23" s="261">
        <v>4</v>
      </c>
      <c r="CS23" s="261">
        <v>5</v>
      </c>
      <c r="CT23" s="261">
        <v>4</v>
      </c>
      <c r="CU23" s="261">
        <v>1</v>
      </c>
      <c r="CV23" s="258">
        <v>17</v>
      </c>
      <c r="CW23" s="263">
        <v>17</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198</v>
      </c>
      <c r="DU23" s="261">
        <v>314</v>
      </c>
      <c r="DV23" s="258">
        <v>512</v>
      </c>
      <c r="DW23" s="260">
        <v>0</v>
      </c>
      <c r="DX23" s="261">
        <v>362</v>
      </c>
      <c r="DY23" s="261">
        <v>647</v>
      </c>
      <c r="DZ23" s="261">
        <v>392</v>
      </c>
      <c r="EA23" s="261">
        <v>301</v>
      </c>
      <c r="EB23" s="261">
        <v>169</v>
      </c>
      <c r="EC23" s="258">
        <v>1871</v>
      </c>
      <c r="ED23" s="263">
        <v>2383</v>
      </c>
      <c r="EE23" s="257">
        <v>18</v>
      </c>
      <c r="EF23" s="261">
        <v>16</v>
      </c>
      <c r="EG23" s="258">
        <v>34</v>
      </c>
      <c r="EH23" s="260">
        <v>0</v>
      </c>
      <c r="EI23" s="261">
        <v>65</v>
      </c>
      <c r="EJ23" s="261">
        <v>63</v>
      </c>
      <c r="EK23" s="261">
        <v>64</v>
      </c>
      <c r="EL23" s="261">
        <v>55</v>
      </c>
      <c r="EM23" s="261">
        <v>55</v>
      </c>
      <c r="EN23" s="258">
        <v>302</v>
      </c>
      <c r="EO23" s="263">
        <v>336</v>
      </c>
      <c r="EP23" s="257">
        <v>269</v>
      </c>
      <c r="EQ23" s="261">
        <v>409</v>
      </c>
      <c r="ER23" s="258">
        <v>678</v>
      </c>
      <c r="ES23" s="260">
        <v>0</v>
      </c>
      <c r="ET23" s="261">
        <v>816</v>
      </c>
      <c r="EU23" s="261">
        <v>923</v>
      </c>
      <c r="EV23" s="261">
        <v>477</v>
      </c>
      <c r="EW23" s="261">
        <v>328</v>
      </c>
      <c r="EX23" s="261">
        <v>181</v>
      </c>
      <c r="EY23" s="258">
        <v>2725</v>
      </c>
      <c r="EZ23" s="263">
        <v>3403</v>
      </c>
    </row>
    <row r="24" spans="2:156" ht="21" customHeight="1" x14ac:dyDescent="0.2">
      <c r="B24" s="472" t="s">
        <v>22</v>
      </c>
      <c r="C24" s="257">
        <v>0</v>
      </c>
      <c r="D24" s="261">
        <v>0</v>
      </c>
      <c r="E24" s="358">
        <v>0</v>
      </c>
      <c r="F24" s="260">
        <v>0</v>
      </c>
      <c r="G24" s="261">
        <v>78</v>
      </c>
      <c r="H24" s="261">
        <v>59</v>
      </c>
      <c r="I24" s="261">
        <v>33</v>
      </c>
      <c r="J24" s="261">
        <v>35</v>
      </c>
      <c r="K24" s="261">
        <v>28</v>
      </c>
      <c r="L24" s="262">
        <v>233</v>
      </c>
      <c r="M24" s="263">
        <v>233</v>
      </c>
      <c r="N24" s="257">
        <v>0</v>
      </c>
      <c r="O24" s="261">
        <v>0</v>
      </c>
      <c r="P24" s="258">
        <v>0</v>
      </c>
      <c r="Q24" s="260">
        <v>0</v>
      </c>
      <c r="R24" s="261">
        <v>2</v>
      </c>
      <c r="S24" s="261">
        <v>1</v>
      </c>
      <c r="T24" s="261">
        <v>3</v>
      </c>
      <c r="U24" s="261">
        <v>7</v>
      </c>
      <c r="V24" s="261">
        <v>17</v>
      </c>
      <c r="W24" s="258">
        <v>30</v>
      </c>
      <c r="X24" s="263">
        <v>30</v>
      </c>
      <c r="Y24" s="257">
        <v>9</v>
      </c>
      <c r="Z24" s="261">
        <v>9</v>
      </c>
      <c r="AA24" s="258">
        <v>18</v>
      </c>
      <c r="AB24" s="260">
        <v>0</v>
      </c>
      <c r="AC24" s="261">
        <v>52</v>
      </c>
      <c r="AD24" s="261">
        <v>65</v>
      </c>
      <c r="AE24" s="261">
        <v>40</v>
      </c>
      <c r="AF24" s="261">
        <v>38</v>
      </c>
      <c r="AG24" s="261">
        <v>33</v>
      </c>
      <c r="AH24" s="258">
        <v>228</v>
      </c>
      <c r="AI24" s="263">
        <v>246</v>
      </c>
      <c r="AJ24" s="257">
        <v>0</v>
      </c>
      <c r="AK24" s="261">
        <v>1</v>
      </c>
      <c r="AL24" s="258">
        <v>1</v>
      </c>
      <c r="AM24" s="260">
        <v>0</v>
      </c>
      <c r="AN24" s="261">
        <v>9</v>
      </c>
      <c r="AO24" s="261">
        <v>6</v>
      </c>
      <c r="AP24" s="261">
        <v>3</v>
      </c>
      <c r="AQ24" s="261">
        <v>3</v>
      </c>
      <c r="AR24" s="261">
        <v>3</v>
      </c>
      <c r="AS24" s="258">
        <v>24</v>
      </c>
      <c r="AT24" s="263">
        <v>25</v>
      </c>
      <c r="AU24" s="257">
        <v>6</v>
      </c>
      <c r="AV24" s="261">
        <v>10</v>
      </c>
      <c r="AW24" s="258">
        <v>16</v>
      </c>
      <c r="AX24" s="260">
        <v>0</v>
      </c>
      <c r="AY24" s="261">
        <v>56</v>
      </c>
      <c r="AZ24" s="261">
        <v>83</v>
      </c>
      <c r="BA24" s="261">
        <v>62</v>
      </c>
      <c r="BB24" s="261">
        <v>65</v>
      </c>
      <c r="BC24" s="261">
        <v>39</v>
      </c>
      <c r="BD24" s="262">
        <v>305</v>
      </c>
      <c r="BE24" s="263">
        <v>321</v>
      </c>
      <c r="BF24" s="257">
        <v>0</v>
      </c>
      <c r="BG24" s="261">
        <v>0</v>
      </c>
      <c r="BH24" s="258">
        <v>0</v>
      </c>
      <c r="BI24" s="260">
        <v>0</v>
      </c>
      <c r="BJ24" s="261">
        <v>96</v>
      </c>
      <c r="BK24" s="261">
        <v>98</v>
      </c>
      <c r="BL24" s="261">
        <v>50</v>
      </c>
      <c r="BM24" s="261">
        <v>30</v>
      </c>
      <c r="BN24" s="261">
        <v>18</v>
      </c>
      <c r="BO24" s="258">
        <v>292</v>
      </c>
      <c r="BP24" s="263">
        <v>292</v>
      </c>
      <c r="BQ24" s="257">
        <v>2</v>
      </c>
      <c r="BR24" s="261">
        <v>8</v>
      </c>
      <c r="BS24" s="258">
        <v>10</v>
      </c>
      <c r="BT24" s="260">
        <v>0</v>
      </c>
      <c r="BU24" s="261">
        <v>26</v>
      </c>
      <c r="BV24" s="261">
        <v>33</v>
      </c>
      <c r="BW24" s="261">
        <v>13</v>
      </c>
      <c r="BX24" s="261">
        <v>13</v>
      </c>
      <c r="BY24" s="261">
        <v>8</v>
      </c>
      <c r="BZ24" s="258">
        <v>93</v>
      </c>
      <c r="CA24" s="263">
        <v>103</v>
      </c>
      <c r="CB24" s="257">
        <v>0</v>
      </c>
      <c r="CC24" s="261">
        <v>3</v>
      </c>
      <c r="CD24" s="258">
        <v>3</v>
      </c>
      <c r="CE24" s="260">
        <v>0</v>
      </c>
      <c r="CF24" s="261">
        <v>12</v>
      </c>
      <c r="CG24" s="261">
        <v>16</v>
      </c>
      <c r="CH24" s="261">
        <v>23</v>
      </c>
      <c r="CI24" s="261">
        <v>20</v>
      </c>
      <c r="CJ24" s="261">
        <v>11</v>
      </c>
      <c r="CK24" s="258">
        <v>82</v>
      </c>
      <c r="CL24" s="263">
        <v>85</v>
      </c>
      <c r="CM24" s="257">
        <v>0</v>
      </c>
      <c r="CN24" s="261">
        <v>0</v>
      </c>
      <c r="CO24" s="258">
        <v>0</v>
      </c>
      <c r="CP24" s="260">
        <v>0</v>
      </c>
      <c r="CQ24" s="261">
        <v>1</v>
      </c>
      <c r="CR24" s="261">
        <v>2</v>
      </c>
      <c r="CS24" s="261">
        <v>4</v>
      </c>
      <c r="CT24" s="261">
        <v>6</v>
      </c>
      <c r="CU24" s="261">
        <v>1</v>
      </c>
      <c r="CV24" s="258">
        <v>14</v>
      </c>
      <c r="CW24" s="263">
        <v>14</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46</v>
      </c>
      <c r="DU24" s="261">
        <v>127</v>
      </c>
      <c r="DV24" s="258">
        <v>173</v>
      </c>
      <c r="DW24" s="260">
        <v>0</v>
      </c>
      <c r="DX24" s="261">
        <v>175</v>
      </c>
      <c r="DY24" s="261">
        <v>220</v>
      </c>
      <c r="DZ24" s="261">
        <v>114</v>
      </c>
      <c r="EA24" s="261">
        <v>83</v>
      </c>
      <c r="EB24" s="261">
        <v>59</v>
      </c>
      <c r="EC24" s="258">
        <v>651</v>
      </c>
      <c r="ED24" s="263">
        <v>824</v>
      </c>
      <c r="EE24" s="257">
        <v>8</v>
      </c>
      <c r="EF24" s="261">
        <v>8</v>
      </c>
      <c r="EG24" s="258">
        <v>16</v>
      </c>
      <c r="EH24" s="260">
        <v>0</v>
      </c>
      <c r="EI24" s="261">
        <v>30</v>
      </c>
      <c r="EJ24" s="261">
        <v>21</v>
      </c>
      <c r="EK24" s="261">
        <v>25</v>
      </c>
      <c r="EL24" s="261">
        <v>25</v>
      </c>
      <c r="EM24" s="261">
        <v>10</v>
      </c>
      <c r="EN24" s="258">
        <v>111</v>
      </c>
      <c r="EO24" s="263">
        <v>127</v>
      </c>
      <c r="EP24" s="257">
        <v>53</v>
      </c>
      <c r="EQ24" s="261">
        <v>141</v>
      </c>
      <c r="ER24" s="258">
        <v>194</v>
      </c>
      <c r="ES24" s="260">
        <v>0</v>
      </c>
      <c r="ET24" s="261">
        <v>322</v>
      </c>
      <c r="EU24" s="261">
        <v>294</v>
      </c>
      <c r="EV24" s="261">
        <v>149</v>
      </c>
      <c r="EW24" s="261">
        <v>97</v>
      </c>
      <c r="EX24" s="261">
        <v>64</v>
      </c>
      <c r="EY24" s="258">
        <v>926</v>
      </c>
      <c r="EZ24" s="263">
        <v>1120</v>
      </c>
    </row>
    <row r="25" spans="2:156" ht="21" customHeight="1" x14ac:dyDescent="0.2">
      <c r="B25" s="472" t="s">
        <v>23</v>
      </c>
      <c r="C25" s="257">
        <v>0</v>
      </c>
      <c r="D25" s="261">
        <v>0</v>
      </c>
      <c r="E25" s="358">
        <v>0</v>
      </c>
      <c r="F25" s="260">
        <v>0</v>
      </c>
      <c r="G25" s="261">
        <v>138</v>
      </c>
      <c r="H25" s="261">
        <v>138</v>
      </c>
      <c r="I25" s="261">
        <v>73</v>
      </c>
      <c r="J25" s="261">
        <v>62</v>
      </c>
      <c r="K25" s="261">
        <v>38</v>
      </c>
      <c r="L25" s="262">
        <v>449</v>
      </c>
      <c r="M25" s="263">
        <v>449</v>
      </c>
      <c r="N25" s="257">
        <v>0</v>
      </c>
      <c r="O25" s="261">
        <v>1</v>
      </c>
      <c r="P25" s="258">
        <v>1</v>
      </c>
      <c r="Q25" s="260">
        <v>0</v>
      </c>
      <c r="R25" s="261">
        <v>1</v>
      </c>
      <c r="S25" s="261">
        <v>5</v>
      </c>
      <c r="T25" s="261">
        <v>6</v>
      </c>
      <c r="U25" s="261">
        <v>14</v>
      </c>
      <c r="V25" s="261">
        <v>21</v>
      </c>
      <c r="W25" s="258">
        <v>47</v>
      </c>
      <c r="X25" s="263">
        <v>48</v>
      </c>
      <c r="Y25" s="257">
        <v>31</v>
      </c>
      <c r="Z25" s="261">
        <v>42</v>
      </c>
      <c r="AA25" s="258">
        <v>73</v>
      </c>
      <c r="AB25" s="260">
        <v>0</v>
      </c>
      <c r="AC25" s="261">
        <v>71</v>
      </c>
      <c r="AD25" s="261">
        <v>125</v>
      </c>
      <c r="AE25" s="261">
        <v>62</v>
      </c>
      <c r="AF25" s="261">
        <v>68</v>
      </c>
      <c r="AG25" s="261">
        <v>40</v>
      </c>
      <c r="AH25" s="258">
        <v>366</v>
      </c>
      <c r="AI25" s="263">
        <v>439</v>
      </c>
      <c r="AJ25" s="257">
        <v>4</v>
      </c>
      <c r="AK25" s="261">
        <v>9</v>
      </c>
      <c r="AL25" s="258">
        <v>13</v>
      </c>
      <c r="AM25" s="260">
        <v>0</v>
      </c>
      <c r="AN25" s="261">
        <v>9</v>
      </c>
      <c r="AO25" s="261">
        <v>21</v>
      </c>
      <c r="AP25" s="261">
        <v>8</v>
      </c>
      <c r="AQ25" s="261">
        <v>8</v>
      </c>
      <c r="AR25" s="261">
        <v>7</v>
      </c>
      <c r="AS25" s="258">
        <v>53</v>
      </c>
      <c r="AT25" s="263">
        <v>66</v>
      </c>
      <c r="AU25" s="257">
        <v>20</v>
      </c>
      <c r="AV25" s="261">
        <v>12</v>
      </c>
      <c r="AW25" s="258">
        <v>32</v>
      </c>
      <c r="AX25" s="260">
        <v>0</v>
      </c>
      <c r="AY25" s="261">
        <v>165</v>
      </c>
      <c r="AZ25" s="261">
        <v>153</v>
      </c>
      <c r="BA25" s="261">
        <v>123</v>
      </c>
      <c r="BB25" s="261">
        <v>167</v>
      </c>
      <c r="BC25" s="261">
        <v>118</v>
      </c>
      <c r="BD25" s="262">
        <v>726</v>
      </c>
      <c r="BE25" s="263">
        <v>758</v>
      </c>
      <c r="BF25" s="257">
        <v>0</v>
      </c>
      <c r="BG25" s="261">
        <v>0</v>
      </c>
      <c r="BH25" s="258">
        <v>0</v>
      </c>
      <c r="BI25" s="260">
        <v>0</v>
      </c>
      <c r="BJ25" s="261">
        <v>282</v>
      </c>
      <c r="BK25" s="261">
        <v>256</v>
      </c>
      <c r="BL25" s="261">
        <v>125</v>
      </c>
      <c r="BM25" s="261">
        <v>77</v>
      </c>
      <c r="BN25" s="261">
        <v>35</v>
      </c>
      <c r="BO25" s="258">
        <v>775</v>
      </c>
      <c r="BP25" s="263">
        <v>775</v>
      </c>
      <c r="BQ25" s="257">
        <v>2</v>
      </c>
      <c r="BR25" s="261">
        <v>10</v>
      </c>
      <c r="BS25" s="258">
        <v>12</v>
      </c>
      <c r="BT25" s="260">
        <v>0</v>
      </c>
      <c r="BU25" s="261">
        <v>36</v>
      </c>
      <c r="BV25" s="261">
        <v>48</v>
      </c>
      <c r="BW25" s="261">
        <v>33</v>
      </c>
      <c r="BX25" s="261">
        <v>27</v>
      </c>
      <c r="BY25" s="261">
        <v>7</v>
      </c>
      <c r="BZ25" s="258">
        <v>151</v>
      </c>
      <c r="CA25" s="263">
        <v>163</v>
      </c>
      <c r="CB25" s="257">
        <v>2</v>
      </c>
      <c r="CC25" s="261">
        <v>2</v>
      </c>
      <c r="CD25" s="258">
        <v>4</v>
      </c>
      <c r="CE25" s="260">
        <v>0</v>
      </c>
      <c r="CF25" s="261">
        <v>23</v>
      </c>
      <c r="CG25" s="261">
        <v>39</v>
      </c>
      <c r="CH25" s="261">
        <v>50</v>
      </c>
      <c r="CI25" s="261">
        <v>31</v>
      </c>
      <c r="CJ25" s="261">
        <v>20</v>
      </c>
      <c r="CK25" s="258">
        <v>163</v>
      </c>
      <c r="CL25" s="263">
        <v>167</v>
      </c>
      <c r="CM25" s="257">
        <v>1</v>
      </c>
      <c r="CN25" s="261">
        <v>0</v>
      </c>
      <c r="CO25" s="258">
        <v>1</v>
      </c>
      <c r="CP25" s="260">
        <v>0</v>
      </c>
      <c r="CQ25" s="261">
        <v>2</v>
      </c>
      <c r="CR25" s="261">
        <v>1</v>
      </c>
      <c r="CS25" s="261">
        <v>1</v>
      </c>
      <c r="CT25" s="261">
        <v>2</v>
      </c>
      <c r="CU25" s="261">
        <v>3</v>
      </c>
      <c r="CV25" s="258">
        <v>9</v>
      </c>
      <c r="CW25" s="263">
        <v>10</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90</v>
      </c>
      <c r="DU25" s="261">
        <v>237</v>
      </c>
      <c r="DV25" s="258">
        <v>327</v>
      </c>
      <c r="DW25" s="260">
        <v>0</v>
      </c>
      <c r="DX25" s="261">
        <v>259</v>
      </c>
      <c r="DY25" s="261">
        <v>389</v>
      </c>
      <c r="DZ25" s="261">
        <v>212</v>
      </c>
      <c r="EA25" s="261">
        <v>185</v>
      </c>
      <c r="EB25" s="261">
        <v>97</v>
      </c>
      <c r="EC25" s="258">
        <v>1142</v>
      </c>
      <c r="ED25" s="263">
        <v>1469</v>
      </c>
      <c r="EE25" s="257">
        <v>9</v>
      </c>
      <c r="EF25" s="261">
        <v>2</v>
      </c>
      <c r="EG25" s="258">
        <v>11</v>
      </c>
      <c r="EH25" s="260">
        <v>0</v>
      </c>
      <c r="EI25" s="261">
        <v>52</v>
      </c>
      <c r="EJ25" s="261">
        <v>40</v>
      </c>
      <c r="EK25" s="261">
        <v>30</v>
      </c>
      <c r="EL25" s="261">
        <v>59</v>
      </c>
      <c r="EM25" s="261">
        <v>40</v>
      </c>
      <c r="EN25" s="258">
        <v>221</v>
      </c>
      <c r="EO25" s="263">
        <v>232</v>
      </c>
      <c r="EP25" s="257">
        <v>127</v>
      </c>
      <c r="EQ25" s="261">
        <v>269</v>
      </c>
      <c r="ER25" s="258">
        <v>396</v>
      </c>
      <c r="ES25" s="260">
        <v>0</v>
      </c>
      <c r="ET25" s="261">
        <v>528</v>
      </c>
      <c r="EU25" s="261">
        <v>532</v>
      </c>
      <c r="EV25" s="261">
        <v>269</v>
      </c>
      <c r="EW25" s="261">
        <v>208</v>
      </c>
      <c r="EX25" s="261">
        <v>105</v>
      </c>
      <c r="EY25" s="258">
        <v>1642</v>
      </c>
      <c r="EZ25" s="263">
        <v>2038</v>
      </c>
    </row>
    <row r="26" spans="2:156" ht="21" customHeight="1" x14ac:dyDescent="0.2">
      <c r="B26" s="472" t="s">
        <v>24</v>
      </c>
      <c r="C26" s="257">
        <v>0</v>
      </c>
      <c r="D26" s="261">
        <v>0</v>
      </c>
      <c r="E26" s="358">
        <v>0</v>
      </c>
      <c r="F26" s="260">
        <v>0</v>
      </c>
      <c r="G26" s="261">
        <v>70</v>
      </c>
      <c r="H26" s="261">
        <v>59</v>
      </c>
      <c r="I26" s="261">
        <v>41</v>
      </c>
      <c r="J26" s="261">
        <v>32</v>
      </c>
      <c r="K26" s="261">
        <v>34</v>
      </c>
      <c r="L26" s="262">
        <v>236</v>
      </c>
      <c r="M26" s="263">
        <v>236</v>
      </c>
      <c r="N26" s="257">
        <v>0</v>
      </c>
      <c r="O26" s="261">
        <v>0</v>
      </c>
      <c r="P26" s="258">
        <v>0</v>
      </c>
      <c r="Q26" s="260">
        <v>0</v>
      </c>
      <c r="R26" s="261">
        <v>0</v>
      </c>
      <c r="S26" s="261">
        <v>2</v>
      </c>
      <c r="T26" s="261">
        <v>1</v>
      </c>
      <c r="U26" s="261">
        <v>14</v>
      </c>
      <c r="V26" s="261">
        <v>21</v>
      </c>
      <c r="W26" s="258">
        <v>38</v>
      </c>
      <c r="X26" s="263">
        <v>38</v>
      </c>
      <c r="Y26" s="257">
        <v>19</v>
      </c>
      <c r="Z26" s="261">
        <v>23</v>
      </c>
      <c r="AA26" s="258">
        <v>42</v>
      </c>
      <c r="AB26" s="260">
        <v>0</v>
      </c>
      <c r="AC26" s="261">
        <v>64</v>
      </c>
      <c r="AD26" s="261">
        <v>64</v>
      </c>
      <c r="AE26" s="261">
        <v>25</v>
      </c>
      <c r="AF26" s="261">
        <v>42</v>
      </c>
      <c r="AG26" s="261">
        <v>23</v>
      </c>
      <c r="AH26" s="258">
        <v>218</v>
      </c>
      <c r="AI26" s="263">
        <v>260</v>
      </c>
      <c r="AJ26" s="257">
        <v>0</v>
      </c>
      <c r="AK26" s="261">
        <v>1</v>
      </c>
      <c r="AL26" s="258">
        <v>1</v>
      </c>
      <c r="AM26" s="260">
        <v>0</v>
      </c>
      <c r="AN26" s="261">
        <v>3</v>
      </c>
      <c r="AO26" s="261">
        <v>8</v>
      </c>
      <c r="AP26" s="261">
        <v>2</v>
      </c>
      <c r="AQ26" s="261">
        <v>5</v>
      </c>
      <c r="AR26" s="261">
        <v>3</v>
      </c>
      <c r="AS26" s="258">
        <v>21</v>
      </c>
      <c r="AT26" s="263">
        <v>22</v>
      </c>
      <c r="AU26" s="257">
        <v>24</v>
      </c>
      <c r="AV26" s="261">
        <v>17</v>
      </c>
      <c r="AW26" s="258">
        <v>41</v>
      </c>
      <c r="AX26" s="260">
        <v>0</v>
      </c>
      <c r="AY26" s="261">
        <v>81</v>
      </c>
      <c r="AZ26" s="261">
        <v>81</v>
      </c>
      <c r="BA26" s="261">
        <v>72</v>
      </c>
      <c r="BB26" s="261">
        <v>92</v>
      </c>
      <c r="BC26" s="261">
        <v>66</v>
      </c>
      <c r="BD26" s="262">
        <v>392</v>
      </c>
      <c r="BE26" s="263">
        <v>433</v>
      </c>
      <c r="BF26" s="257">
        <v>0</v>
      </c>
      <c r="BG26" s="261">
        <v>0</v>
      </c>
      <c r="BH26" s="258">
        <v>0</v>
      </c>
      <c r="BI26" s="260">
        <v>0</v>
      </c>
      <c r="BJ26" s="261">
        <v>117</v>
      </c>
      <c r="BK26" s="261">
        <v>86</v>
      </c>
      <c r="BL26" s="261">
        <v>38</v>
      </c>
      <c r="BM26" s="261">
        <v>20</v>
      </c>
      <c r="BN26" s="261">
        <v>7</v>
      </c>
      <c r="BO26" s="258">
        <v>268</v>
      </c>
      <c r="BP26" s="263">
        <v>268</v>
      </c>
      <c r="BQ26" s="257">
        <v>12</v>
      </c>
      <c r="BR26" s="261">
        <v>10</v>
      </c>
      <c r="BS26" s="258">
        <v>22</v>
      </c>
      <c r="BT26" s="260">
        <v>0</v>
      </c>
      <c r="BU26" s="261">
        <v>44</v>
      </c>
      <c r="BV26" s="261">
        <v>32</v>
      </c>
      <c r="BW26" s="261">
        <v>22</v>
      </c>
      <c r="BX26" s="261">
        <v>11</v>
      </c>
      <c r="BY26" s="261">
        <v>11</v>
      </c>
      <c r="BZ26" s="258">
        <v>120</v>
      </c>
      <c r="CA26" s="263">
        <v>142</v>
      </c>
      <c r="CB26" s="257">
        <v>1</v>
      </c>
      <c r="CC26" s="261">
        <v>0</v>
      </c>
      <c r="CD26" s="258">
        <v>1</v>
      </c>
      <c r="CE26" s="260">
        <v>0</v>
      </c>
      <c r="CF26" s="261">
        <v>12</v>
      </c>
      <c r="CG26" s="261">
        <v>20</v>
      </c>
      <c r="CH26" s="261">
        <v>21</v>
      </c>
      <c r="CI26" s="261">
        <v>20</v>
      </c>
      <c r="CJ26" s="261">
        <v>8</v>
      </c>
      <c r="CK26" s="258">
        <v>81</v>
      </c>
      <c r="CL26" s="263">
        <v>82</v>
      </c>
      <c r="CM26" s="257">
        <v>0</v>
      </c>
      <c r="CN26" s="261">
        <v>0</v>
      </c>
      <c r="CO26" s="258">
        <v>0</v>
      </c>
      <c r="CP26" s="260">
        <v>0</v>
      </c>
      <c r="CQ26" s="261">
        <v>4</v>
      </c>
      <c r="CR26" s="261">
        <v>0</v>
      </c>
      <c r="CS26" s="261">
        <v>4</v>
      </c>
      <c r="CT26" s="261">
        <v>2</v>
      </c>
      <c r="CU26" s="261">
        <v>3</v>
      </c>
      <c r="CV26" s="258">
        <v>13</v>
      </c>
      <c r="CW26" s="263">
        <v>13</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90</v>
      </c>
      <c r="DU26" s="261">
        <v>86</v>
      </c>
      <c r="DV26" s="258">
        <v>176</v>
      </c>
      <c r="DW26" s="260">
        <v>0</v>
      </c>
      <c r="DX26" s="261">
        <v>138</v>
      </c>
      <c r="DY26" s="261">
        <v>172</v>
      </c>
      <c r="DZ26" s="261">
        <v>91</v>
      </c>
      <c r="EA26" s="261">
        <v>71</v>
      </c>
      <c r="EB26" s="261">
        <v>44</v>
      </c>
      <c r="EC26" s="258">
        <v>516</v>
      </c>
      <c r="ED26" s="263">
        <v>692</v>
      </c>
      <c r="EE26" s="257">
        <v>13</v>
      </c>
      <c r="EF26" s="261">
        <v>10</v>
      </c>
      <c r="EG26" s="258">
        <v>23</v>
      </c>
      <c r="EH26" s="260">
        <v>0</v>
      </c>
      <c r="EI26" s="261">
        <v>35</v>
      </c>
      <c r="EJ26" s="261">
        <v>29</v>
      </c>
      <c r="EK26" s="261">
        <v>25</v>
      </c>
      <c r="EL26" s="261">
        <v>41</v>
      </c>
      <c r="EM26" s="261">
        <v>21</v>
      </c>
      <c r="EN26" s="258">
        <v>151</v>
      </c>
      <c r="EO26" s="263">
        <v>174</v>
      </c>
      <c r="EP26" s="257">
        <v>115</v>
      </c>
      <c r="EQ26" s="261">
        <v>103</v>
      </c>
      <c r="ER26" s="258">
        <v>218</v>
      </c>
      <c r="ES26" s="260">
        <v>0</v>
      </c>
      <c r="ET26" s="261">
        <v>273</v>
      </c>
      <c r="EU26" s="261">
        <v>221</v>
      </c>
      <c r="EV26" s="261">
        <v>119</v>
      </c>
      <c r="EW26" s="261">
        <v>79</v>
      </c>
      <c r="EX26" s="261">
        <v>52</v>
      </c>
      <c r="EY26" s="258">
        <v>744</v>
      </c>
      <c r="EZ26" s="263">
        <v>962</v>
      </c>
    </row>
    <row r="27" spans="2:156" ht="21" customHeight="1" x14ac:dyDescent="0.2">
      <c r="B27" s="472" t="s">
        <v>25</v>
      </c>
      <c r="C27" s="257">
        <v>0</v>
      </c>
      <c r="D27" s="261">
        <v>0</v>
      </c>
      <c r="E27" s="358">
        <v>0</v>
      </c>
      <c r="F27" s="260">
        <v>0</v>
      </c>
      <c r="G27" s="261">
        <v>102</v>
      </c>
      <c r="H27" s="261">
        <v>80</v>
      </c>
      <c r="I27" s="261">
        <v>62</v>
      </c>
      <c r="J27" s="261">
        <v>39</v>
      </c>
      <c r="K27" s="261">
        <v>28</v>
      </c>
      <c r="L27" s="262">
        <v>311</v>
      </c>
      <c r="M27" s="263">
        <v>311</v>
      </c>
      <c r="N27" s="257">
        <v>0</v>
      </c>
      <c r="O27" s="261">
        <v>0</v>
      </c>
      <c r="P27" s="258">
        <v>0</v>
      </c>
      <c r="Q27" s="260">
        <v>0</v>
      </c>
      <c r="R27" s="261">
        <v>2</v>
      </c>
      <c r="S27" s="261">
        <v>7</v>
      </c>
      <c r="T27" s="261">
        <v>14</v>
      </c>
      <c r="U27" s="261">
        <v>14</v>
      </c>
      <c r="V27" s="261">
        <v>15</v>
      </c>
      <c r="W27" s="258">
        <v>52</v>
      </c>
      <c r="X27" s="263">
        <v>52</v>
      </c>
      <c r="Y27" s="257">
        <v>18</v>
      </c>
      <c r="Z27" s="261">
        <v>44</v>
      </c>
      <c r="AA27" s="258">
        <v>62</v>
      </c>
      <c r="AB27" s="260">
        <v>0</v>
      </c>
      <c r="AC27" s="261">
        <v>89</v>
      </c>
      <c r="AD27" s="261">
        <v>87</v>
      </c>
      <c r="AE27" s="261">
        <v>52</v>
      </c>
      <c r="AF27" s="261">
        <v>37</v>
      </c>
      <c r="AG27" s="261">
        <v>24</v>
      </c>
      <c r="AH27" s="258">
        <v>289</v>
      </c>
      <c r="AI27" s="263">
        <v>351</v>
      </c>
      <c r="AJ27" s="257">
        <v>1</v>
      </c>
      <c r="AK27" s="261">
        <v>6</v>
      </c>
      <c r="AL27" s="258">
        <v>7</v>
      </c>
      <c r="AM27" s="260">
        <v>0</v>
      </c>
      <c r="AN27" s="261">
        <v>2</v>
      </c>
      <c r="AO27" s="261">
        <v>10</v>
      </c>
      <c r="AP27" s="261">
        <v>7</v>
      </c>
      <c r="AQ27" s="261">
        <v>5</v>
      </c>
      <c r="AR27" s="261">
        <v>3</v>
      </c>
      <c r="AS27" s="258">
        <v>27</v>
      </c>
      <c r="AT27" s="263">
        <v>34</v>
      </c>
      <c r="AU27" s="257">
        <v>10</v>
      </c>
      <c r="AV27" s="261">
        <v>12</v>
      </c>
      <c r="AW27" s="258">
        <v>22</v>
      </c>
      <c r="AX27" s="260">
        <v>0</v>
      </c>
      <c r="AY27" s="261">
        <v>70</v>
      </c>
      <c r="AZ27" s="261">
        <v>69</v>
      </c>
      <c r="BA27" s="261">
        <v>61</v>
      </c>
      <c r="BB27" s="261">
        <v>81</v>
      </c>
      <c r="BC27" s="261">
        <v>46</v>
      </c>
      <c r="BD27" s="262">
        <v>327</v>
      </c>
      <c r="BE27" s="263">
        <v>349</v>
      </c>
      <c r="BF27" s="257">
        <v>0</v>
      </c>
      <c r="BG27" s="261">
        <v>0</v>
      </c>
      <c r="BH27" s="258">
        <v>0</v>
      </c>
      <c r="BI27" s="260">
        <v>0</v>
      </c>
      <c r="BJ27" s="261">
        <v>153</v>
      </c>
      <c r="BK27" s="261">
        <v>82</v>
      </c>
      <c r="BL27" s="261">
        <v>63</v>
      </c>
      <c r="BM27" s="261">
        <v>37</v>
      </c>
      <c r="BN27" s="261">
        <v>8</v>
      </c>
      <c r="BO27" s="258">
        <v>343</v>
      </c>
      <c r="BP27" s="263">
        <v>343</v>
      </c>
      <c r="BQ27" s="257">
        <v>16</v>
      </c>
      <c r="BR27" s="261">
        <v>16</v>
      </c>
      <c r="BS27" s="258">
        <v>32</v>
      </c>
      <c r="BT27" s="260">
        <v>0</v>
      </c>
      <c r="BU27" s="261">
        <v>35</v>
      </c>
      <c r="BV27" s="261">
        <v>57</v>
      </c>
      <c r="BW27" s="261">
        <v>25</v>
      </c>
      <c r="BX27" s="261">
        <v>18</v>
      </c>
      <c r="BY27" s="261">
        <v>4</v>
      </c>
      <c r="BZ27" s="258">
        <v>139</v>
      </c>
      <c r="CA27" s="263">
        <v>171</v>
      </c>
      <c r="CB27" s="257">
        <v>0</v>
      </c>
      <c r="CC27" s="261">
        <v>0</v>
      </c>
      <c r="CD27" s="258">
        <v>0</v>
      </c>
      <c r="CE27" s="260">
        <v>0</v>
      </c>
      <c r="CF27" s="261">
        <v>21</v>
      </c>
      <c r="CG27" s="261">
        <v>27</v>
      </c>
      <c r="CH27" s="261">
        <v>22</v>
      </c>
      <c r="CI27" s="261">
        <v>16</v>
      </c>
      <c r="CJ27" s="261">
        <v>3</v>
      </c>
      <c r="CK27" s="258">
        <v>89</v>
      </c>
      <c r="CL27" s="263">
        <v>89</v>
      </c>
      <c r="CM27" s="257">
        <v>0</v>
      </c>
      <c r="CN27" s="261">
        <v>0</v>
      </c>
      <c r="CO27" s="258">
        <v>0</v>
      </c>
      <c r="CP27" s="260">
        <v>0</v>
      </c>
      <c r="CQ27" s="261">
        <v>2</v>
      </c>
      <c r="CR27" s="261">
        <v>7</v>
      </c>
      <c r="CS27" s="261">
        <v>2</v>
      </c>
      <c r="CT27" s="261">
        <v>6</v>
      </c>
      <c r="CU27" s="261">
        <v>3</v>
      </c>
      <c r="CV27" s="258">
        <v>20</v>
      </c>
      <c r="CW27" s="263">
        <v>20</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77</v>
      </c>
      <c r="DU27" s="261">
        <v>136</v>
      </c>
      <c r="DV27" s="258">
        <v>213</v>
      </c>
      <c r="DW27" s="260">
        <v>0</v>
      </c>
      <c r="DX27" s="261">
        <v>131</v>
      </c>
      <c r="DY27" s="261">
        <v>224</v>
      </c>
      <c r="DZ27" s="261">
        <v>129</v>
      </c>
      <c r="EA27" s="261">
        <v>107</v>
      </c>
      <c r="EB27" s="261">
        <v>43</v>
      </c>
      <c r="EC27" s="258">
        <v>634</v>
      </c>
      <c r="ED27" s="263">
        <v>847</v>
      </c>
      <c r="EE27" s="257">
        <v>6</v>
      </c>
      <c r="EF27" s="261">
        <v>3</v>
      </c>
      <c r="EG27" s="258">
        <v>9</v>
      </c>
      <c r="EH27" s="260">
        <v>0</v>
      </c>
      <c r="EI27" s="261">
        <v>21</v>
      </c>
      <c r="EJ27" s="261">
        <v>10</v>
      </c>
      <c r="EK27" s="261">
        <v>14</v>
      </c>
      <c r="EL27" s="261">
        <v>23</v>
      </c>
      <c r="EM27" s="261">
        <v>14</v>
      </c>
      <c r="EN27" s="258">
        <v>82</v>
      </c>
      <c r="EO27" s="263">
        <v>91</v>
      </c>
      <c r="EP27" s="257">
        <v>95</v>
      </c>
      <c r="EQ27" s="261">
        <v>165</v>
      </c>
      <c r="ER27" s="258">
        <v>260</v>
      </c>
      <c r="ES27" s="260">
        <v>0</v>
      </c>
      <c r="ET27" s="261">
        <v>355</v>
      </c>
      <c r="EU27" s="261">
        <v>278</v>
      </c>
      <c r="EV27" s="261">
        <v>155</v>
      </c>
      <c r="EW27" s="261">
        <v>117</v>
      </c>
      <c r="EX27" s="261">
        <v>50</v>
      </c>
      <c r="EY27" s="258">
        <v>955</v>
      </c>
      <c r="EZ27" s="263">
        <v>1215</v>
      </c>
    </row>
    <row r="28" spans="2:156" ht="21" customHeight="1" x14ac:dyDescent="0.2">
      <c r="B28" s="472" t="s">
        <v>26</v>
      </c>
      <c r="C28" s="257">
        <v>0</v>
      </c>
      <c r="D28" s="261">
        <v>0</v>
      </c>
      <c r="E28" s="358">
        <v>0</v>
      </c>
      <c r="F28" s="260">
        <v>0</v>
      </c>
      <c r="G28" s="261">
        <v>85</v>
      </c>
      <c r="H28" s="261">
        <v>64</v>
      </c>
      <c r="I28" s="261">
        <v>65</v>
      </c>
      <c r="J28" s="261">
        <v>39</v>
      </c>
      <c r="K28" s="261">
        <v>41</v>
      </c>
      <c r="L28" s="262">
        <v>294</v>
      </c>
      <c r="M28" s="263">
        <v>294</v>
      </c>
      <c r="N28" s="257">
        <v>0</v>
      </c>
      <c r="O28" s="261">
        <v>0</v>
      </c>
      <c r="P28" s="258">
        <v>0</v>
      </c>
      <c r="Q28" s="260">
        <v>0</v>
      </c>
      <c r="R28" s="261">
        <v>0</v>
      </c>
      <c r="S28" s="261">
        <v>0</v>
      </c>
      <c r="T28" s="261">
        <v>2</v>
      </c>
      <c r="U28" s="261">
        <v>8</v>
      </c>
      <c r="V28" s="261">
        <v>17</v>
      </c>
      <c r="W28" s="258">
        <v>27</v>
      </c>
      <c r="X28" s="263">
        <v>27</v>
      </c>
      <c r="Y28" s="257">
        <v>7</v>
      </c>
      <c r="Z28" s="261">
        <v>15</v>
      </c>
      <c r="AA28" s="258">
        <v>22</v>
      </c>
      <c r="AB28" s="260">
        <v>0</v>
      </c>
      <c r="AC28" s="261">
        <v>62</v>
      </c>
      <c r="AD28" s="261">
        <v>67</v>
      </c>
      <c r="AE28" s="261">
        <v>46</v>
      </c>
      <c r="AF28" s="261">
        <v>34</v>
      </c>
      <c r="AG28" s="261">
        <v>38</v>
      </c>
      <c r="AH28" s="258">
        <v>247</v>
      </c>
      <c r="AI28" s="263">
        <v>269</v>
      </c>
      <c r="AJ28" s="257">
        <v>1</v>
      </c>
      <c r="AK28" s="261">
        <v>1</v>
      </c>
      <c r="AL28" s="258">
        <v>2</v>
      </c>
      <c r="AM28" s="260">
        <v>0</v>
      </c>
      <c r="AN28" s="261">
        <v>0</v>
      </c>
      <c r="AO28" s="261">
        <v>3</v>
      </c>
      <c r="AP28" s="261">
        <v>6</v>
      </c>
      <c r="AQ28" s="261">
        <v>2</v>
      </c>
      <c r="AR28" s="261">
        <v>3</v>
      </c>
      <c r="AS28" s="258">
        <v>14</v>
      </c>
      <c r="AT28" s="263">
        <v>16</v>
      </c>
      <c r="AU28" s="257">
        <v>10</v>
      </c>
      <c r="AV28" s="261">
        <v>10</v>
      </c>
      <c r="AW28" s="258">
        <v>20</v>
      </c>
      <c r="AX28" s="260">
        <v>0</v>
      </c>
      <c r="AY28" s="261">
        <v>66</v>
      </c>
      <c r="AZ28" s="261">
        <v>74</v>
      </c>
      <c r="BA28" s="261">
        <v>84</v>
      </c>
      <c r="BB28" s="261">
        <v>52</v>
      </c>
      <c r="BC28" s="261">
        <v>48</v>
      </c>
      <c r="BD28" s="262">
        <v>324</v>
      </c>
      <c r="BE28" s="263">
        <v>344</v>
      </c>
      <c r="BF28" s="257">
        <v>0</v>
      </c>
      <c r="BG28" s="261">
        <v>0</v>
      </c>
      <c r="BH28" s="258">
        <v>0</v>
      </c>
      <c r="BI28" s="260">
        <v>0</v>
      </c>
      <c r="BJ28" s="261">
        <v>129</v>
      </c>
      <c r="BK28" s="261">
        <v>81</v>
      </c>
      <c r="BL28" s="261">
        <v>53</v>
      </c>
      <c r="BM28" s="261">
        <v>22</v>
      </c>
      <c r="BN28" s="261">
        <v>11</v>
      </c>
      <c r="BO28" s="258">
        <v>296</v>
      </c>
      <c r="BP28" s="263">
        <v>296</v>
      </c>
      <c r="BQ28" s="257">
        <v>5</v>
      </c>
      <c r="BR28" s="261">
        <v>5</v>
      </c>
      <c r="BS28" s="258">
        <v>10</v>
      </c>
      <c r="BT28" s="260">
        <v>0</v>
      </c>
      <c r="BU28" s="261">
        <v>19</v>
      </c>
      <c r="BV28" s="261">
        <v>29</v>
      </c>
      <c r="BW28" s="261">
        <v>14</v>
      </c>
      <c r="BX28" s="261">
        <v>11</v>
      </c>
      <c r="BY28" s="261">
        <v>6</v>
      </c>
      <c r="BZ28" s="258">
        <v>79</v>
      </c>
      <c r="CA28" s="263">
        <v>89</v>
      </c>
      <c r="CB28" s="257">
        <v>0</v>
      </c>
      <c r="CC28" s="261">
        <v>0</v>
      </c>
      <c r="CD28" s="258">
        <v>0</v>
      </c>
      <c r="CE28" s="260">
        <v>0</v>
      </c>
      <c r="CF28" s="261">
        <v>18</v>
      </c>
      <c r="CG28" s="261">
        <v>23</v>
      </c>
      <c r="CH28" s="261">
        <v>26</v>
      </c>
      <c r="CI28" s="261">
        <v>10</v>
      </c>
      <c r="CJ28" s="261">
        <v>10</v>
      </c>
      <c r="CK28" s="258">
        <v>87</v>
      </c>
      <c r="CL28" s="263">
        <v>87</v>
      </c>
      <c r="CM28" s="257">
        <v>0</v>
      </c>
      <c r="CN28" s="261">
        <v>0</v>
      </c>
      <c r="CO28" s="258">
        <v>0</v>
      </c>
      <c r="CP28" s="260">
        <v>0</v>
      </c>
      <c r="CQ28" s="261">
        <v>2</v>
      </c>
      <c r="CR28" s="261">
        <v>4</v>
      </c>
      <c r="CS28" s="261">
        <v>3</v>
      </c>
      <c r="CT28" s="261">
        <v>3</v>
      </c>
      <c r="CU28" s="261">
        <v>0</v>
      </c>
      <c r="CV28" s="258">
        <v>12</v>
      </c>
      <c r="CW28" s="263">
        <v>12</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58</v>
      </c>
      <c r="DU28" s="261">
        <v>94</v>
      </c>
      <c r="DV28" s="258">
        <v>152</v>
      </c>
      <c r="DW28" s="260">
        <v>0</v>
      </c>
      <c r="DX28" s="261">
        <v>157</v>
      </c>
      <c r="DY28" s="261">
        <v>171</v>
      </c>
      <c r="DZ28" s="261">
        <v>112</v>
      </c>
      <c r="EA28" s="261">
        <v>80</v>
      </c>
      <c r="EB28" s="261">
        <v>62</v>
      </c>
      <c r="EC28" s="258">
        <v>582</v>
      </c>
      <c r="ED28" s="263">
        <v>734</v>
      </c>
      <c r="EE28" s="257">
        <v>8</v>
      </c>
      <c r="EF28" s="261">
        <v>5</v>
      </c>
      <c r="EG28" s="258">
        <v>13</v>
      </c>
      <c r="EH28" s="260">
        <v>0</v>
      </c>
      <c r="EI28" s="261">
        <v>24</v>
      </c>
      <c r="EJ28" s="261">
        <v>23</v>
      </c>
      <c r="EK28" s="261">
        <v>26</v>
      </c>
      <c r="EL28" s="261">
        <v>12</v>
      </c>
      <c r="EM28" s="261">
        <v>9</v>
      </c>
      <c r="EN28" s="258">
        <v>94</v>
      </c>
      <c r="EO28" s="263">
        <v>107</v>
      </c>
      <c r="EP28" s="257">
        <v>67</v>
      </c>
      <c r="EQ28" s="261">
        <v>105</v>
      </c>
      <c r="ER28" s="258">
        <v>172</v>
      </c>
      <c r="ES28" s="260">
        <v>0</v>
      </c>
      <c r="ET28" s="261">
        <v>287</v>
      </c>
      <c r="EU28" s="261">
        <v>231</v>
      </c>
      <c r="EV28" s="261">
        <v>148</v>
      </c>
      <c r="EW28" s="261">
        <v>84</v>
      </c>
      <c r="EX28" s="261">
        <v>63</v>
      </c>
      <c r="EY28" s="258">
        <v>813</v>
      </c>
      <c r="EZ28" s="263">
        <v>985</v>
      </c>
    </row>
    <row r="29" spans="2:156" ht="21" customHeight="1" x14ac:dyDescent="0.2">
      <c r="B29" s="472" t="s">
        <v>27</v>
      </c>
      <c r="C29" s="257">
        <v>0</v>
      </c>
      <c r="D29" s="261">
        <v>0</v>
      </c>
      <c r="E29" s="358">
        <v>0</v>
      </c>
      <c r="F29" s="260">
        <v>0</v>
      </c>
      <c r="G29" s="261">
        <v>62</v>
      </c>
      <c r="H29" s="261">
        <v>46</v>
      </c>
      <c r="I29" s="261">
        <v>39</v>
      </c>
      <c r="J29" s="261">
        <v>26</v>
      </c>
      <c r="K29" s="261">
        <v>33</v>
      </c>
      <c r="L29" s="262">
        <v>206</v>
      </c>
      <c r="M29" s="263">
        <v>206</v>
      </c>
      <c r="N29" s="257">
        <v>0</v>
      </c>
      <c r="O29" s="261">
        <v>0</v>
      </c>
      <c r="P29" s="258">
        <v>0</v>
      </c>
      <c r="Q29" s="260">
        <v>0</v>
      </c>
      <c r="R29" s="261">
        <v>1</v>
      </c>
      <c r="S29" s="261">
        <v>6</v>
      </c>
      <c r="T29" s="261">
        <v>4</v>
      </c>
      <c r="U29" s="261">
        <v>13</v>
      </c>
      <c r="V29" s="261">
        <v>18</v>
      </c>
      <c r="W29" s="258">
        <v>42</v>
      </c>
      <c r="X29" s="263">
        <v>42</v>
      </c>
      <c r="Y29" s="257">
        <v>22</v>
      </c>
      <c r="Z29" s="261">
        <v>44</v>
      </c>
      <c r="AA29" s="258">
        <v>66</v>
      </c>
      <c r="AB29" s="260">
        <v>0</v>
      </c>
      <c r="AC29" s="261">
        <v>40</v>
      </c>
      <c r="AD29" s="261">
        <v>44</v>
      </c>
      <c r="AE29" s="261">
        <v>37</v>
      </c>
      <c r="AF29" s="261">
        <v>24</v>
      </c>
      <c r="AG29" s="261">
        <v>31</v>
      </c>
      <c r="AH29" s="258">
        <v>176</v>
      </c>
      <c r="AI29" s="263">
        <v>242</v>
      </c>
      <c r="AJ29" s="257">
        <v>1</v>
      </c>
      <c r="AK29" s="261">
        <v>2</v>
      </c>
      <c r="AL29" s="258">
        <v>3</v>
      </c>
      <c r="AM29" s="260">
        <v>0</v>
      </c>
      <c r="AN29" s="261">
        <v>1</v>
      </c>
      <c r="AO29" s="261">
        <v>2</v>
      </c>
      <c r="AP29" s="261">
        <v>1</v>
      </c>
      <c r="AQ29" s="261">
        <v>0</v>
      </c>
      <c r="AR29" s="261">
        <v>2</v>
      </c>
      <c r="AS29" s="258">
        <v>6</v>
      </c>
      <c r="AT29" s="263">
        <v>9</v>
      </c>
      <c r="AU29" s="257">
        <v>12</v>
      </c>
      <c r="AV29" s="261">
        <v>16</v>
      </c>
      <c r="AW29" s="258">
        <v>28</v>
      </c>
      <c r="AX29" s="260">
        <v>0</v>
      </c>
      <c r="AY29" s="261">
        <v>66</v>
      </c>
      <c r="AZ29" s="261">
        <v>64</v>
      </c>
      <c r="BA29" s="261">
        <v>70</v>
      </c>
      <c r="BB29" s="261">
        <v>69</v>
      </c>
      <c r="BC29" s="261">
        <v>48</v>
      </c>
      <c r="BD29" s="262">
        <v>317</v>
      </c>
      <c r="BE29" s="263">
        <v>345</v>
      </c>
      <c r="BF29" s="257">
        <v>0</v>
      </c>
      <c r="BG29" s="261">
        <v>0</v>
      </c>
      <c r="BH29" s="258">
        <v>0</v>
      </c>
      <c r="BI29" s="260">
        <v>0</v>
      </c>
      <c r="BJ29" s="261">
        <v>113</v>
      </c>
      <c r="BK29" s="261">
        <v>68</v>
      </c>
      <c r="BL29" s="261">
        <v>32</v>
      </c>
      <c r="BM29" s="261">
        <v>26</v>
      </c>
      <c r="BN29" s="261">
        <v>10</v>
      </c>
      <c r="BO29" s="258">
        <v>249</v>
      </c>
      <c r="BP29" s="263">
        <v>249</v>
      </c>
      <c r="BQ29" s="257">
        <v>8</v>
      </c>
      <c r="BR29" s="261">
        <v>25</v>
      </c>
      <c r="BS29" s="258">
        <v>33</v>
      </c>
      <c r="BT29" s="260">
        <v>0</v>
      </c>
      <c r="BU29" s="261">
        <v>19</v>
      </c>
      <c r="BV29" s="261">
        <v>29</v>
      </c>
      <c r="BW29" s="261">
        <v>14</v>
      </c>
      <c r="BX29" s="261">
        <v>4</v>
      </c>
      <c r="BY29" s="261">
        <v>7</v>
      </c>
      <c r="BZ29" s="258">
        <v>73</v>
      </c>
      <c r="CA29" s="263">
        <v>106</v>
      </c>
      <c r="CB29" s="257">
        <v>0</v>
      </c>
      <c r="CC29" s="261">
        <v>3</v>
      </c>
      <c r="CD29" s="258">
        <v>3</v>
      </c>
      <c r="CE29" s="260">
        <v>0</v>
      </c>
      <c r="CF29" s="261">
        <v>11</v>
      </c>
      <c r="CG29" s="261">
        <v>14</v>
      </c>
      <c r="CH29" s="261">
        <v>15</v>
      </c>
      <c r="CI29" s="261">
        <v>8</v>
      </c>
      <c r="CJ29" s="261">
        <v>6</v>
      </c>
      <c r="CK29" s="258">
        <v>54</v>
      </c>
      <c r="CL29" s="263">
        <v>57</v>
      </c>
      <c r="CM29" s="257">
        <v>0</v>
      </c>
      <c r="CN29" s="261">
        <v>0</v>
      </c>
      <c r="CO29" s="258">
        <v>0</v>
      </c>
      <c r="CP29" s="260">
        <v>0</v>
      </c>
      <c r="CQ29" s="261">
        <v>2</v>
      </c>
      <c r="CR29" s="261">
        <v>2</v>
      </c>
      <c r="CS29" s="261">
        <v>1</v>
      </c>
      <c r="CT29" s="261">
        <v>1</v>
      </c>
      <c r="CU29" s="261">
        <v>0</v>
      </c>
      <c r="CV29" s="258">
        <v>6</v>
      </c>
      <c r="CW29" s="263">
        <v>6</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88</v>
      </c>
      <c r="DU29" s="261">
        <v>140</v>
      </c>
      <c r="DV29" s="258">
        <v>228</v>
      </c>
      <c r="DW29" s="260">
        <v>0</v>
      </c>
      <c r="DX29" s="261">
        <v>84</v>
      </c>
      <c r="DY29" s="261">
        <v>118</v>
      </c>
      <c r="DZ29" s="261">
        <v>82</v>
      </c>
      <c r="EA29" s="261">
        <v>52</v>
      </c>
      <c r="EB29" s="261">
        <v>45</v>
      </c>
      <c r="EC29" s="258">
        <v>381</v>
      </c>
      <c r="ED29" s="263">
        <v>609</v>
      </c>
      <c r="EE29" s="257">
        <v>10</v>
      </c>
      <c r="EF29" s="261">
        <v>13</v>
      </c>
      <c r="EG29" s="258">
        <v>23</v>
      </c>
      <c r="EH29" s="260">
        <v>0</v>
      </c>
      <c r="EI29" s="261">
        <v>40</v>
      </c>
      <c r="EJ29" s="261">
        <v>33</v>
      </c>
      <c r="EK29" s="261">
        <v>32</v>
      </c>
      <c r="EL29" s="261">
        <v>39</v>
      </c>
      <c r="EM29" s="261">
        <v>15</v>
      </c>
      <c r="EN29" s="258">
        <v>159</v>
      </c>
      <c r="EO29" s="263">
        <v>182</v>
      </c>
      <c r="EP29" s="257">
        <v>116</v>
      </c>
      <c r="EQ29" s="261">
        <v>171</v>
      </c>
      <c r="ER29" s="258">
        <v>287</v>
      </c>
      <c r="ES29" s="260">
        <v>0</v>
      </c>
      <c r="ET29" s="261">
        <v>217</v>
      </c>
      <c r="EU29" s="261">
        <v>151</v>
      </c>
      <c r="EV29" s="261">
        <v>91</v>
      </c>
      <c r="EW29" s="261">
        <v>56</v>
      </c>
      <c r="EX29" s="261">
        <v>48</v>
      </c>
      <c r="EY29" s="258">
        <v>563</v>
      </c>
      <c r="EZ29" s="263">
        <v>850</v>
      </c>
    </row>
    <row r="30" spans="2:156" ht="21" customHeight="1" x14ac:dyDescent="0.2">
      <c r="B30" s="472" t="s">
        <v>28</v>
      </c>
      <c r="C30" s="257">
        <v>0</v>
      </c>
      <c r="D30" s="261">
        <v>0</v>
      </c>
      <c r="E30" s="358">
        <v>0</v>
      </c>
      <c r="F30" s="260">
        <v>0</v>
      </c>
      <c r="G30" s="261">
        <v>10</v>
      </c>
      <c r="H30" s="261">
        <v>19</v>
      </c>
      <c r="I30" s="261">
        <v>8</v>
      </c>
      <c r="J30" s="261">
        <v>8</v>
      </c>
      <c r="K30" s="261">
        <v>8</v>
      </c>
      <c r="L30" s="262">
        <v>53</v>
      </c>
      <c r="M30" s="263">
        <v>53</v>
      </c>
      <c r="N30" s="257">
        <v>0</v>
      </c>
      <c r="O30" s="261">
        <v>0</v>
      </c>
      <c r="P30" s="258">
        <v>0</v>
      </c>
      <c r="Q30" s="260">
        <v>0</v>
      </c>
      <c r="R30" s="261">
        <v>0</v>
      </c>
      <c r="S30" s="261">
        <v>2</v>
      </c>
      <c r="T30" s="261">
        <v>1</v>
      </c>
      <c r="U30" s="261">
        <v>4</v>
      </c>
      <c r="V30" s="261">
        <v>3</v>
      </c>
      <c r="W30" s="258">
        <v>10</v>
      </c>
      <c r="X30" s="263">
        <v>10</v>
      </c>
      <c r="Y30" s="257">
        <v>1</v>
      </c>
      <c r="Z30" s="261">
        <v>6</v>
      </c>
      <c r="AA30" s="258">
        <v>7</v>
      </c>
      <c r="AB30" s="260">
        <v>0</v>
      </c>
      <c r="AC30" s="261">
        <v>9</v>
      </c>
      <c r="AD30" s="261">
        <v>14</v>
      </c>
      <c r="AE30" s="261">
        <v>12</v>
      </c>
      <c r="AF30" s="261">
        <v>11</v>
      </c>
      <c r="AG30" s="261">
        <v>8</v>
      </c>
      <c r="AH30" s="258">
        <v>54</v>
      </c>
      <c r="AI30" s="263">
        <v>61</v>
      </c>
      <c r="AJ30" s="257">
        <v>0</v>
      </c>
      <c r="AK30" s="261">
        <v>0</v>
      </c>
      <c r="AL30" s="258">
        <v>0</v>
      </c>
      <c r="AM30" s="260">
        <v>0</v>
      </c>
      <c r="AN30" s="261">
        <v>2</v>
      </c>
      <c r="AO30" s="261">
        <v>1</v>
      </c>
      <c r="AP30" s="261">
        <v>0</v>
      </c>
      <c r="AQ30" s="261">
        <v>1</v>
      </c>
      <c r="AR30" s="261">
        <v>2</v>
      </c>
      <c r="AS30" s="258">
        <v>6</v>
      </c>
      <c r="AT30" s="263">
        <v>6</v>
      </c>
      <c r="AU30" s="257">
        <v>2</v>
      </c>
      <c r="AV30" s="261">
        <v>1</v>
      </c>
      <c r="AW30" s="258">
        <v>3</v>
      </c>
      <c r="AX30" s="260">
        <v>0</v>
      </c>
      <c r="AY30" s="261">
        <v>14</v>
      </c>
      <c r="AZ30" s="261">
        <v>22</v>
      </c>
      <c r="BA30" s="261">
        <v>20</v>
      </c>
      <c r="BB30" s="261">
        <v>21</v>
      </c>
      <c r="BC30" s="261">
        <v>11</v>
      </c>
      <c r="BD30" s="262">
        <v>88</v>
      </c>
      <c r="BE30" s="263">
        <v>91</v>
      </c>
      <c r="BF30" s="257">
        <v>0</v>
      </c>
      <c r="BG30" s="261">
        <v>0</v>
      </c>
      <c r="BH30" s="258">
        <v>0</v>
      </c>
      <c r="BI30" s="260">
        <v>0</v>
      </c>
      <c r="BJ30" s="261">
        <v>34</v>
      </c>
      <c r="BK30" s="261">
        <v>31</v>
      </c>
      <c r="BL30" s="261">
        <v>18</v>
      </c>
      <c r="BM30" s="261">
        <v>12</v>
      </c>
      <c r="BN30" s="261">
        <v>6</v>
      </c>
      <c r="BO30" s="258">
        <v>101</v>
      </c>
      <c r="BP30" s="263">
        <v>101</v>
      </c>
      <c r="BQ30" s="257">
        <v>1</v>
      </c>
      <c r="BR30" s="261">
        <v>3</v>
      </c>
      <c r="BS30" s="258">
        <v>4</v>
      </c>
      <c r="BT30" s="260">
        <v>0</v>
      </c>
      <c r="BU30" s="261">
        <v>7</v>
      </c>
      <c r="BV30" s="261">
        <v>16</v>
      </c>
      <c r="BW30" s="261">
        <v>8</v>
      </c>
      <c r="BX30" s="261">
        <v>5</v>
      </c>
      <c r="BY30" s="261">
        <v>4</v>
      </c>
      <c r="BZ30" s="258">
        <v>40</v>
      </c>
      <c r="CA30" s="263">
        <v>44</v>
      </c>
      <c r="CB30" s="257">
        <v>0</v>
      </c>
      <c r="CC30" s="261">
        <v>1</v>
      </c>
      <c r="CD30" s="258">
        <v>1</v>
      </c>
      <c r="CE30" s="260">
        <v>0</v>
      </c>
      <c r="CF30" s="261">
        <v>0</v>
      </c>
      <c r="CG30" s="261">
        <v>7</v>
      </c>
      <c r="CH30" s="261">
        <v>9</v>
      </c>
      <c r="CI30" s="261">
        <v>5</v>
      </c>
      <c r="CJ30" s="261">
        <v>2</v>
      </c>
      <c r="CK30" s="258">
        <v>23</v>
      </c>
      <c r="CL30" s="263">
        <v>24</v>
      </c>
      <c r="CM30" s="257">
        <v>0</v>
      </c>
      <c r="CN30" s="261">
        <v>0</v>
      </c>
      <c r="CO30" s="258">
        <v>0</v>
      </c>
      <c r="CP30" s="260">
        <v>0</v>
      </c>
      <c r="CQ30" s="261">
        <v>1</v>
      </c>
      <c r="CR30" s="261">
        <v>2</v>
      </c>
      <c r="CS30" s="261">
        <v>3</v>
      </c>
      <c r="CT30" s="261">
        <v>1</v>
      </c>
      <c r="CU30" s="261">
        <v>0</v>
      </c>
      <c r="CV30" s="258">
        <v>7</v>
      </c>
      <c r="CW30" s="263">
        <v>7</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8</v>
      </c>
      <c r="DU30" s="261">
        <v>18</v>
      </c>
      <c r="DV30" s="258">
        <v>26</v>
      </c>
      <c r="DW30" s="260">
        <v>0</v>
      </c>
      <c r="DX30" s="261">
        <v>46</v>
      </c>
      <c r="DY30" s="261">
        <v>58</v>
      </c>
      <c r="DZ30" s="261">
        <v>34</v>
      </c>
      <c r="EA30" s="261">
        <v>24</v>
      </c>
      <c r="EB30" s="261">
        <v>12</v>
      </c>
      <c r="EC30" s="258">
        <v>174</v>
      </c>
      <c r="ED30" s="263">
        <v>200</v>
      </c>
      <c r="EE30" s="257">
        <v>0</v>
      </c>
      <c r="EF30" s="261">
        <v>0</v>
      </c>
      <c r="EG30" s="258">
        <v>0</v>
      </c>
      <c r="EH30" s="260">
        <v>0</v>
      </c>
      <c r="EI30" s="261">
        <v>5</v>
      </c>
      <c r="EJ30" s="261">
        <v>7</v>
      </c>
      <c r="EK30" s="261">
        <v>5</v>
      </c>
      <c r="EL30" s="261">
        <v>5</v>
      </c>
      <c r="EM30" s="261">
        <v>1</v>
      </c>
      <c r="EN30" s="258">
        <v>23</v>
      </c>
      <c r="EO30" s="263">
        <v>23</v>
      </c>
      <c r="EP30" s="257">
        <v>9</v>
      </c>
      <c r="EQ30" s="261">
        <v>20</v>
      </c>
      <c r="ER30" s="258">
        <v>29</v>
      </c>
      <c r="ES30" s="260">
        <v>0</v>
      </c>
      <c r="ET30" s="261">
        <v>78</v>
      </c>
      <c r="EU30" s="261">
        <v>81</v>
      </c>
      <c r="EV30" s="261">
        <v>43</v>
      </c>
      <c r="EW30" s="261">
        <v>28</v>
      </c>
      <c r="EX30" s="261">
        <v>14</v>
      </c>
      <c r="EY30" s="258">
        <v>244</v>
      </c>
      <c r="EZ30" s="263">
        <v>273</v>
      </c>
    </row>
    <row r="31" spans="2:156" ht="21" customHeight="1" x14ac:dyDescent="0.2">
      <c r="B31" s="472" t="s">
        <v>29</v>
      </c>
      <c r="C31" s="257">
        <v>0</v>
      </c>
      <c r="D31" s="261">
        <v>0</v>
      </c>
      <c r="E31" s="358">
        <v>0</v>
      </c>
      <c r="F31" s="260">
        <v>0</v>
      </c>
      <c r="G31" s="261">
        <v>26</v>
      </c>
      <c r="H31" s="261">
        <v>25</v>
      </c>
      <c r="I31" s="261">
        <v>17</v>
      </c>
      <c r="J31" s="261">
        <v>11</v>
      </c>
      <c r="K31" s="261">
        <v>9</v>
      </c>
      <c r="L31" s="262">
        <v>88</v>
      </c>
      <c r="M31" s="263">
        <v>88</v>
      </c>
      <c r="N31" s="257">
        <v>0</v>
      </c>
      <c r="O31" s="261">
        <v>0</v>
      </c>
      <c r="P31" s="258">
        <v>0</v>
      </c>
      <c r="Q31" s="260">
        <v>0</v>
      </c>
      <c r="R31" s="261">
        <v>0</v>
      </c>
      <c r="S31" s="261">
        <v>1</v>
      </c>
      <c r="T31" s="261">
        <v>1</v>
      </c>
      <c r="U31" s="261">
        <v>3</v>
      </c>
      <c r="V31" s="261">
        <v>8</v>
      </c>
      <c r="W31" s="258">
        <v>13</v>
      </c>
      <c r="X31" s="263">
        <v>13</v>
      </c>
      <c r="Y31" s="257">
        <v>2</v>
      </c>
      <c r="Z31" s="261">
        <v>6</v>
      </c>
      <c r="AA31" s="258">
        <v>8</v>
      </c>
      <c r="AB31" s="260">
        <v>0</v>
      </c>
      <c r="AC31" s="261">
        <v>26</v>
      </c>
      <c r="AD31" s="261">
        <v>16</v>
      </c>
      <c r="AE31" s="261">
        <v>18</v>
      </c>
      <c r="AF31" s="261">
        <v>9</v>
      </c>
      <c r="AG31" s="261">
        <v>10</v>
      </c>
      <c r="AH31" s="258">
        <v>79</v>
      </c>
      <c r="AI31" s="263">
        <v>87</v>
      </c>
      <c r="AJ31" s="257">
        <v>0</v>
      </c>
      <c r="AK31" s="261">
        <v>1</v>
      </c>
      <c r="AL31" s="258">
        <v>1</v>
      </c>
      <c r="AM31" s="260">
        <v>0</v>
      </c>
      <c r="AN31" s="261">
        <v>2</v>
      </c>
      <c r="AO31" s="261">
        <v>1</v>
      </c>
      <c r="AP31" s="261">
        <v>3</v>
      </c>
      <c r="AQ31" s="261">
        <v>2</v>
      </c>
      <c r="AR31" s="261">
        <v>0</v>
      </c>
      <c r="AS31" s="258">
        <v>8</v>
      </c>
      <c r="AT31" s="263">
        <v>9</v>
      </c>
      <c r="AU31" s="257">
        <v>1</v>
      </c>
      <c r="AV31" s="261">
        <v>2</v>
      </c>
      <c r="AW31" s="258">
        <v>3</v>
      </c>
      <c r="AX31" s="260">
        <v>0</v>
      </c>
      <c r="AY31" s="261">
        <v>21</v>
      </c>
      <c r="AZ31" s="261">
        <v>26</v>
      </c>
      <c r="BA31" s="261">
        <v>22</v>
      </c>
      <c r="BB31" s="261">
        <v>19</v>
      </c>
      <c r="BC31" s="261">
        <v>11</v>
      </c>
      <c r="BD31" s="262">
        <v>99</v>
      </c>
      <c r="BE31" s="263">
        <v>102</v>
      </c>
      <c r="BF31" s="257">
        <v>0</v>
      </c>
      <c r="BG31" s="261">
        <v>0</v>
      </c>
      <c r="BH31" s="258">
        <v>0</v>
      </c>
      <c r="BI31" s="260">
        <v>0</v>
      </c>
      <c r="BJ31" s="261">
        <v>33</v>
      </c>
      <c r="BK31" s="261">
        <v>40</v>
      </c>
      <c r="BL31" s="261">
        <v>29</v>
      </c>
      <c r="BM31" s="261">
        <v>12</v>
      </c>
      <c r="BN31" s="261">
        <v>6</v>
      </c>
      <c r="BO31" s="258">
        <v>120</v>
      </c>
      <c r="BP31" s="263">
        <v>120</v>
      </c>
      <c r="BQ31" s="257">
        <v>3</v>
      </c>
      <c r="BR31" s="261">
        <v>3</v>
      </c>
      <c r="BS31" s="258">
        <v>6</v>
      </c>
      <c r="BT31" s="260">
        <v>0</v>
      </c>
      <c r="BU31" s="261">
        <v>15</v>
      </c>
      <c r="BV31" s="261">
        <v>8</v>
      </c>
      <c r="BW31" s="261">
        <v>12</v>
      </c>
      <c r="BX31" s="261">
        <v>0</v>
      </c>
      <c r="BY31" s="261">
        <v>0</v>
      </c>
      <c r="BZ31" s="258">
        <v>35</v>
      </c>
      <c r="CA31" s="263">
        <v>41</v>
      </c>
      <c r="CB31" s="257">
        <v>0</v>
      </c>
      <c r="CC31" s="261">
        <v>0</v>
      </c>
      <c r="CD31" s="258">
        <v>0</v>
      </c>
      <c r="CE31" s="260">
        <v>0</v>
      </c>
      <c r="CF31" s="261">
        <v>5</v>
      </c>
      <c r="CG31" s="261">
        <v>13</v>
      </c>
      <c r="CH31" s="261">
        <v>22</v>
      </c>
      <c r="CI31" s="261">
        <v>4</v>
      </c>
      <c r="CJ31" s="261">
        <v>6</v>
      </c>
      <c r="CK31" s="258">
        <v>50</v>
      </c>
      <c r="CL31" s="263">
        <v>50</v>
      </c>
      <c r="CM31" s="257">
        <v>0</v>
      </c>
      <c r="CN31" s="261">
        <v>0</v>
      </c>
      <c r="CO31" s="258">
        <v>0</v>
      </c>
      <c r="CP31" s="260">
        <v>0</v>
      </c>
      <c r="CQ31" s="261">
        <v>2</v>
      </c>
      <c r="CR31" s="261">
        <v>1</v>
      </c>
      <c r="CS31" s="261">
        <v>1</v>
      </c>
      <c r="CT31" s="261">
        <v>0</v>
      </c>
      <c r="CU31" s="261">
        <v>2</v>
      </c>
      <c r="CV31" s="258">
        <v>6</v>
      </c>
      <c r="CW31" s="263">
        <v>6</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21</v>
      </c>
      <c r="DU31" s="261">
        <v>34</v>
      </c>
      <c r="DV31" s="258">
        <v>55</v>
      </c>
      <c r="DW31" s="260">
        <v>0</v>
      </c>
      <c r="DX31" s="261">
        <v>43</v>
      </c>
      <c r="DY31" s="261">
        <v>52</v>
      </c>
      <c r="DZ31" s="261">
        <v>52</v>
      </c>
      <c r="EA31" s="261">
        <v>27</v>
      </c>
      <c r="EB31" s="261">
        <v>21</v>
      </c>
      <c r="EC31" s="258">
        <v>195</v>
      </c>
      <c r="ED31" s="263">
        <v>250</v>
      </c>
      <c r="EE31" s="257">
        <v>0</v>
      </c>
      <c r="EF31" s="261">
        <v>0</v>
      </c>
      <c r="EG31" s="258">
        <v>0</v>
      </c>
      <c r="EH31" s="260">
        <v>0</v>
      </c>
      <c r="EI31" s="261">
        <v>7</v>
      </c>
      <c r="EJ31" s="261">
        <v>6</v>
      </c>
      <c r="EK31" s="261">
        <v>4</v>
      </c>
      <c r="EL31" s="261">
        <v>7</v>
      </c>
      <c r="EM31" s="261">
        <v>4</v>
      </c>
      <c r="EN31" s="258">
        <v>28</v>
      </c>
      <c r="EO31" s="263">
        <v>28</v>
      </c>
      <c r="EP31" s="257">
        <v>26</v>
      </c>
      <c r="EQ31" s="261">
        <v>39</v>
      </c>
      <c r="ER31" s="258">
        <v>65</v>
      </c>
      <c r="ES31" s="260">
        <v>0</v>
      </c>
      <c r="ET31" s="261">
        <v>93</v>
      </c>
      <c r="EU31" s="261">
        <v>83</v>
      </c>
      <c r="EV31" s="261">
        <v>65</v>
      </c>
      <c r="EW31" s="261">
        <v>28</v>
      </c>
      <c r="EX31" s="261">
        <v>20</v>
      </c>
      <c r="EY31" s="258">
        <v>289</v>
      </c>
      <c r="EZ31" s="263">
        <v>354</v>
      </c>
    </row>
    <row r="32" spans="2:156" ht="21" customHeight="1" x14ac:dyDescent="0.2">
      <c r="B32" s="472" t="s">
        <v>30</v>
      </c>
      <c r="C32" s="257">
        <v>0</v>
      </c>
      <c r="D32" s="261">
        <v>0</v>
      </c>
      <c r="E32" s="358">
        <v>0</v>
      </c>
      <c r="F32" s="260">
        <v>0</v>
      </c>
      <c r="G32" s="261">
        <v>22</v>
      </c>
      <c r="H32" s="261">
        <v>17</v>
      </c>
      <c r="I32" s="261">
        <v>18</v>
      </c>
      <c r="J32" s="261">
        <v>17</v>
      </c>
      <c r="K32" s="261">
        <v>5</v>
      </c>
      <c r="L32" s="262">
        <v>79</v>
      </c>
      <c r="M32" s="263">
        <v>79</v>
      </c>
      <c r="N32" s="257">
        <v>0</v>
      </c>
      <c r="O32" s="261">
        <v>0</v>
      </c>
      <c r="P32" s="258">
        <v>0</v>
      </c>
      <c r="Q32" s="260">
        <v>0</v>
      </c>
      <c r="R32" s="261">
        <v>2</v>
      </c>
      <c r="S32" s="261">
        <v>0</v>
      </c>
      <c r="T32" s="261">
        <v>3</v>
      </c>
      <c r="U32" s="261">
        <v>7</v>
      </c>
      <c r="V32" s="261">
        <v>3</v>
      </c>
      <c r="W32" s="258">
        <v>15</v>
      </c>
      <c r="X32" s="263">
        <v>15</v>
      </c>
      <c r="Y32" s="257">
        <v>4</v>
      </c>
      <c r="Z32" s="261">
        <v>6</v>
      </c>
      <c r="AA32" s="258">
        <v>10</v>
      </c>
      <c r="AB32" s="260">
        <v>0</v>
      </c>
      <c r="AC32" s="261">
        <v>21</v>
      </c>
      <c r="AD32" s="261">
        <v>18</v>
      </c>
      <c r="AE32" s="261">
        <v>14</v>
      </c>
      <c r="AF32" s="261">
        <v>18</v>
      </c>
      <c r="AG32" s="261">
        <v>3</v>
      </c>
      <c r="AH32" s="258">
        <v>74</v>
      </c>
      <c r="AI32" s="263">
        <v>84</v>
      </c>
      <c r="AJ32" s="257">
        <v>2</v>
      </c>
      <c r="AK32" s="261">
        <v>0</v>
      </c>
      <c r="AL32" s="258">
        <v>2</v>
      </c>
      <c r="AM32" s="260">
        <v>0</v>
      </c>
      <c r="AN32" s="261">
        <v>3</v>
      </c>
      <c r="AO32" s="261">
        <v>1</v>
      </c>
      <c r="AP32" s="261">
        <v>3</v>
      </c>
      <c r="AQ32" s="261">
        <v>1</v>
      </c>
      <c r="AR32" s="261">
        <v>0</v>
      </c>
      <c r="AS32" s="258">
        <v>8</v>
      </c>
      <c r="AT32" s="263">
        <v>10</v>
      </c>
      <c r="AU32" s="257">
        <v>2</v>
      </c>
      <c r="AV32" s="261">
        <v>1</v>
      </c>
      <c r="AW32" s="258">
        <v>3</v>
      </c>
      <c r="AX32" s="260">
        <v>0</v>
      </c>
      <c r="AY32" s="261">
        <v>21</v>
      </c>
      <c r="AZ32" s="261">
        <v>15</v>
      </c>
      <c r="BA32" s="261">
        <v>20</v>
      </c>
      <c r="BB32" s="261">
        <v>22</v>
      </c>
      <c r="BC32" s="261">
        <v>6</v>
      </c>
      <c r="BD32" s="262">
        <v>84</v>
      </c>
      <c r="BE32" s="263">
        <v>87</v>
      </c>
      <c r="BF32" s="257">
        <v>0</v>
      </c>
      <c r="BG32" s="261">
        <v>0</v>
      </c>
      <c r="BH32" s="258">
        <v>0</v>
      </c>
      <c r="BI32" s="260">
        <v>0</v>
      </c>
      <c r="BJ32" s="261">
        <v>30</v>
      </c>
      <c r="BK32" s="261">
        <v>22</v>
      </c>
      <c r="BL32" s="261">
        <v>15</v>
      </c>
      <c r="BM32" s="261">
        <v>15</v>
      </c>
      <c r="BN32" s="261">
        <v>2</v>
      </c>
      <c r="BO32" s="258">
        <v>84</v>
      </c>
      <c r="BP32" s="263">
        <v>84</v>
      </c>
      <c r="BQ32" s="257">
        <v>4</v>
      </c>
      <c r="BR32" s="261">
        <v>6</v>
      </c>
      <c r="BS32" s="258">
        <v>10</v>
      </c>
      <c r="BT32" s="260">
        <v>0</v>
      </c>
      <c r="BU32" s="261">
        <v>7</v>
      </c>
      <c r="BV32" s="261">
        <v>7</v>
      </c>
      <c r="BW32" s="261">
        <v>6</v>
      </c>
      <c r="BX32" s="261">
        <v>4</v>
      </c>
      <c r="BY32" s="261">
        <v>0</v>
      </c>
      <c r="BZ32" s="258">
        <v>24</v>
      </c>
      <c r="CA32" s="263">
        <v>34</v>
      </c>
      <c r="CB32" s="257">
        <v>0</v>
      </c>
      <c r="CC32" s="261">
        <v>1</v>
      </c>
      <c r="CD32" s="258">
        <v>1</v>
      </c>
      <c r="CE32" s="260">
        <v>0</v>
      </c>
      <c r="CF32" s="261">
        <v>4</v>
      </c>
      <c r="CG32" s="261">
        <v>7</v>
      </c>
      <c r="CH32" s="261">
        <v>10</v>
      </c>
      <c r="CI32" s="261">
        <v>5</v>
      </c>
      <c r="CJ32" s="261">
        <v>1</v>
      </c>
      <c r="CK32" s="258">
        <v>27</v>
      </c>
      <c r="CL32" s="263">
        <v>28</v>
      </c>
      <c r="CM32" s="257">
        <v>0</v>
      </c>
      <c r="CN32" s="261">
        <v>0</v>
      </c>
      <c r="CO32" s="258">
        <v>0</v>
      </c>
      <c r="CP32" s="260">
        <v>0</v>
      </c>
      <c r="CQ32" s="261">
        <v>2</v>
      </c>
      <c r="CR32" s="261">
        <v>2</v>
      </c>
      <c r="CS32" s="261">
        <v>5</v>
      </c>
      <c r="CT32" s="261">
        <v>0</v>
      </c>
      <c r="CU32" s="261">
        <v>1</v>
      </c>
      <c r="CV32" s="258">
        <v>10</v>
      </c>
      <c r="CW32" s="263">
        <v>10</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31</v>
      </c>
      <c r="DU32" s="261">
        <v>20</v>
      </c>
      <c r="DV32" s="258">
        <v>51</v>
      </c>
      <c r="DW32" s="260">
        <v>0</v>
      </c>
      <c r="DX32" s="261">
        <v>50</v>
      </c>
      <c r="DY32" s="261">
        <v>42</v>
      </c>
      <c r="DZ32" s="261">
        <v>50</v>
      </c>
      <c r="EA32" s="261">
        <v>31</v>
      </c>
      <c r="EB32" s="261">
        <v>9</v>
      </c>
      <c r="EC32" s="258">
        <v>182</v>
      </c>
      <c r="ED32" s="263">
        <v>233</v>
      </c>
      <c r="EE32" s="257">
        <v>1</v>
      </c>
      <c r="EF32" s="261">
        <v>0</v>
      </c>
      <c r="EG32" s="258">
        <v>1</v>
      </c>
      <c r="EH32" s="260">
        <v>0</v>
      </c>
      <c r="EI32" s="261">
        <v>7</v>
      </c>
      <c r="EJ32" s="261">
        <v>6</v>
      </c>
      <c r="EK32" s="261">
        <v>6</v>
      </c>
      <c r="EL32" s="261">
        <v>2</v>
      </c>
      <c r="EM32" s="261">
        <v>2</v>
      </c>
      <c r="EN32" s="258">
        <v>23</v>
      </c>
      <c r="EO32" s="263">
        <v>24</v>
      </c>
      <c r="EP32" s="257">
        <v>47</v>
      </c>
      <c r="EQ32" s="261">
        <v>27</v>
      </c>
      <c r="ER32" s="258">
        <v>74</v>
      </c>
      <c r="ES32" s="260">
        <v>0</v>
      </c>
      <c r="ET32" s="261">
        <v>85</v>
      </c>
      <c r="EU32" s="261">
        <v>59</v>
      </c>
      <c r="EV32" s="261">
        <v>56</v>
      </c>
      <c r="EW32" s="261">
        <v>38</v>
      </c>
      <c r="EX32" s="261">
        <v>11</v>
      </c>
      <c r="EY32" s="258">
        <v>249</v>
      </c>
      <c r="EZ32" s="263">
        <v>323</v>
      </c>
    </row>
    <row r="33" spans="2:156" ht="21" customHeight="1" x14ac:dyDescent="0.2">
      <c r="B33" s="472" t="s">
        <v>31</v>
      </c>
      <c r="C33" s="257">
        <v>0</v>
      </c>
      <c r="D33" s="261">
        <v>0</v>
      </c>
      <c r="E33" s="358">
        <v>0</v>
      </c>
      <c r="F33" s="260">
        <v>0</v>
      </c>
      <c r="G33" s="261">
        <v>11</v>
      </c>
      <c r="H33" s="261">
        <v>9</v>
      </c>
      <c r="I33" s="261">
        <v>9</v>
      </c>
      <c r="J33" s="261">
        <v>8</v>
      </c>
      <c r="K33" s="261">
        <v>6</v>
      </c>
      <c r="L33" s="262">
        <v>43</v>
      </c>
      <c r="M33" s="263">
        <v>43</v>
      </c>
      <c r="N33" s="257">
        <v>0</v>
      </c>
      <c r="O33" s="261">
        <v>0</v>
      </c>
      <c r="P33" s="258">
        <v>0</v>
      </c>
      <c r="Q33" s="260">
        <v>0</v>
      </c>
      <c r="R33" s="261">
        <v>1</v>
      </c>
      <c r="S33" s="261">
        <v>1</v>
      </c>
      <c r="T33" s="261">
        <v>3</v>
      </c>
      <c r="U33" s="261">
        <v>6</v>
      </c>
      <c r="V33" s="261">
        <v>3</v>
      </c>
      <c r="W33" s="258">
        <v>14</v>
      </c>
      <c r="X33" s="263">
        <v>14</v>
      </c>
      <c r="Y33" s="257">
        <v>5</v>
      </c>
      <c r="Z33" s="261">
        <v>5</v>
      </c>
      <c r="AA33" s="258">
        <v>10</v>
      </c>
      <c r="AB33" s="260">
        <v>0</v>
      </c>
      <c r="AC33" s="261">
        <v>19</v>
      </c>
      <c r="AD33" s="261">
        <v>16</v>
      </c>
      <c r="AE33" s="261">
        <v>16</v>
      </c>
      <c r="AF33" s="261">
        <v>18</v>
      </c>
      <c r="AG33" s="261">
        <v>8</v>
      </c>
      <c r="AH33" s="258">
        <v>77</v>
      </c>
      <c r="AI33" s="263">
        <v>87</v>
      </c>
      <c r="AJ33" s="257">
        <v>0</v>
      </c>
      <c r="AK33" s="261">
        <v>2</v>
      </c>
      <c r="AL33" s="258">
        <v>2</v>
      </c>
      <c r="AM33" s="260">
        <v>0</v>
      </c>
      <c r="AN33" s="261">
        <v>2</v>
      </c>
      <c r="AO33" s="261">
        <v>2</v>
      </c>
      <c r="AP33" s="261">
        <v>3</v>
      </c>
      <c r="AQ33" s="261">
        <v>3</v>
      </c>
      <c r="AR33" s="261">
        <v>0</v>
      </c>
      <c r="AS33" s="258">
        <v>10</v>
      </c>
      <c r="AT33" s="263">
        <v>12</v>
      </c>
      <c r="AU33" s="257">
        <v>2</v>
      </c>
      <c r="AV33" s="261">
        <v>0</v>
      </c>
      <c r="AW33" s="258">
        <v>2</v>
      </c>
      <c r="AX33" s="260">
        <v>0</v>
      </c>
      <c r="AY33" s="261">
        <v>10</v>
      </c>
      <c r="AZ33" s="261">
        <v>18</v>
      </c>
      <c r="BA33" s="261">
        <v>12</v>
      </c>
      <c r="BB33" s="261">
        <v>14</v>
      </c>
      <c r="BC33" s="261">
        <v>8</v>
      </c>
      <c r="BD33" s="262">
        <v>62</v>
      </c>
      <c r="BE33" s="263">
        <v>64</v>
      </c>
      <c r="BF33" s="257">
        <v>0</v>
      </c>
      <c r="BG33" s="261">
        <v>0</v>
      </c>
      <c r="BH33" s="258">
        <v>0</v>
      </c>
      <c r="BI33" s="260">
        <v>0</v>
      </c>
      <c r="BJ33" s="261">
        <v>42</v>
      </c>
      <c r="BK33" s="261">
        <v>37</v>
      </c>
      <c r="BL33" s="261">
        <v>18</v>
      </c>
      <c r="BM33" s="261">
        <v>14</v>
      </c>
      <c r="BN33" s="261">
        <v>5</v>
      </c>
      <c r="BO33" s="258">
        <v>116</v>
      </c>
      <c r="BP33" s="263">
        <v>116</v>
      </c>
      <c r="BQ33" s="257">
        <v>0</v>
      </c>
      <c r="BR33" s="261">
        <v>1</v>
      </c>
      <c r="BS33" s="258">
        <v>1</v>
      </c>
      <c r="BT33" s="260">
        <v>0</v>
      </c>
      <c r="BU33" s="261">
        <v>6</v>
      </c>
      <c r="BV33" s="261">
        <v>6</v>
      </c>
      <c r="BW33" s="261">
        <v>8</v>
      </c>
      <c r="BX33" s="261">
        <v>3</v>
      </c>
      <c r="BY33" s="261">
        <v>1</v>
      </c>
      <c r="BZ33" s="258">
        <v>24</v>
      </c>
      <c r="CA33" s="263">
        <v>25</v>
      </c>
      <c r="CB33" s="257">
        <v>0</v>
      </c>
      <c r="CC33" s="261">
        <v>0</v>
      </c>
      <c r="CD33" s="258">
        <v>0</v>
      </c>
      <c r="CE33" s="260">
        <v>0</v>
      </c>
      <c r="CF33" s="261">
        <v>5</v>
      </c>
      <c r="CG33" s="261">
        <v>6</v>
      </c>
      <c r="CH33" s="261">
        <v>15</v>
      </c>
      <c r="CI33" s="261">
        <v>7</v>
      </c>
      <c r="CJ33" s="261">
        <v>1</v>
      </c>
      <c r="CK33" s="258">
        <v>34</v>
      </c>
      <c r="CL33" s="263">
        <v>34</v>
      </c>
      <c r="CM33" s="257">
        <v>0</v>
      </c>
      <c r="CN33" s="261">
        <v>0</v>
      </c>
      <c r="CO33" s="258">
        <v>0</v>
      </c>
      <c r="CP33" s="260">
        <v>0</v>
      </c>
      <c r="CQ33" s="261">
        <v>0</v>
      </c>
      <c r="CR33" s="261">
        <v>0</v>
      </c>
      <c r="CS33" s="261">
        <v>0</v>
      </c>
      <c r="CT33" s="261">
        <v>0</v>
      </c>
      <c r="CU33" s="261">
        <v>1</v>
      </c>
      <c r="CV33" s="258">
        <v>1</v>
      </c>
      <c r="CW33" s="263">
        <v>1</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16</v>
      </c>
      <c r="DU33" s="261">
        <v>49</v>
      </c>
      <c r="DV33" s="258">
        <v>65</v>
      </c>
      <c r="DW33" s="260">
        <v>0</v>
      </c>
      <c r="DX33" s="261">
        <v>44</v>
      </c>
      <c r="DY33" s="261">
        <v>50</v>
      </c>
      <c r="DZ33" s="261">
        <v>35</v>
      </c>
      <c r="EA33" s="261">
        <v>24</v>
      </c>
      <c r="EB33" s="261">
        <v>12</v>
      </c>
      <c r="EC33" s="258">
        <v>165</v>
      </c>
      <c r="ED33" s="263">
        <v>230</v>
      </c>
      <c r="EE33" s="257">
        <v>1</v>
      </c>
      <c r="EF33" s="261">
        <v>1</v>
      </c>
      <c r="EG33" s="258">
        <v>2</v>
      </c>
      <c r="EH33" s="260">
        <v>0</v>
      </c>
      <c r="EI33" s="261">
        <v>6</v>
      </c>
      <c r="EJ33" s="261">
        <v>8</v>
      </c>
      <c r="EK33" s="261">
        <v>6</v>
      </c>
      <c r="EL33" s="261">
        <v>3</v>
      </c>
      <c r="EM33" s="261">
        <v>0</v>
      </c>
      <c r="EN33" s="258">
        <v>23</v>
      </c>
      <c r="EO33" s="263">
        <v>25</v>
      </c>
      <c r="EP33" s="257">
        <v>24</v>
      </c>
      <c r="EQ33" s="261">
        <v>59</v>
      </c>
      <c r="ER33" s="258">
        <v>83</v>
      </c>
      <c r="ES33" s="260">
        <v>0</v>
      </c>
      <c r="ET33" s="261">
        <v>103</v>
      </c>
      <c r="EU33" s="261">
        <v>80</v>
      </c>
      <c r="EV33" s="261">
        <v>49</v>
      </c>
      <c r="EW33" s="261">
        <v>32</v>
      </c>
      <c r="EX33" s="261">
        <v>14</v>
      </c>
      <c r="EY33" s="258">
        <v>278</v>
      </c>
      <c r="EZ33" s="263">
        <v>361</v>
      </c>
    </row>
    <row r="34" spans="2:156" ht="21" customHeight="1" x14ac:dyDescent="0.2">
      <c r="B34" s="472" t="s">
        <v>32</v>
      </c>
      <c r="C34" s="257">
        <v>0</v>
      </c>
      <c r="D34" s="261">
        <v>0</v>
      </c>
      <c r="E34" s="358">
        <v>0</v>
      </c>
      <c r="F34" s="260">
        <v>0</v>
      </c>
      <c r="G34" s="261">
        <v>28</v>
      </c>
      <c r="H34" s="261">
        <v>22</v>
      </c>
      <c r="I34" s="261">
        <v>18</v>
      </c>
      <c r="J34" s="261">
        <v>13</v>
      </c>
      <c r="K34" s="261">
        <v>13</v>
      </c>
      <c r="L34" s="262">
        <v>94</v>
      </c>
      <c r="M34" s="263">
        <v>94</v>
      </c>
      <c r="N34" s="257">
        <v>0</v>
      </c>
      <c r="O34" s="261">
        <v>0</v>
      </c>
      <c r="P34" s="258">
        <v>0</v>
      </c>
      <c r="Q34" s="260">
        <v>0</v>
      </c>
      <c r="R34" s="261">
        <v>0</v>
      </c>
      <c r="S34" s="261">
        <v>0</v>
      </c>
      <c r="T34" s="261">
        <v>1</v>
      </c>
      <c r="U34" s="261">
        <v>5</v>
      </c>
      <c r="V34" s="261">
        <v>6</v>
      </c>
      <c r="W34" s="258">
        <v>12</v>
      </c>
      <c r="X34" s="263">
        <v>12</v>
      </c>
      <c r="Y34" s="257">
        <v>2</v>
      </c>
      <c r="Z34" s="261">
        <v>8</v>
      </c>
      <c r="AA34" s="258">
        <v>10</v>
      </c>
      <c r="AB34" s="260">
        <v>0</v>
      </c>
      <c r="AC34" s="261">
        <v>36</v>
      </c>
      <c r="AD34" s="261">
        <v>28</v>
      </c>
      <c r="AE34" s="261">
        <v>16</v>
      </c>
      <c r="AF34" s="261">
        <v>13</v>
      </c>
      <c r="AG34" s="261">
        <v>6</v>
      </c>
      <c r="AH34" s="258">
        <v>99</v>
      </c>
      <c r="AI34" s="263">
        <v>109</v>
      </c>
      <c r="AJ34" s="257">
        <v>0</v>
      </c>
      <c r="AK34" s="261">
        <v>1</v>
      </c>
      <c r="AL34" s="258">
        <v>1</v>
      </c>
      <c r="AM34" s="260">
        <v>0</v>
      </c>
      <c r="AN34" s="261">
        <v>5</v>
      </c>
      <c r="AO34" s="261">
        <v>2</v>
      </c>
      <c r="AP34" s="261">
        <v>0</v>
      </c>
      <c r="AQ34" s="261">
        <v>2</v>
      </c>
      <c r="AR34" s="261">
        <v>2</v>
      </c>
      <c r="AS34" s="258">
        <v>11</v>
      </c>
      <c r="AT34" s="263">
        <v>12</v>
      </c>
      <c r="AU34" s="257">
        <v>3</v>
      </c>
      <c r="AV34" s="261">
        <v>1</v>
      </c>
      <c r="AW34" s="258">
        <v>4</v>
      </c>
      <c r="AX34" s="260">
        <v>0</v>
      </c>
      <c r="AY34" s="261">
        <v>17</v>
      </c>
      <c r="AZ34" s="261">
        <v>20</v>
      </c>
      <c r="BA34" s="261">
        <v>22</v>
      </c>
      <c r="BB34" s="261">
        <v>28</v>
      </c>
      <c r="BC34" s="261">
        <v>23</v>
      </c>
      <c r="BD34" s="262">
        <v>110</v>
      </c>
      <c r="BE34" s="263">
        <v>114</v>
      </c>
      <c r="BF34" s="257">
        <v>0</v>
      </c>
      <c r="BG34" s="261">
        <v>0</v>
      </c>
      <c r="BH34" s="258">
        <v>0</v>
      </c>
      <c r="BI34" s="260">
        <v>0</v>
      </c>
      <c r="BJ34" s="261">
        <v>48</v>
      </c>
      <c r="BK34" s="261">
        <v>44</v>
      </c>
      <c r="BL34" s="261">
        <v>25</v>
      </c>
      <c r="BM34" s="261">
        <v>16</v>
      </c>
      <c r="BN34" s="261">
        <v>4</v>
      </c>
      <c r="BO34" s="258">
        <v>137</v>
      </c>
      <c r="BP34" s="263">
        <v>137</v>
      </c>
      <c r="BQ34" s="257">
        <v>0</v>
      </c>
      <c r="BR34" s="261">
        <v>3</v>
      </c>
      <c r="BS34" s="258">
        <v>3</v>
      </c>
      <c r="BT34" s="260">
        <v>0</v>
      </c>
      <c r="BU34" s="261">
        <v>11</v>
      </c>
      <c r="BV34" s="261">
        <v>16</v>
      </c>
      <c r="BW34" s="261">
        <v>6</v>
      </c>
      <c r="BX34" s="261">
        <v>4</v>
      </c>
      <c r="BY34" s="261">
        <v>3</v>
      </c>
      <c r="BZ34" s="258">
        <v>40</v>
      </c>
      <c r="CA34" s="263">
        <v>43</v>
      </c>
      <c r="CB34" s="257">
        <v>2</v>
      </c>
      <c r="CC34" s="261">
        <v>1</v>
      </c>
      <c r="CD34" s="258">
        <v>3</v>
      </c>
      <c r="CE34" s="260">
        <v>0</v>
      </c>
      <c r="CF34" s="261">
        <v>2</v>
      </c>
      <c r="CG34" s="261">
        <v>10</v>
      </c>
      <c r="CH34" s="261">
        <v>7</v>
      </c>
      <c r="CI34" s="261">
        <v>3</v>
      </c>
      <c r="CJ34" s="261">
        <v>3</v>
      </c>
      <c r="CK34" s="258">
        <v>25</v>
      </c>
      <c r="CL34" s="263">
        <v>28</v>
      </c>
      <c r="CM34" s="257">
        <v>0</v>
      </c>
      <c r="CN34" s="261">
        <v>0</v>
      </c>
      <c r="CO34" s="258">
        <v>0</v>
      </c>
      <c r="CP34" s="260">
        <v>0</v>
      </c>
      <c r="CQ34" s="261">
        <v>1</v>
      </c>
      <c r="CR34" s="261">
        <v>3</v>
      </c>
      <c r="CS34" s="261">
        <v>2</v>
      </c>
      <c r="CT34" s="261">
        <v>2</v>
      </c>
      <c r="CU34" s="261">
        <v>1</v>
      </c>
      <c r="CV34" s="258">
        <v>9</v>
      </c>
      <c r="CW34" s="263">
        <v>9</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18</v>
      </c>
      <c r="DU34" s="261">
        <v>44</v>
      </c>
      <c r="DV34" s="258">
        <v>62</v>
      </c>
      <c r="DW34" s="260">
        <v>0</v>
      </c>
      <c r="DX34" s="261">
        <v>69</v>
      </c>
      <c r="DY34" s="261">
        <v>84</v>
      </c>
      <c r="DZ34" s="261">
        <v>51</v>
      </c>
      <c r="EA34" s="261">
        <v>29</v>
      </c>
      <c r="EB34" s="261">
        <v>16</v>
      </c>
      <c r="EC34" s="258">
        <v>249</v>
      </c>
      <c r="ED34" s="263">
        <v>311</v>
      </c>
      <c r="EE34" s="257">
        <v>3</v>
      </c>
      <c r="EF34" s="261">
        <v>2</v>
      </c>
      <c r="EG34" s="258">
        <v>5</v>
      </c>
      <c r="EH34" s="260">
        <v>0</v>
      </c>
      <c r="EI34" s="261">
        <v>7</v>
      </c>
      <c r="EJ34" s="261">
        <v>7</v>
      </c>
      <c r="EK34" s="261">
        <v>7</v>
      </c>
      <c r="EL34" s="261">
        <v>11</v>
      </c>
      <c r="EM34" s="261">
        <v>5</v>
      </c>
      <c r="EN34" s="258">
        <v>37</v>
      </c>
      <c r="EO34" s="263">
        <v>42</v>
      </c>
      <c r="EP34" s="257">
        <v>19</v>
      </c>
      <c r="EQ34" s="261">
        <v>47</v>
      </c>
      <c r="ER34" s="258">
        <v>66</v>
      </c>
      <c r="ES34" s="260">
        <v>0</v>
      </c>
      <c r="ET34" s="261">
        <v>134</v>
      </c>
      <c r="EU34" s="261">
        <v>118</v>
      </c>
      <c r="EV34" s="261">
        <v>62</v>
      </c>
      <c r="EW34" s="261">
        <v>32</v>
      </c>
      <c r="EX34" s="261">
        <v>21</v>
      </c>
      <c r="EY34" s="258">
        <v>367</v>
      </c>
      <c r="EZ34" s="263">
        <v>433</v>
      </c>
    </row>
    <row r="35" spans="2:156" ht="21" customHeight="1" x14ac:dyDescent="0.2">
      <c r="B35" s="472" t="s">
        <v>33</v>
      </c>
      <c r="C35" s="257">
        <v>0</v>
      </c>
      <c r="D35" s="261">
        <v>0</v>
      </c>
      <c r="E35" s="358">
        <v>0</v>
      </c>
      <c r="F35" s="260">
        <v>0</v>
      </c>
      <c r="G35" s="261">
        <v>18</v>
      </c>
      <c r="H35" s="261">
        <v>13</v>
      </c>
      <c r="I35" s="261">
        <v>10</v>
      </c>
      <c r="J35" s="261">
        <v>4</v>
      </c>
      <c r="K35" s="261">
        <v>8</v>
      </c>
      <c r="L35" s="262">
        <v>53</v>
      </c>
      <c r="M35" s="263">
        <v>53</v>
      </c>
      <c r="N35" s="257">
        <v>0</v>
      </c>
      <c r="O35" s="261">
        <v>0</v>
      </c>
      <c r="P35" s="258">
        <v>0</v>
      </c>
      <c r="Q35" s="260">
        <v>0</v>
      </c>
      <c r="R35" s="261">
        <v>1</v>
      </c>
      <c r="S35" s="261">
        <v>0</v>
      </c>
      <c r="T35" s="261">
        <v>2</v>
      </c>
      <c r="U35" s="261">
        <v>2</v>
      </c>
      <c r="V35" s="261">
        <v>4</v>
      </c>
      <c r="W35" s="258">
        <v>9</v>
      </c>
      <c r="X35" s="263">
        <v>9</v>
      </c>
      <c r="Y35" s="257">
        <v>0</v>
      </c>
      <c r="Z35" s="261">
        <v>3</v>
      </c>
      <c r="AA35" s="258">
        <v>3</v>
      </c>
      <c r="AB35" s="260">
        <v>0</v>
      </c>
      <c r="AC35" s="261">
        <v>18</v>
      </c>
      <c r="AD35" s="261">
        <v>14</v>
      </c>
      <c r="AE35" s="261">
        <v>5</v>
      </c>
      <c r="AF35" s="261">
        <v>5</v>
      </c>
      <c r="AG35" s="261">
        <v>7</v>
      </c>
      <c r="AH35" s="258">
        <v>49</v>
      </c>
      <c r="AI35" s="263">
        <v>52</v>
      </c>
      <c r="AJ35" s="257">
        <v>12</v>
      </c>
      <c r="AK35" s="261">
        <v>18</v>
      </c>
      <c r="AL35" s="258">
        <v>30</v>
      </c>
      <c r="AM35" s="260">
        <v>0</v>
      </c>
      <c r="AN35" s="261">
        <v>36</v>
      </c>
      <c r="AO35" s="261">
        <v>20</v>
      </c>
      <c r="AP35" s="261">
        <v>9</v>
      </c>
      <c r="AQ35" s="261">
        <v>3</v>
      </c>
      <c r="AR35" s="261">
        <v>3</v>
      </c>
      <c r="AS35" s="258">
        <v>71</v>
      </c>
      <c r="AT35" s="263">
        <v>101</v>
      </c>
      <c r="AU35" s="257">
        <v>5</v>
      </c>
      <c r="AV35" s="261">
        <v>8</v>
      </c>
      <c r="AW35" s="258">
        <v>13</v>
      </c>
      <c r="AX35" s="260">
        <v>0</v>
      </c>
      <c r="AY35" s="261">
        <v>29</v>
      </c>
      <c r="AZ35" s="261">
        <v>34</v>
      </c>
      <c r="BA35" s="261">
        <v>40</v>
      </c>
      <c r="BB35" s="261">
        <v>10</v>
      </c>
      <c r="BC35" s="261">
        <v>22</v>
      </c>
      <c r="BD35" s="262">
        <v>135</v>
      </c>
      <c r="BE35" s="263">
        <v>148</v>
      </c>
      <c r="BF35" s="257">
        <v>0</v>
      </c>
      <c r="BG35" s="261">
        <v>0</v>
      </c>
      <c r="BH35" s="258">
        <v>0</v>
      </c>
      <c r="BI35" s="260">
        <v>0</v>
      </c>
      <c r="BJ35" s="261">
        <v>9</v>
      </c>
      <c r="BK35" s="261">
        <v>9</v>
      </c>
      <c r="BL35" s="261">
        <v>6</v>
      </c>
      <c r="BM35" s="261">
        <v>3</v>
      </c>
      <c r="BN35" s="261">
        <v>2</v>
      </c>
      <c r="BO35" s="258">
        <v>29</v>
      </c>
      <c r="BP35" s="263">
        <v>29</v>
      </c>
      <c r="BQ35" s="257">
        <v>5</v>
      </c>
      <c r="BR35" s="261">
        <v>16</v>
      </c>
      <c r="BS35" s="258">
        <v>21</v>
      </c>
      <c r="BT35" s="260">
        <v>0</v>
      </c>
      <c r="BU35" s="261">
        <v>30</v>
      </c>
      <c r="BV35" s="261">
        <v>17</v>
      </c>
      <c r="BW35" s="261">
        <v>7</v>
      </c>
      <c r="BX35" s="261">
        <v>3</v>
      </c>
      <c r="BY35" s="261">
        <v>1</v>
      </c>
      <c r="BZ35" s="258">
        <v>58</v>
      </c>
      <c r="CA35" s="263">
        <v>79</v>
      </c>
      <c r="CB35" s="257">
        <v>0</v>
      </c>
      <c r="CC35" s="261">
        <v>1</v>
      </c>
      <c r="CD35" s="258">
        <v>1</v>
      </c>
      <c r="CE35" s="260">
        <v>0</v>
      </c>
      <c r="CF35" s="261">
        <v>1</v>
      </c>
      <c r="CG35" s="261">
        <v>5</v>
      </c>
      <c r="CH35" s="261">
        <v>7</v>
      </c>
      <c r="CI35" s="261">
        <v>2</v>
      </c>
      <c r="CJ35" s="261">
        <v>1</v>
      </c>
      <c r="CK35" s="258">
        <v>16</v>
      </c>
      <c r="CL35" s="263">
        <v>17</v>
      </c>
      <c r="CM35" s="257">
        <v>0</v>
      </c>
      <c r="CN35" s="261">
        <v>0</v>
      </c>
      <c r="CO35" s="258">
        <v>0</v>
      </c>
      <c r="CP35" s="260">
        <v>0</v>
      </c>
      <c r="CQ35" s="261">
        <v>3</v>
      </c>
      <c r="CR35" s="261">
        <v>1</v>
      </c>
      <c r="CS35" s="261">
        <v>1</v>
      </c>
      <c r="CT35" s="261">
        <v>2</v>
      </c>
      <c r="CU35" s="261">
        <v>0</v>
      </c>
      <c r="CV35" s="258">
        <v>7</v>
      </c>
      <c r="CW35" s="263">
        <v>7</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21</v>
      </c>
      <c r="DU35" s="261">
        <v>38</v>
      </c>
      <c r="DV35" s="258">
        <v>59</v>
      </c>
      <c r="DW35" s="260">
        <v>0</v>
      </c>
      <c r="DX35" s="261">
        <v>59</v>
      </c>
      <c r="DY35" s="261">
        <v>43</v>
      </c>
      <c r="DZ35" s="261">
        <v>27</v>
      </c>
      <c r="EA35" s="261">
        <v>12</v>
      </c>
      <c r="EB35" s="261">
        <v>19</v>
      </c>
      <c r="EC35" s="258">
        <v>160</v>
      </c>
      <c r="ED35" s="263">
        <v>219</v>
      </c>
      <c r="EE35" s="257">
        <v>2</v>
      </c>
      <c r="EF35" s="261">
        <v>4</v>
      </c>
      <c r="EG35" s="258">
        <v>6</v>
      </c>
      <c r="EH35" s="260">
        <v>0</v>
      </c>
      <c r="EI35" s="261">
        <v>11</v>
      </c>
      <c r="EJ35" s="261">
        <v>18</v>
      </c>
      <c r="EK35" s="261">
        <v>19</v>
      </c>
      <c r="EL35" s="261">
        <v>5</v>
      </c>
      <c r="EM35" s="261">
        <v>6</v>
      </c>
      <c r="EN35" s="258">
        <v>59</v>
      </c>
      <c r="EO35" s="263">
        <v>65</v>
      </c>
      <c r="EP35" s="257">
        <v>32</v>
      </c>
      <c r="EQ35" s="261">
        <v>58</v>
      </c>
      <c r="ER35" s="258">
        <v>90</v>
      </c>
      <c r="ES35" s="260">
        <v>0</v>
      </c>
      <c r="ET35" s="261">
        <v>106</v>
      </c>
      <c r="EU35" s="261">
        <v>61</v>
      </c>
      <c r="EV35" s="261">
        <v>35</v>
      </c>
      <c r="EW35" s="261">
        <v>13</v>
      </c>
      <c r="EX35" s="261">
        <v>16</v>
      </c>
      <c r="EY35" s="258">
        <v>231</v>
      </c>
      <c r="EZ35" s="263">
        <v>321</v>
      </c>
    </row>
    <row r="36" spans="2:156" ht="21" customHeight="1" x14ac:dyDescent="0.2">
      <c r="B36" s="472" t="s">
        <v>34</v>
      </c>
      <c r="C36" s="257">
        <v>0</v>
      </c>
      <c r="D36" s="261">
        <v>0</v>
      </c>
      <c r="E36" s="358">
        <v>0</v>
      </c>
      <c r="F36" s="260">
        <v>0</v>
      </c>
      <c r="G36" s="261">
        <v>14</v>
      </c>
      <c r="H36" s="261">
        <v>10</v>
      </c>
      <c r="I36" s="261">
        <v>6</v>
      </c>
      <c r="J36" s="261">
        <v>7</v>
      </c>
      <c r="K36" s="261">
        <v>3</v>
      </c>
      <c r="L36" s="262">
        <v>40</v>
      </c>
      <c r="M36" s="263">
        <v>40</v>
      </c>
      <c r="N36" s="257">
        <v>0</v>
      </c>
      <c r="O36" s="261">
        <v>0</v>
      </c>
      <c r="P36" s="258">
        <v>0</v>
      </c>
      <c r="Q36" s="260">
        <v>0</v>
      </c>
      <c r="R36" s="261">
        <v>0</v>
      </c>
      <c r="S36" s="261">
        <v>1</v>
      </c>
      <c r="T36" s="261">
        <v>0</v>
      </c>
      <c r="U36" s="261">
        <v>1</v>
      </c>
      <c r="V36" s="261">
        <v>6</v>
      </c>
      <c r="W36" s="258">
        <v>8</v>
      </c>
      <c r="X36" s="263">
        <v>8</v>
      </c>
      <c r="Y36" s="257">
        <v>1</v>
      </c>
      <c r="Z36" s="261">
        <v>8</v>
      </c>
      <c r="AA36" s="258">
        <v>9</v>
      </c>
      <c r="AB36" s="260">
        <v>0</v>
      </c>
      <c r="AC36" s="261">
        <v>14</v>
      </c>
      <c r="AD36" s="261">
        <v>16</v>
      </c>
      <c r="AE36" s="261">
        <v>8</v>
      </c>
      <c r="AF36" s="261">
        <v>9</v>
      </c>
      <c r="AG36" s="261">
        <v>7</v>
      </c>
      <c r="AH36" s="258">
        <v>54</v>
      </c>
      <c r="AI36" s="263">
        <v>63</v>
      </c>
      <c r="AJ36" s="257">
        <v>0</v>
      </c>
      <c r="AK36" s="261">
        <v>1</v>
      </c>
      <c r="AL36" s="258">
        <v>1</v>
      </c>
      <c r="AM36" s="260">
        <v>0</v>
      </c>
      <c r="AN36" s="261">
        <v>6</v>
      </c>
      <c r="AO36" s="261">
        <v>6</v>
      </c>
      <c r="AP36" s="261">
        <v>2</v>
      </c>
      <c r="AQ36" s="261">
        <v>1</v>
      </c>
      <c r="AR36" s="261">
        <v>1</v>
      </c>
      <c r="AS36" s="258">
        <v>16</v>
      </c>
      <c r="AT36" s="263">
        <v>17</v>
      </c>
      <c r="AU36" s="257">
        <v>6</v>
      </c>
      <c r="AV36" s="261">
        <v>4</v>
      </c>
      <c r="AW36" s="258">
        <v>10</v>
      </c>
      <c r="AX36" s="260">
        <v>0</v>
      </c>
      <c r="AY36" s="261">
        <v>33</v>
      </c>
      <c r="AZ36" s="261">
        <v>24</v>
      </c>
      <c r="BA36" s="261">
        <v>17</v>
      </c>
      <c r="BB36" s="261">
        <v>24</v>
      </c>
      <c r="BC36" s="261">
        <v>18</v>
      </c>
      <c r="BD36" s="262">
        <v>116</v>
      </c>
      <c r="BE36" s="263">
        <v>126</v>
      </c>
      <c r="BF36" s="257">
        <v>0</v>
      </c>
      <c r="BG36" s="261">
        <v>0</v>
      </c>
      <c r="BH36" s="258">
        <v>0</v>
      </c>
      <c r="BI36" s="260">
        <v>0</v>
      </c>
      <c r="BJ36" s="261">
        <v>28</v>
      </c>
      <c r="BK36" s="261">
        <v>19</v>
      </c>
      <c r="BL36" s="261">
        <v>12</v>
      </c>
      <c r="BM36" s="261">
        <v>12</v>
      </c>
      <c r="BN36" s="261">
        <v>1</v>
      </c>
      <c r="BO36" s="258">
        <v>72</v>
      </c>
      <c r="BP36" s="263">
        <v>72</v>
      </c>
      <c r="BQ36" s="257">
        <v>1</v>
      </c>
      <c r="BR36" s="261">
        <v>3</v>
      </c>
      <c r="BS36" s="258">
        <v>4</v>
      </c>
      <c r="BT36" s="260">
        <v>0</v>
      </c>
      <c r="BU36" s="261">
        <v>6</v>
      </c>
      <c r="BV36" s="261">
        <v>4</v>
      </c>
      <c r="BW36" s="261">
        <v>2</v>
      </c>
      <c r="BX36" s="261">
        <v>5</v>
      </c>
      <c r="BY36" s="261">
        <v>0</v>
      </c>
      <c r="BZ36" s="258">
        <v>17</v>
      </c>
      <c r="CA36" s="263">
        <v>21</v>
      </c>
      <c r="CB36" s="257">
        <v>0</v>
      </c>
      <c r="CC36" s="261">
        <v>0</v>
      </c>
      <c r="CD36" s="258">
        <v>0</v>
      </c>
      <c r="CE36" s="260">
        <v>0</v>
      </c>
      <c r="CF36" s="261">
        <v>3</v>
      </c>
      <c r="CG36" s="261">
        <v>3</v>
      </c>
      <c r="CH36" s="261">
        <v>2</v>
      </c>
      <c r="CI36" s="261">
        <v>4</v>
      </c>
      <c r="CJ36" s="261">
        <v>1</v>
      </c>
      <c r="CK36" s="258">
        <v>13</v>
      </c>
      <c r="CL36" s="263">
        <v>13</v>
      </c>
      <c r="CM36" s="257">
        <v>0</v>
      </c>
      <c r="CN36" s="261">
        <v>0</v>
      </c>
      <c r="CO36" s="258">
        <v>0</v>
      </c>
      <c r="CP36" s="260">
        <v>0</v>
      </c>
      <c r="CQ36" s="261">
        <v>0</v>
      </c>
      <c r="CR36" s="261">
        <v>1</v>
      </c>
      <c r="CS36" s="261">
        <v>0</v>
      </c>
      <c r="CT36" s="261">
        <v>1</v>
      </c>
      <c r="CU36" s="261">
        <v>0</v>
      </c>
      <c r="CV36" s="258">
        <v>2</v>
      </c>
      <c r="CW36" s="263">
        <v>2</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15</v>
      </c>
      <c r="DU36" s="261">
        <v>22</v>
      </c>
      <c r="DV36" s="258">
        <v>37</v>
      </c>
      <c r="DW36" s="260">
        <v>0</v>
      </c>
      <c r="DX36" s="261">
        <v>45</v>
      </c>
      <c r="DY36" s="261">
        <v>47</v>
      </c>
      <c r="DZ36" s="261">
        <v>27</v>
      </c>
      <c r="EA36" s="261">
        <v>26</v>
      </c>
      <c r="EB36" s="261">
        <v>10</v>
      </c>
      <c r="EC36" s="258">
        <v>155</v>
      </c>
      <c r="ED36" s="263">
        <v>192</v>
      </c>
      <c r="EE36" s="257">
        <v>3</v>
      </c>
      <c r="EF36" s="261">
        <v>2</v>
      </c>
      <c r="EG36" s="258">
        <v>5</v>
      </c>
      <c r="EH36" s="260">
        <v>0</v>
      </c>
      <c r="EI36" s="261">
        <v>16</v>
      </c>
      <c r="EJ36" s="261">
        <v>4</v>
      </c>
      <c r="EK36" s="261">
        <v>2</v>
      </c>
      <c r="EL36" s="261">
        <v>11</v>
      </c>
      <c r="EM36" s="261">
        <v>7</v>
      </c>
      <c r="EN36" s="258">
        <v>40</v>
      </c>
      <c r="EO36" s="263">
        <v>45</v>
      </c>
      <c r="EP36" s="257">
        <v>16</v>
      </c>
      <c r="EQ36" s="261">
        <v>26</v>
      </c>
      <c r="ER36" s="258">
        <v>42</v>
      </c>
      <c r="ES36" s="260">
        <v>0</v>
      </c>
      <c r="ET36" s="261">
        <v>72</v>
      </c>
      <c r="EU36" s="261">
        <v>53</v>
      </c>
      <c r="EV36" s="261">
        <v>25</v>
      </c>
      <c r="EW36" s="261">
        <v>25</v>
      </c>
      <c r="EX36" s="261">
        <v>8</v>
      </c>
      <c r="EY36" s="258">
        <v>183</v>
      </c>
      <c r="EZ36" s="263">
        <v>225</v>
      </c>
    </row>
    <row r="37" spans="2:156" ht="21" customHeight="1" x14ac:dyDescent="0.2">
      <c r="B37" s="472" t="s">
        <v>35</v>
      </c>
      <c r="C37" s="257">
        <v>0</v>
      </c>
      <c r="D37" s="261">
        <v>0</v>
      </c>
      <c r="E37" s="358">
        <v>0</v>
      </c>
      <c r="F37" s="260">
        <v>0</v>
      </c>
      <c r="G37" s="261">
        <v>114</v>
      </c>
      <c r="H37" s="261">
        <v>52</v>
      </c>
      <c r="I37" s="261">
        <v>44</v>
      </c>
      <c r="J37" s="261">
        <v>39</v>
      </c>
      <c r="K37" s="261">
        <v>17</v>
      </c>
      <c r="L37" s="262">
        <v>266</v>
      </c>
      <c r="M37" s="263">
        <v>266</v>
      </c>
      <c r="N37" s="257">
        <v>0</v>
      </c>
      <c r="O37" s="261">
        <v>0</v>
      </c>
      <c r="P37" s="258">
        <v>0</v>
      </c>
      <c r="Q37" s="260">
        <v>0</v>
      </c>
      <c r="R37" s="261">
        <v>0</v>
      </c>
      <c r="S37" s="261">
        <v>4</v>
      </c>
      <c r="T37" s="261">
        <v>5</v>
      </c>
      <c r="U37" s="261">
        <v>14</v>
      </c>
      <c r="V37" s="261">
        <v>10</v>
      </c>
      <c r="W37" s="258">
        <v>33</v>
      </c>
      <c r="X37" s="263">
        <v>33</v>
      </c>
      <c r="Y37" s="257">
        <v>4</v>
      </c>
      <c r="Z37" s="261">
        <v>11</v>
      </c>
      <c r="AA37" s="258">
        <v>15</v>
      </c>
      <c r="AB37" s="260">
        <v>0</v>
      </c>
      <c r="AC37" s="261">
        <v>53</v>
      </c>
      <c r="AD37" s="261">
        <v>35</v>
      </c>
      <c r="AE37" s="261">
        <v>33</v>
      </c>
      <c r="AF37" s="261">
        <v>30</v>
      </c>
      <c r="AG37" s="261">
        <v>17</v>
      </c>
      <c r="AH37" s="258">
        <v>168</v>
      </c>
      <c r="AI37" s="263">
        <v>183</v>
      </c>
      <c r="AJ37" s="257">
        <v>5</v>
      </c>
      <c r="AK37" s="261">
        <v>12</v>
      </c>
      <c r="AL37" s="258">
        <v>17</v>
      </c>
      <c r="AM37" s="260">
        <v>0</v>
      </c>
      <c r="AN37" s="261">
        <v>21</v>
      </c>
      <c r="AO37" s="261">
        <v>12</v>
      </c>
      <c r="AP37" s="261">
        <v>4</v>
      </c>
      <c r="AQ37" s="261">
        <v>11</v>
      </c>
      <c r="AR37" s="261">
        <v>6</v>
      </c>
      <c r="AS37" s="258">
        <v>54</v>
      </c>
      <c r="AT37" s="263">
        <v>71</v>
      </c>
      <c r="AU37" s="257">
        <v>21</v>
      </c>
      <c r="AV37" s="261">
        <v>26</v>
      </c>
      <c r="AW37" s="258">
        <v>47</v>
      </c>
      <c r="AX37" s="260">
        <v>0</v>
      </c>
      <c r="AY37" s="261">
        <v>102</v>
      </c>
      <c r="AZ37" s="261">
        <v>78</v>
      </c>
      <c r="BA37" s="261">
        <v>78</v>
      </c>
      <c r="BB37" s="261">
        <v>89</v>
      </c>
      <c r="BC37" s="261">
        <v>41</v>
      </c>
      <c r="BD37" s="262">
        <v>388</v>
      </c>
      <c r="BE37" s="263">
        <v>435</v>
      </c>
      <c r="BF37" s="257">
        <v>0</v>
      </c>
      <c r="BG37" s="261">
        <v>0</v>
      </c>
      <c r="BH37" s="258">
        <v>0</v>
      </c>
      <c r="BI37" s="260">
        <v>0</v>
      </c>
      <c r="BJ37" s="261">
        <v>137</v>
      </c>
      <c r="BK37" s="261">
        <v>75</v>
      </c>
      <c r="BL37" s="261">
        <v>47</v>
      </c>
      <c r="BM37" s="261">
        <v>31</v>
      </c>
      <c r="BN37" s="261">
        <v>14</v>
      </c>
      <c r="BO37" s="258">
        <v>304</v>
      </c>
      <c r="BP37" s="263">
        <v>304</v>
      </c>
      <c r="BQ37" s="257">
        <v>8</v>
      </c>
      <c r="BR37" s="261">
        <v>19</v>
      </c>
      <c r="BS37" s="258">
        <v>27</v>
      </c>
      <c r="BT37" s="260">
        <v>0</v>
      </c>
      <c r="BU37" s="261">
        <v>62</v>
      </c>
      <c r="BV37" s="261">
        <v>31</v>
      </c>
      <c r="BW37" s="261">
        <v>11</v>
      </c>
      <c r="BX37" s="261">
        <v>14</v>
      </c>
      <c r="BY37" s="261">
        <v>1</v>
      </c>
      <c r="BZ37" s="258">
        <v>119</v>
      </c>
      <c r="CA37" s="263">
        <v>146</v>
      </c>
      <c r="CB37" s="257">
        <v>2</v>
      </c>
      <c r="CC37" s="261">
        <v>0</v>
      </c>
      <c r="CD37" s="258">
        <v>2</v>
      </c>
      <c r="CE37" s="260">
        <v>0</v>
      </c>
      <c r="CF37" s="261">
        <v>10</v>
      </c>
      <c r="CG37" s="261">
        <v>9</v>
      </c>
      <c r="CH37" s="261">
        <v>10</v>
      </c>
      <c r="CI37" s="261">
        <v>11</v>
      </c>
      <c r="CJ37" s="261">
        <v>2</v>
      </c>
      <c r="CK37" s="258">
        <v>42</v>
      </c>
      <c r="CL37" s="263">
        <v>44</v>
      </c>
      <c r="CM37" s="257">
        <v>0</v>
      </c>
      <c r="CN37" s="261">
        <v>0</v>
      </c>
      <c r="CO37" s="258">
        <v>0</v>
      </c>
      <c r="CP37" s="260">
        <v>0</v>
      </c>
      <c r="CQ37" s="261">
        <v>3</v>
      </c>
      <c r="CR37" s="261">
        <v>0</v>
      </c>
      <c r="CS37" s="261">
        <v>3</v>
      </c>
      <c r="CT37" s="261">
        <v>3</v>
      </c>
      <c r="CU37" s="261">
        <v>1</v>
      </c>
      <c r="CV37" s="258">
        <v>10</v>
      </c>
      <c r="CW37" s="263">
        <v>1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47</v>
      </c>
      <c r="DU37" s="261">
        <v>84</v>
      </c>
      <c r="DV37" s="258">
        <v>131</v>
      </c>
      <c r="DW37" s="260">
        <v>0</v>
      </c>
      <c r="DX37" s="261">
        <v>185</v>
      </c>
      <c r="DY37" s="261">
        <v>140</v>
      </c>
      <c r="DZ37" s="261">
        <v>91</v>
      </c>
      <c r="EA37" s="261">
        <v>77</v>
      </c>
      <c r="EB37" s="261">
        <v>32</v>
      </c>
      <c r="EC37" s="258">
        <v>525</v>
      </c>
      <c r="ED37" s="263">
        <v>656</v>
      </c>
      <c r="EE37" s="257">
        <v>17</v>
      </c>
      <c r="EF37" s="261">
        <v>13</v>
      </c>
      <c r="EG37" s="258">
        <v>30</v>
      </c>
      <c r="EH37" s="260">
        <v>0</v>
      </c>
      <c r="EI37" s="261">
        <v>43</v>
      </c>
      <c r="EJ37" s="261">
        <v>15</v>
      </c>
      <c r="EK37" s="261">
        <v>24</v>
      </c>
      <c r="EL37" s="261">
        <v>29</v>
      </c>
      <c r="EM37" s="261">
        <v>9</v>
      </c>
      <c r="EN37" s="258">
        <v>120</v>
      </c>
      <c r="EO37" s="263">
        <v>150</v>
      </c>
      <c r="EP37" s="257">
        <v>58</v>
      </c>
      <c r="EQ37" s="261">
        <v>109</v>
      </c>
      <c r="ER37" s="258">
        <v>167</v>
      </c>
      <c r="ES37" s="260">
        <v>0</v>
      </c>
      <c r="ET37" s="261">
        <v>318</v>
      </c>
      <c r="EU37" s="261">
        <v>176</v>
      </c>
      <c r="EV37" s="261">
        <v>98</v>
      </c>
      <c r="EW37" s="261">
        <v>85</v>
      </c>
      <c r="EX37" s="261">
        <v>35</v>
      </c>
      <c r="EY37" s="258">
        <v>712</v>
      </c>
      <c r="EZ37" s="263">
        <v>879</v>
      </c>
    </row>
    <row r="38" spans="2:156" ht="21" customHeight="1" x14ac:dyDescent="0.2">
      <c r="B38" s="472" t="s">
        <v>36</v>
      </c>
      <c r="C38" s="257">
        <v>0</v>
      </c>
      <c r="D38" s="261">
        <v>0</v>
      </c>
      <c r="E38" s="358">
        <v>0</v>
      </c>
      <c r="F38" s="260">
        <v>0</v>
      </c>
      <c r="G38" s="261">
        <v>58</v>
      </c>
      <c r="H38" s="261">
        <v>63</v>
      </c>
      <c r="I38" s="261">
        <v>37</v>
      </c>
      <c r="J38" s="261">
        <v>35</v>
      </c>
      <c r="K38" s="261">
        <v>35</v>
      </c>
      <c r="L38" s="262">
        <v>228</v>
      </c>
      <c r="M38" s="263">
        <v>228</v>
      </c>
      <c r="N38" s="257">
        <v>0</v>
      </c>
      <c r="O38" s="261">
        <v>0</v>
      </c>
      <c r="P38" s="258">
        <v>0</v>
      </c>
      <c r="Q38" s="260">
        <v>0</v>
      </c>
      <c r="R38" s="261">
        <v>3</v>
      </c>
      <c r="S38" s="261">
        <v>3</v>
      </c>
      <c r="T38" s="261">
        <v>5</v>
      </c>
      <c r="U38" s="261">
        <v>11</v>
      </c>
      <c r="V38" s="261">
        <v>12</v>
      </c>
      <c r="W38" s="258">
        <v>34</v>
      </c>
      <c r="X38" s="263">
        <v>34</v>
      </c>
      <c r="Y38" s="257">
        <v>10</v>
      </c>
      <c r="Z38" s="261">
        <v>25</v>
      </c>
      <c r="AA38" s="258">
        <v>35</v>
      </c>
      <c r="AB38" s="260">
        <v>0</v>
      </c>
      <c r="AC38" s="261">
        <v>52</v>
      </c>
      <c r="AD38" s="261">
        <v>57</v>
      </c>
      <c r="AE38" s="261">
        <v>35</v>
      </c>
      <c r="AF38" s="261">
        <v>30</v>
      </c>
      <c r="AG38" s="261">
        <v>34</v>
      </c>
      <c r="AH38" s="258">
        <v>208</v>
      </c>
      <c r="AI38" s="263">
        <v>243</v>
      </c>
      <c r="AJ38" s="257">
        <v>3</v>
      </c>
      <c r="AK38" s="261">
        <v>12</v>
      </c>
      <c r="AL38" s="258">
        <v>15</v>
      </c>
      <c r="AM38" s="260">
        <v>0</v>
      </c>
      <c r="AN38" s="261">
        <v>17</v>
      </c>
      <c r="AO38" s="261">
        <v>16</v>
      </c>
      <c r="AP38" s="261">
        <v>7</v>
      </c>
      <c r="AQ38" s="261">
        <v>9</v>
      </c>
      <c r="AR38" s="261">
        <v>8</v>
      </c>
      <c r="AS38" s="258">
        <v>57</v>
      </c>
      <c r="AT38" s="263">
        <v>72</v>
      </c>
      <c r="AU38" s="257">
        <v>5</v>
      </c>
      <c r="AV38" s="261">
        <v>7</v>
      </c>
      <c r="AW38" s="258">
        <v>12</v>
      </c>
      <c r="AX38" s="260">
        <v>0</v>
      </c>
      <c r="AY38" s="261">
        <v>40</v>
      </c>
      <c r="AZ38" s="261">
        <v>63</v>
      </c>
      <c r="BA38" s="261">
        <v>54</v>
      </c>
      <c r="BB38" s="261">
        <v>57</v>
      </c>
      <c r="BC38" s="261">
        <v>50</v>
      </c>
      <c r="BD38" s="262">
        <v>264</v>
      </c>
      <c r="BE38" s="263">
        <v>276</v>
      </c>
      <c r="BF38" s="257">
        <v>0</v>
      </c>
      <c r="BG38" s="261">
        <v>0</v>
      </c>
      <c r="BH38" s="258">
        <v>0</v>
      </c>
      <c r="BI38" s="260">
        <v>0</v>
      </c>
      <c r="BJ38" s="261">
        <v>81</v>
      </c>
      <c r="BK38" s="261">
        <v>99</v>
      </c>
      <c r="BL38" s="261">
        <v>43</v>
      </c>
      <c r="BM38" s="261">
        <v>34</v>
      </c>
      <c r="BN38" s="261">
        <v>14</v>
      </c>
      <c r="BO38" s="258">
        <v>271</v>
      </c>
      <c r="BP38" s="263">
        <v>271</v>
      </c>
      <c r="BQ38" s="257">
        <v>6</v>
      </c>
      <c r="BR38" s="261">
        <v>7</v>
      </c>
      <c r="BS38" s="258">
        <v>13</v>
      </c>
      <c r="BT38" s="260">
        <v>0</v>
      </c>
      <c r="BU38" s="261">
        <v>26</v>
      </c>
      <c r="BV38" s="261">
        <v>28</v>
      </c>
      <c r="BW38" s="261">
        <v>17</v>
      </c>
      <c r="BX38" s="261">
        <v>5</v>
      </c>
      <c r="BY38" s="261">
        <v>4</v>
      </c>
      <c r="BZ38" s="258">
        <v>80</v>
      </c>
      <c r="CA38" s="263">
        <v>93</v>
      </c>
      <c r="CB38" s="257">
        <v>0</v>
      </c>
      <c r="CC38" s="261">
        <v>0</v>
      </c>
      <c r="CD38" s="258">
        <v>0</v>
      </c>
      <c r="CE38" s="260">
        <v>0</v>
      </c>
      <c r="CF38" s="261">
        <v>13</v>
      </c>
      <c r="CG38" s="261">
        <v>24</v>
      </c>
      <c r="CH38" s="261">
        <v>21</v>
      </c>
      <c r="CI38" s="261">
        <v>21</v>
      </c>
      <c r="CJ38" s="261">
        <v>12</v>
      </c>
      <c r="CK38" s="258">
        <v>91</v>
      </c>
      <c r="CL38" s="263">
        <v>91</v>
      </c>
      <c r="CM38" s="257">
        <v>0</v>
      </c>
      <c r="CN38" s="261">
        <v>0</v>
      </c>
      <c r="CO38" s="258">
        <v>0</v>
      </c>
      <c r="CP38" s="260">
        <v>0</v>
      </c>
      <c r="CQ38" s="261">
        <v>1</v>
      </c>
      <c r="CR38" s="261">
        <v>0</v>
      </c>
      <c r="CS38" s="261">
        <v>0</v>
      </c>
      <c r="CT38" s="261">
        <v>1</v>
      </c>
      <c r="CU38" s="261">
        <v>1</v>
      </c>
      <c r="CV38" s="258">
        <v>3</v>
      </c>
      <c r="CW38" s="263">
        <v>3</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29</v>
      </c>
      <c r="DU38" s="261">
        <v>95</v>
      </c>
      <c r="DV38" s="258">
        <v>124</v>
      </c>
      <c r="DW38" s="260">
        <v>0</v>
      </c>
      <c r="DX38" s="261">
        <v>164</v>
      </c>
      <c r="DY38" s="261">
        <v>173</v>
      </c>
      <c r="DZ38" s="261">
        <v>97</v>
      </c>
      <c r="EA38" s="261">
        <v>85</v>
      </c>
      <c r="EB38" s="261">
        <v>55</v>
      </c>
      <c r="EC38" s="258">
        <v>574</v>
      </c>
      <c r="ED38" s="263">
        <v>698</v>
      </c>
      <c r="EE38" s="257">
        <v>3</v>
      </c>
      <c r="EF38" s="261">
        <v>1</v>
      </c>
      <c r="EG38" s="258">
        <v>4</v>
      </c>
      <c r="EH38" s="260">
        <v>0</v>
      </c>
      <c r="EI38" s="261">
        <v>11</v>
      </c>
      <c r="EJ38" s="261">
        <v>13</v>
      </c>
      <c r="EK38" s="261">
        <v>13</v>
      </c>
      <c r="EL38" s="261">
        <v>11</v>
      </c>
      <c r="EM38" s="261">
        <v>4</v>
      </c>
      <c r="EN38" s="258">
        <v>52</v>
      </c>
      <c r="EO38" s="263">
        <v>56</v>
      </c>
      <c r="EP38" s="257">
        <v>45</v>
      </c>
      <c r="EQ38" s="261">
        <v>127</v>
      </c>
      <c r="ER38" s="258">
        <v>172</v>
      </c>
      <c r="ES38" s="260">
        <v>0</v>
      </c>
      <c r="ET38" s="261">
        <v>279</v>
      </c>
      <c r="EU38" s="261">
        <v>246</v>
      </c>
      <c r="EV38" s="261">
        <v>120</v>
      </c>
      <c r="EW38" s="261">
        <v>95</v>
      </c>
      <c r="EX38" s="261">
        <v>68</v>
      </c>
      <c r="EY38" s="258">
        <v>808</v>
      </c>
      <c r="EZ38" s="263">
        <v>980</v>
      </c>
    </row>
    <row r="39" spans="2:156" ht="21" customHeight="1" thickBot="1" x14ac:dyDescent="0.25">
      <c r="B39" s="473" t="s">
        <v>37</v>
      </c>
      <c r="C39" s="264">
        <v>0</v>
      </c>
      <c r="D39" s="268">
        <v>0</v>
      </c>
      <c r="E39" s="359">
        <v>0</v>
      </c>
      <c r="F39" s="267">
        <v>0</v>
      </c>
      <c r="G39" s="268">
        <v>5</v>
      </c>
      <c r="H39" s="268">
        <v>7</v>
      </c>
      <c r="I39" s="268">
        <v>1</v>
      </c>
      <c r="J39" s="268">
        <v>3</v>
      </c>
      <c r="K39" s="268">
        <v>3</v>
      </c>
      <c r="L39" s="269">
        <v>19</v>
      </c>
      <c r="M39" s="270">
        <v>19</v>
      </c>
      <c r="N39" s="264">
        <v>0</v>
      </c>
      <c r="O39" s="268">
        <v>0</v>
      </c>
      <c r="P39" s="265">
        <v>0</v>
      </c>
      <c r="Q39" s="267">
        <v>0</v>
      </c>
      <c r="R39" s="268">
        <v>0</v>
      </c>
      <c r="S39" s="268">
        <v>0</v>
      </c>
      <c r="T39" s="268">
        <v>1</v>
      </c>
      <c r="U39" s="268">
        <v>0</v>
      </c>
      <c r="V39" s="268">
        <v>0</v>
      </c>
      <c r="W39" s="265">
        <v>1</v>
      </c>
      <c r="X39" s="270">
        <v>1</v>
      </c>
      <c r="Y39" s="264">
        <v>1</v>
      </c>
      <c r="Z39" s="268">
        <v>1</v>
      </c>
      <c r="AA39" s="265">
        <v>2</v>
      </c>
      <c r="AB39" s="267">
        <v>0</v>
      </c>
      <c r="AC39" s="268">
        <v>3</v>
      </c>
      <c r="AD39" s="268">
        <v>4</v>
      </c>
      <c r="AE39" s="268">
        <v>0</v>
      </c>
      <c r="AF39" s="268">
        <v>5</v>
      </c>
      <c r="AG39" s="268">
        <v>2</v>
      </c>
      <c r="AH39" s="265">
        <v>14</v>
      </c>
      <c r="AI39" s="270">
        <v>16</v>
      </c>
      <c r="AJ39" s="264">
        <v>0</v>
      </c>
      <c r="AK39" s="268">
        <v>0</v>
      </c>
      <c r="AL39" s="265">
        <v>0</v>
      </c>
      <c r="AM39" s="267">
        <v>0</v>
      </c>
      <c r="AN39" s="268">
        <v>0</v>
      </c>
      <c r="AO39" s="268">
        <v>1</v>
      </c>
      <c r="AP39" s="268">
        <v>0</v>
      </c>
      <c r="AQ39" s="268">
        <v>2</v>
      </c>
      <c r="AR39" s="268">
        <v>0</v>
      </c>
      <c r="AS39" s="265">
        <v>3</v>
      </c>
      <c r="AT39" s="270">
        <v>3</v>
      </c>
      <c r="AU39" s="264">
        <v>1</v>
      </c>
      <c r="AV39" s="268">
        <v>0</v>
      </c>
      <c r="AW39" s="265">
        <v>1</v>
      </c>
      <c r="AX39" s="267">
        <v>0</v>
      </c>
      <c r="AY39" s="268">
        <v>3</v>
      </c>
      <c r="AZ39" s="268">
        <v>1</v>
      </c>
      <c r="BA39" s="268">
        <v>5</v>
      </c>
      <c r="BB39" s="268">
        <v>10</v>
      </c>
      <c r="BC39" s="268">
        <v>4</v>
      </c>
      <c r="BD39" s="269">
        <v>23</v>
      </c>
      <c r="BE39" s="270">
        <v>24</v>
      </c>
      <c r="BF39" s="264">
        <v>0</v>
      </c>
      <c r="BG39" s="268">
        <v>0</v>
      </c>
      <c r="BH39" s="265">
        <v>0</v>
      </c>
      <c r="BI39" s="267">
        <v>0</v>
      </c>
      <c r="BJ39" s="268">
        <v>6</v>
      </c>
      <c r="BK39" s="268">
        <v>4</v>
      </c>
      <c r="BL39" s="268">
        <v>7</v>
      </c>
      <c r="BM39" s="268">
        <v>5</v>
      </c>
      <c r="BN39" s="268">
        <v>1</v>
      </c>
      <c r="BO39" s="265">
        <v>23</v>
      </c>
      <c r="BP39" s="270">
        <v>23</v>
      </c>
      <c r="BQ39" s="264">
        <v>3</v>
      </c>
      <c r="BR39" s="268">
        <v>2</v>
      </c>
      <c r="BS39" s="265">
        <v>5</v>
      </c>
      <c r="BT39" s="267">
        <v>0</v>
      </c>
      <c r="BU39" s="268">
        <v>5</v>
      </c>
      <c r="BV39" s="268">
        <v>5</v>
      </c>
      <c r="BW39" s="268">
        <v>0</v>
      </c>
      <c r="BX39" s="268">
        <v>3</v>
      </c>
      <c r="BY39" s="268">
        <v>1</v>
      </c>
      <c r="BZ39" s="265">
        <v>14</v>
      </c>
      <c r="CA39" s="270">
        <v>19</v>
      </c>
      <c r="CB39" s="264">
        <v>0</v>
      </c>
      <c r="CC39" s="268">
        <v>0</v>
      </c>
      <c r="CD39" s="265">
        <v>0</v>
      </c>
      <c r="CE39" s="267">
        <v>0</v>
      </c>
      <c r="CF39" s="268">
        <v>1</v>
      </c>
      <c r="CG39" s="268">
        <v>1</v>
      </c>
      <c r="CH39" s="268">
        <v>4</v>
      </c>
      <c r="CI39" s="268">
        <v>2</v>
      </c>
      <c r="CJ39" s="268">
        <v>0</v>
      </c>
      <c r="CK39" s="265">
        <v>8</v>
      </c>
      <c r="CL39" s="270">
        <v>8</v>
      </c>
      <c r="CM39" s="264">
        <v>0</v>
      </c>
      <c r="CN39" s="268">
        <v>0</v>
      </c>
      <c r="CO39" s="265">
        <v>0</v>
      </c>
      <c r="CP39" s="267">
        <v>0</v>
      </c>
      <c r="CQ39" s="268">
        <v>0</v>
      </c>
      <c r="CR39" s="268">
        <v>0</v>
      </c>
      <c r="CS39" s="268">
        <v>0</v>
      </c>
      <c r="CT39" s="268">
        <v>1</v>
      </c>
      <c r="CU39" s="268">
        <v>0</v>
      </c>
      <c r="CV39" s="265">
        <v>1</v>
      </c>
      <c r="CW39" s="270">
        <v>1</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14</v>
      </c>
      <c r="DU39" s="268">
        <v>3</v>
      </c>
      <c r="DV39" s="265">
        <v>17</v>
      </c>
      <c r="DW39" s="267">
        <v>0</v>
      </c>
      <c r="DX39" s="268">
        <v>15</v>
      </c>
      <c r="DY39" s="268">
        <v>20</v>
      </c>
      <c r="DZ39" s="268">
        <v>11</v>
      </c>
      <c r="EA39" s="268">
        <v>9</v>
      </c>
      <c r="EB39" s="268">
        <v>6</v>
      </c>
      <c r="EC39" s="265">
        <v>61</v>
      </c>
      <c r="ED39" s="270">
        <v>78</v>
      </c>
      <c r="EE39" s="264">
        <v>0</v>
      </c>
      <c r="EF39" s="268">
        <v>0</v>
      </c>
      <c r="EG39" s="265">
        <v>0</v>
      </c>
      <c r="EH39" s="267">
        <v>0</v>
      </c>
      <c r="EI39" s="268">
        <v>0</v>
      </c>
      <c r="EJ39" s="268">
        <v>0</v>
      </c>
      <c r="EK39" s="268">
        <v>0</v>
      </c>
      <c r="EL39" s="268">
        <v>2</v>
      </c>
      <c r="EM39" s="268">
        <v>0</v>
      </c>
      <c r="EN39" s="265">
        <v>2</v>
      </c>
      <c r="EO39" s="270">
        <v>2</v>
      </c>
      <c r="EP39" s="264">
        <v>17</v>
      </c>
      <c r="EQ39" s="268">
        <v>4</v>
      </c>
      <c r="ER39" s="265">
        <v>21</v>
      </c>
      <c r="ES39" s="267">
        <v>0</v>
      </c>
      <c r="ET39" s="268">
        <v>23</v>
      </c>
      <c r="EU39" s="268">
        <v>22</v>
      </c>
      <c r="EV39" s="268">
        <v>13</v>
      </c>
      <c r="EW39" s="268">
        <v>10</v>
      </c>
      <c r="EX39" s="268">
        <v>6</v>
      </c>
      <c r="EY39" s="265">
        <v>74</v>
      </c>
      <c r="EZ39" s="270">
        <v>95</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501">
        <f>第１表!F2</f>
        <v>5</v>
      </c>
      <c r="J1" s="501"/>
      <c r="K1" s="235">
        <f>第１表!G2</f>
        <v>10</v>
      </c>
      <c r="L1" s="505">
        <f>IF(K1&lt;3,K1+12-2,K1-2)</f>
        <v>8</v>
      </c>
      <c r="M1" s="505"/>
    </row>
    <row r="2" spans="2:156" ht="24" customHeight="1" thickBot="1" x14ac:dyDescent="0.25">
      <c r="B2" s="271" t="s">
        <v>130</v>
      </c>
      <c r="G2" s="234"/>
      <c r="H2" s="235"/>
      <c r="J2" s="300"/>
      <c r="K2" s="300"/>
    </row>
    <row r="3" spans="2:156" ht="21" customHeight="1" thickBot="1" x14ac:dyDescent="0.25">
      <c r="B3" s="518"/>
      <c r="C3" s="509" t="s">
        <v>70</v>
      </c>
      <c r="D3" s="510"/>
      <c r="E3" s="510"/>
      <c r="F3" s="510"/>
      <c r="G3" s="510"/>
      <c r="H3" s="510"/>
      <c r="I3" s="510"/>
      <c r="J3" s="510"/>
      <c r="K3" s="510"/>
      <c r="L3" s="510"/>
      <c r="M3" s="511"/>
      <c r="N3" s="509" t="s">
        <v>71</v>
      </c>
      <c r="O3" s="510"/>
      <c r="P3" s="510"/>
      <c r="Q3" s="510"/>
      <c r="R3" s="510"/>
      <c r="S3" s="510"/>
      <c r="T3" s="510"/>
      <c r="U3" s="510"/>
      <c r="V3" s="510"/>
      <c r="W3" s="510"/>
      <c r="X3" s="511"/>
      <c r="Y3" s="509" t="s">
        <v>72</v>
      </c>
      <c r="Z3" s="510"/>
      <c r="AA3" s="510"/>
      <c r="AB3" s="510"/>
      <c r="AC3" s="510"/>
      <c r="AD3" s="510"/>
      <c r="AE3" s="510"/>
      <c r="AF3" s="510"/>
      <c r="AG3" s="510"/>
      <c r="AH3" s="510"/>
      <c r="AI3" s="511"/>
      <c r="AJ3" s="509" t="s">
        <v>73</v>
      </c>
      <c r="AK3" s="510"/>
      <c r="AL3" s="510"/>
      <c r="AM3" s="510"/>
      <c r="AN3" s="510"/>
      <c r="AO3" s="510"/>
      <c r="AP3" s="510"/>
      <c r="AQ3" s="510"/>
      <c r="AR3" s="510"/>
      <c r="AS3" s="510"/>
      <c r="AT3" s="511"/>
      <c r="AU3" s="509" t="s">
        <v>74</v>
      </c>
      <c r="AV3" s="510"/>
      <c r="AW3" s="510"/>
      <c r="AX3" s="510"/>
      <c r="AY3" s="510"/>
      <c r="AZ3" s="510"/>
      <c r="BA3" s="510"/>
      <c r="BB3" s="510"/>
      <c r="BC3" s="510"/>
      <c r="BD3" s="510"/>
      <c r="BE3" s="511"/>
      <c r="BF3" s="509" t="s">
        <v>75</v>
      </c>
      <c r="BG3" s="510"/>
      <c r="BH3" s="510"/>
      <c r="BI3" s="510"/>
      <c r="BJ3" s="510"/>
      <c r="BK3" s="510"/>
      <c r="BL3" s="510"/>
      <c r="BM3" s="510"/>
      <c r="BN3" s="510"/>
      <c r="BO3" s="510"/>
      <c r="BP3" s="511"/>
      <c r="BQ3" s="509" t="s">
        <v>76</v>
      </c>
      <c r="BR3" s="510"/>
      <c r="BS3" s="510"/>
      <c r="BT3" s="510"/>
      <c r="BU3" s="510"/>
      <c r="BV3" s="510"/>
      <c r="BW3" s="510"/>
      <c r="BX3" s="510"/>
      <c r="BY3" s="510"/>
      <c r="BZ3" s="510"/>
      <c r="CA3" s="511"/>
      <c r="CB3" s="509" t="s">
        <v>77</v>
      </c>
      <c r="CC3" s="510"/>
      <c r="CD3" s="510"/>
      <c r="CE3" s="510"/>
      <c r="CF3" s="510"/>
      <c r="CG3" s="510"/>
      <c r="CH3" s="510"/>
      <c r="CI3" s="510"/>
      <c r="CJ3" s="510"/>
      <c r="CK3" s="510"/>
      <c r="CL3" s="511"/>
      <c r="CM3" s="509" t="s">
        <v>78</v>
      </c>
      <c r="CN3" s="510"/>
      <c r="CO3" s="510"/>
      <c r="CP3" s="510"/>
      <c r="CQ3" s="510"/>
      <c r="CR3" s="510"/>
      <c r="CS3" s="510"/>
      <c r="CT3" s="510"/>
      <c r="CU3" s="510"/>
      <c r="CV3" s="510"/>
      <c r="CW3" s="511"/>
      <c r="CX3" s="509" t="s">
        <v>79</v>
      </c>
      <c r="CY3" s="510"/>
      <c r="CZ3" s="510"/>
      <c r="DA3" s="510"/>
      <c r="DB3" s="510"/>
      <c r="DC3" s="510"/>
      <c r="DD3" s="510"/>
      <c r="DE3" s="510"/>
      <c r="DF3" s="510"/>
      <c r="DG3" s="510"/>
      <c r="DH3" s="511"/>
      <c r="DI3" s="509" t="s">
        <v>151</v>
      </c>
      <c r="DJ3" s="510"/>
      <c r="DK3" s="510"/>
      <c r="DL3" s="510"/>
      <c r="DM3" s="510"/>
      <c r="DN3" s="510"/>
      <c r="DO3" s="510"/>
      <c r="DP3" s="510"/>
      <c r="DQ3" s="510"/>
      <c r="DR3" s="510"/>
      <c r="DS3" s="511"/>
      <c r="DT3" s="509" t="s">
        <v>80</v>
      </c>
      <c r="DU3" s="510"/>
      <c r="DV3" s="510"/>
      <c r="DW3" s="510"/>
      <c r="DX3" s="510"/>
      <c r="DY3" s="510"/>
      <c r="DZ3" s="510"/>
      <c r="EA3" s="510"/>
      <c r="EB3" s="510"/>
      <c r="EC3" s="510"/>
      <c r="ED3" s="511"/>
      <c r="EE3" s="509" t="s">
        <v>68</v>
      </c>
      <c r="EF3" s="510"/>
      <c r="EG3" s="510"/>
      <c r="EH3" s="510"/>
      <c r="EI3" s="510"/>
      <c r="EJ3" s="510"/>
      <c r="EK3" s="510"/>
      <c r="EL3" s="510"/>
      <c r="EM3" s="510"/>
      <c r="EN3" s="510"/>
      <c r="EO3" s="511"/>
      <c r="EP3" s="506" t="s">
        <v>69</v>
      </c>
      <c r="EQ3" s="507"/>
      <c r="ER3" s="507"/>
      <c r="ES3" s="507"/>
      <c r="ET3" s="507"/>
      <c r="EU3" s="507"/>
      <c r="EV3" s="507"/>
      <c r="EW3" s="507"/>
      <c r="EX3" s="507"/>
      <c r="EY3" s="507"/>
      <c r="EZ3" s="508"/>
    </row>
    <row r="4" spans="2:156" ht="21" customHeight="1" x14ac:dyDescent="0.2">
      <c r="B4" s="519"/>
      <c r="C4" s="517" t="s">
        <v>61</v>
      </c>
      <c r="D4" s="513"/>
      <c r="E4" s="514"/>
      <c r="F4" s="512" t="s">
        <v>62</v>
      </c>
      <c r="G4" s="513"/>
      <c r="H4" s="513"/>
      <c r="I4" s="513"/>
      <c r="J4" s="513"/>
      <c r="K4" s="513"/>
      <c r="L4" s="521"/>
      <c r="M4" s="515" t="s">
        <v>52</v>
      </c>
      <c r="N4" s="517" t="s">
        <v>61</v>
      </c>
      <c r="O4" s="513"/>
      <c r="P4" s="514"/>
      <c r="Q4" s="512" t="s">
        <v>62</v>
      </c>
      <c r="R4" s="513"/>
      <c r="S4" s="513"/>
      <c r="T4" s="513"/>
      <c r="U4" s="513"/>
      <c r="V4" s="513"/>
      <c r="W4" s="514"/>
      <c r="X4" s="515" t="s">
        <v>52</v>
      </c>
      <c r="Y4" s="517" t="s">
        <v>61</v>
      </c>
      <c r="Z4" s="513"/>
      <c r="AA4" s="514"/>
      <c r="AB4" s="512" t="s">
        <v>62</v>
      </c>
      <c r="AC4" s="513"/>
      <c r="AD4" s="513"/>
      <c r="AE4" s="513"/>
      <c r="AF4" s="513"/>
      <c r="AG4" s="513"/>
      <c r="AH4" s="514"/>
      <c r="AI4" s="515" t="s">
        <v>52</v>
      </c>
      <c r="AJ4" s="517" t="s">
        <v>61</v>
      </c>
      <c r="AK4" s="513"/>
      <c r="AL4" s="514"/>
      <c r="AM4" s="512" t="s">
        <v>62</v>
      </c>
      <c r="AN4" s="513"/>
      <c r="AO4" s="513"/>
      <c r="AP4" s="513"/>
      <c r="AQ4" s="513"/>
      <c r="AR4" s="513"/>
      <c r="AS4" s="514"/>
      <c r="AT4" s="515" t="s">
        <v>52</v>
      </c>
      <c r="AU4" s="517" t="s">
        <v>61</v>
      </c>
      <c r="AV4" s="513"/>
      <c r="AW4" s="514"/>
      <c r="AX4" s="512" t="s">
        <v>62</v>
      </c>
      <c r="AY4" s="513"/>
      <c r="AZ4" s="513"/>
      <c r="BA4" s="513"/>
      <c r="BB4" s="513"/>
      <c r="BC4" s="513"/>
      <c r="BD4" s="521"/>
      <c r="BE4" s="515" t="s">
        <v>52</v>
      </c>
      <c r="BF4" s="517" t="s">
        <v>61</v>
      </c>
      <c r="BG4" s="513"/>
      <c r="BH4" s="514"/>
      <c r="BI4" s="512" t="s">
        <v>62</v>
      </c>
      <c r="BJ4" s="513"/>
      <c r="BK4" s="513"/>
      <c r="BL4" s="513"/>
      <c r="BM4" s="513"/>
      <c r="BN4" s="513"/>
      <c r="BO4" s="514"/>
      <c r="BP4" s="515" t="s">
        <v>52</v>
      </c>
      <c r="BQ4" s="517" t="s">
        <v>61</v>
      </c>
      <c r="BR4" s="513"/>
      <c r="BS4" s="514"/>
      <c r="BT4" s="512" t="s">
        <v>62</v>
      </c>
      <c r="BU4" s="513"/>
      <c r="BV4" s="513"/>
      <c r="BW4" s="513"/>
      <c r="BX4" s="513"/>
      <c r="BY4" s="513"/>
      <c r="BZ4" s="514"/>
      <c r="CA4" s="515" t="s">
        <v>52</v>
      </c>
      <c r="CB4" s="517" t="s">
        <v>61</v>
      </c>
      <c r="CC4" s="513"/>
      <c r="CD4" s="514"/>
      <c r="CE4" s="512" t="s">
        <v>62</v>
      </c>
      <c r="CF4" s="513"/>
      <c r="CG4" s="513"/>
      <c r="CH4" s="513"/>
      <c r="CI4" s="513"/>
      <c r="CJ4" s="513"/>
      <c r="CK4" s="514"/>
      <c r="CL4" s="515" t="s">
        <v>52</v>
      </c>
      <c r="CM4" s="517" t="s">
        <v>61</v>
      </c>
      <c r="CN4" s="513"/>
      <c r="CO4" s="514"/>
      <c r="CP4" s="512" t="s">
        <v>62</v>
      </c>
      <c r="CQ4" s="513"/>
      <c r="CR4" s="513"/>
      <c r="CS4" s="513"/>
      <c r="CT4" s="513"/>
      <c r="CU4" s="513"/>
      <c r="CV4" s="514"/>
      <c r="CW4" s="515" t="s">
        <v>52</v>
      </c>
      <c r="CX4" s="517" t="s">
        <v>61</v>
      </c>
      <c r="CY4" s="513"/>
      <c r="CZ4" s="514"/>
      <c r="DA4" s="512" t="s">
        <v>62</v>
      </c>
      <c r="DB4" s="513"/>
      <c r="DC4" s="513"/>
      <c r="DD4" s="513"/>
      <c r="DE4" s="513"/>
      <c r="DF4" s="513"/>
      <c r="DG4" s="514"/>
      <c r="DH4" s="515" t="s">
        <v>52</v>
      </c>
      <c r="DI4" s="517" t="s">
        <v>61</v>
      </c>
      <c r="DJ4" s="513"/>
      <c r="DK4" s="514"/>
      <c r="DL4" s="512" t="s">
        <v>62</v>
      </c>
      <c r="DM4" s="513"/>
      <c r="DN4" s="513"/>
      <c r="DO4" s="513"/>
      <c r="DP4" s="513"/>
      <c r="DQ4" s="513"/>
      <c r="DR4" s="514"/>
      <c r="DS4" s="515" t="s">
        <v>52</v>
      </c>
      <c r="DT4" s="517" t="s">
        <v>61</v>
      </c>
      <c r="DU4" s="513"/>
      <c r="DV4" s="514"/>
      <c r="DW4" s="512" t="s">
        <v>62</v>
      </c>
      <c r="DX4" s="513"/>
      <c r="DY4" s="513"/>
      <c r="DZ4" s="513"/>
      <c r="EA4" s="513"/>
      <c r="EB4" s="513"/>
      <c r="EC4" s="514"/>
      <c r="ED4" s="515" t="s">
        <v>52</v>
      </c>
      <c r="EE4" s="517" t="s">
        <v>61</v>
      </c>
      <c r="EF4" s="513"/>
      <c r="EG4" s="514"/>
      <c r="EH4" s="512" t="s">
        <v>62</v>
      </c>
      <c r="EI4" s="513"/>
      <c r="EJ4" s="513"/>
      <c r="EK4" s="513"/>
      <c r="EL4" s="513"/>
      <c r="EM4" s="513"/>
      <c r="EN4" s="514"/>
      <c r="EO4" s="515" t="s">
        <v>52</v>
      </c>
      <c r="EP4" s="517" t="s">
        <v>61</v>
      </c>
      <c r="EQ4" s="513"/>
      <c r="ER4" s="514"/>
      <c r="ES4" s="512" t="s">
        <v>62</v>
      </c>
      <c r="ET4" s="513"/>
      <c r="EU4" s="513"/>
      <c r="EV4" s="513"/>
      <c r="EW4" s="513"/>
      <c r="EX4" s="513"/>
      <c r="EY4" s="514"/>
      <c r="EZ4" s="515" t="s">
        <v>52</v>
      </c>
    </row>
    <row r="5" spans="2:156" ht="30" customHeight="1" thickBot="1" x14ac:dyDescent="0.25">
      <c r="B5" s="520"/>
      <c r="C5" s="301" t="s">
        <v>43</v>
      </c>
      <c r="D5" s="243" t="s">
        <v>44</v>
      </c>
      <c r="E5" s="356" t="s">
        <v>45</v>
      </c>
      <c r="F5" s="248" t="s">
        <v>83</v>
      </c>
      <c r="G5" s="243" t="s">
        <v>47</v>
      </c>
      <c r="H5" s="243" t="s">
        <v>48</v>
      </c>
      <c r="I5" s="243" t="s">
        <v>49</v>
      </c>
      <c r="J5" s="243" t="s">
        <v>50</v>
      </c>
      <c r="K5" s="243" t="s">
        <v>51</v>
      </c>
      <c r="L5" s="249" t="s">
        <v>45</v>
      </c>
      <c r="M5" s="516"/>
      <c r="N5" s="301" t="s">
        <v>43</v>
      </c>
      <c r="O5" s="243" t="s">
        <v>44</v>
      </c>
      <c r="P5" s="246" t="s">
        <v>45</v>
      </c>
      <c r="Q5" s="248" t="s">
        <v>83</v>
      </c>
      <c r="R5" s="243" t="s">
        <v>47</v>
      </c>
      <c r="S5" s="243" t="s">
        <v>48</v>
      </c>
      <c r="T5" s="243" t="s">
        <v>49</v>
      </c>
      <c r="U5" s="243" t="s">
        <v>50</v>
      </c>
      <c r="V5" s="243" t="s">
        <v>51</v>
      </c>
      <c r="W5" s="246" t="s">
        <v>45</v>
      </c>
      <c r="X5" s="516"/>
      <c r="Y5" s="301" t="s">
        <v>43</v>
      </c>
      <c r="Z5" s="243" t="s">
        <v>44</v>
      </c>
      <c r="AA5" s="246" t="s">
        <v>45</v>
      </c>
      <c r="AB5" s="248" t="s">
        <v>83</v>
      </c>
      <c r="AC5" s="243" t="s">
        <v>47</v>
      </c>
      <c r="AD5" s="243" t="s">
        <v>48</v>
      </c>
      <c r="AE5" s="243" t="s">
        <v>49</v>
      </c>
      <c r="AF5" s="243" t="s">
        <v>50</v>
      </c>
      <c r="AG5" s="243" t="s">
        <v>51</v>
      </c>
      <c r="AH5" s="246" t="s">
        <v>45</v>
      </c>
      <c r="AI5" s="516"/>
      <c r="AJ5" s="301" t="s">
        <v>43</v>
      </c>
      <c r="AK5" s="243" t="s">
        <v>44</v>
      </c>
      <c r="AL5" s="246" t="s">
        <v>45</v>
      </c>
      <c r="AM5" s="248" t="s">
        <v>83</v>
      </c>
      <c r="AN5" s="243" t="s">
        <v>47</v>
      </c>
      <c r="AO5" s="243" t="s">
        <v>48</v>
      </c>
      <c r="AP5" s="243" t="s">
        <v>49</v>
      </c>
      <c r="AQ5" s="243" t="s">
        <v>50</v>
      </c>
      <c r="AR5" s="243" t="s">
        <v>51</v>
      </c>
      <c r="AS5" s="246" t="s">
        <v>45</v>
      </c>
      <c r="AT5" s="516"/>
      <c r="AU5" s="301" t="s">
        <v>43</v>
      </c>
      <c r="AV5" s="243" t="s">
        <v>44</v>
      </c>
      <c r="AW5" s="246" t="s">
        <v>45</v>
      </c>
      <c r="AX5" s="248" t="s">
        <v>83</v>
      </c>
      <c r="AY5" s="243" t="s">
        <v>47</v>
      </c>
      <c r="AZ5" s="243" t="s">
        <v>48</v>
      </c>
      <c r="BA5" s="243" t="s">
        <v>49</v>
      </c>
      <c r="BB5" s="243" t="s">
        <v>50</v>
      </c>
      <c r="BC5" s="243" t="s">
        <v>51</v>
      </c>
      <c r="BD5" s="249" t="s">
        <v>45</v>
      </c>
      <c r="BE5" s="516"/>
      <c r="BF5" s="301" t="s">
        <v>43</v>
      </c>
      <c r="BG5" s="243" t="s">
        <v>44</v>
      </c>
      <c r="BH5" s="246" t="s">
        <v>45</v>
      </c>
      <c r="BI5" s="248" t="s">
        <v>83</v>
      </c>
      <c r="BJ5" s="243" t="s">
        <v>47</v>
      </c>
      <c r="BK5" s="243" t="s">
        <v>48</v>
      </c>
      <c r="BL5" s="243" t="s">
        <v>49</v>
      </c>
      <c r="BM5" s="243" t="s">
        <v>50</v>
      </c>
      <c r="BN5" s="243" t="s">
        <v>51</v>
      </c>
      <c r="BO5" s="246" t="s">
        <v>45</v>
      </c>
      <c r="BP5" s="516"/>
      <c r="BQ5" s="301" t="s">
        <v>43</v>
      </c>
      <c r="BR5" s="243" t="s">
        <v>44</v>
      </c>
      <c r="BS5" s="246" t="s">
        <v>45</v>
      </c>
      <c r="BT5" s="248" t="s">
        <v>83</v>
      </c>
      <c r="BU5" s="243" t="s">
        <v>47</v>
      </c>
      <c r="BV5" s="243" t="s">
        <v>48</v>
      </c>
      <c r="BW5" s="243" t="s">
        <v>49</v>
      </c>
      <c r="BX5" s="243" t="s">
        <v>50</v>
      </c>
      <c r="BY5" s="243" t="s">
        <v>51</v>
      </c>
      <c r="BZ5" s="246" t="s">
        <v>45</v>
      </c>
      <c r="CA5" s="516"/>
      <c r="CB5" s="301" t="s">
        <v>43</v>
      </c>
      <c r="CC5" s="243" t="s">
        <v>44</v>
      </c>
      <c r="CD5" s="246" t="s">
        <v>45</v>
      </c>
      <c r="CE5" s="248" t="s">
        <v>83</v>
      </c>
      <c r="CF5" s="243" t="s">
        <v>47</v>
      </c>
      <c r="CG5" s="243" t="s">
        <v>48</v>
      </c>
      <c r="CH5" s="243" t="s">
        <v>49</v>
      </c>
      <c r="CI5" s="243" t="s">
        <v>50</v>
      </c>
      <c r="CJ5" s="243" t="s">
        <v>51</v>
      </c>
      <c r="CK5" s="246" t="s">
        <v>45</v>
      </c>
      <c r="CL5" s="516"/>
      <c r="CM5" s="301" t="s">
        <v>43</v>
      </c>
      <c r="CN5" s="243" t="s">
        <v>44</v>
      </c>
      <c r="CO5" s="246" t="s">
        <v>45</v>
      </c>
      <c r="CP5" s="248" t="s">
        <v>83</v>
      </c>
      <c r="CQ5" s="243" t="s">
        <v>47</v>
      </c>
      <c r="CR5" s="243" t="s">
        <v>48</v>
      </c>
      <c r="CS5" s="243" t="s">
        <v>49</v>
      </c>
      <c r="CT5" s="243" t="s">
        <v>50</v>
      </c>
      <c r="CU5" s="243" t="s">
        <v>51</v>
      </c>
      <c r="CV5" s="246" t="s">
        <v>45</v>
      </c>
      <c r="CW5" s="516"/>
      <c r="CX5" s="301" t="s">
        <v>43</v>
      </c>
      <c r="CY5" s="243" t="s">
        <v>44</v>
      </c>
      <c r="CZ5" s="246" t="s">
        <v>45</v>
      </c>
      <c r="DA5" s="248" t="s">
        <v>83</v>
      </c>
      <c r="DB5" s="243" t="s">
        <v>47</v>
      </c>
      <c r="DC5" s="243" t="s">
        <v>48</v>
      </c>
      <c r="DD5" s="243" t="s">
        <v>49</v>
      </c>
      <c r="DE5" s="243" t="s">
        <v>50</v>
      </c>
      <c r="DF5" s="243" t="s">
        <v>51</v>
      </c>
      <c r="DG5" s="246" t="s">
        <v>45</v>
      </c>
      <c r="DH5" s="516"/>
      <c r="DI5" s="321" t="s">
        <v>43</v>
      </c>
      <c r="DJ5" s="243" t="s">
        <v>44</v>
      </c>
      <c r="DK5" s="246" t="s">
        <v>45</v>
      </c>
      <c r="DL5" s="248" t="s">
        <v>83</v>
      </c>
      <c r="DM5" s="243" t="s">
        <v>47</v>
      </c>
      <c r="DN5" s="243" t="s">
        <v>48</v>
      </c>
      <c r="DO5" s="243" t="s">
        <v>49</v>
      </c>
      <c r="DP5" s="243" t="s">
        <v>50</v>
      </c>
      <c r="DQ5" s="243" t="s">
        <v>51</v>
      </c>
      <c r="DR5" s="246" t="s">
        <v>45</v>
      </c>
      <c r="DS5" s="516"/>
      <c r="DT5" s="301" t="s">
        <v>43</v>
      </c>
      <c r="DU5" s="243" t="s">
        <v>44</v>
      </c>
      <c r="DV5" s="246" t="s">
        <v>45</v>
      </c>
      <c r="DW5" s="248" t="s">
        <v>83</v>
      </c>
      <c r="DX5" s="243" t="s">
        <v>47</v>
      </c>
      <c r="DY5" s="243" t="s">
        <v>48</v>
      </c>
      <c r="DZ5" s="243" t="s">
        <v>49</v>
      </c>
      <c r="EA5" s="243" t="s">
        <v>50</v>
      </c>
      <c r="EB5" s="243" t="s">
        <v>51</v>
      </c>
      <c r="EC5" s="246" t="s">
        <v>45</v>
      </c>
      <c r="ED5" s="516"/>
      <c r="EE5" s="301" t="s">
        <v>43</v>
      </c>
      <c r="EF5" s="243" t="s">
        <v>44</v>
      </c>
      <c r="EG5" s="246" t="s">
        <v>45</v>
      </c>
      <c r="EH5" s="248" t="s">
        <v>83</v>
      </c>
      <c r="EI5" s="243" t="s">
        <v>47</v>
      </c>
      <c r="EJ5" s="243" t="s">
        <v>48</v>
      </c>
      <c r="EK5" s="243" t="s">
        <v>49</v>
      </c>
      <c r="EL5" s="243" t="s">
        <v>50</v>
      </c>
      <c r="EM5" s="243" t="s">
        <v>51</v>
      </c>
      <c r="EN5" s="246" t="s">
        <v>45</v>
      </c>
      <c r="EO5" s="516"/>
      <c r="EP5" s="301" t="s">
        <v>43</v>
      </c>
      <c r="EQ5" s="243" t="s">
        <v>44</v>
      </c>
      <c r="ER5" s="246" t="s">
        <v>45</v>
      </c>
      <c r="ES5" s="248" t="s">
        <v>83</v>
      </c>
      <c r="ET5" s="243" t="s">
        <v>47</v>
      </c>
      <c r="EU5" s="243" t="s">
        <v>48</v>
      </c>
      <c r="EV5" s="243" t="s">
        <v>49</v>
      </c>
      <c r="EW5" s="243" t="s">
        <v>50</v>
      </c>
      <c r="EX5" s="243" t="s">
        <v>51</v>
      </c>
      <c r="EY5" s="246" t="s">
        <v>45</v>
      </c>
      <c r="EZ5" s="516"/>
    </row>
    <row r="6" spans="2:156" ht="21" customHeight="1" x14ac:dyDescent="0.2">
      <c r="B6" s="470" t="s">
        <v>4</v>
      </c>
      <c r="C6" s="250">
        <v>0</v>
      </c>
      <c r="D6" s="254">
        <v>0</v>
      </c>
      <c r="E6" s="357">
        <v>0</v>
      </c>
      <c r="F6" s="253">
        <v>0</v>
      </c>
      <c r="G6" s="254">
        <v>1183</v>
      </c>
      <c r="H6" s="254">
        <v>1275</v>
      </c>
      <c r="I6" s="254">
        <v>722</v>
      </c>
      <c r="J6" s="254">
        <v>545</v>
      </c>
      <c r="K6" s="254">
        <v>398</v>
      </c>
      <c r="L6" s="255">
        <v>4123</v>
      </c>
      <c r="M6" s="256">
        <v>4123</v>
      </c>
      <c r="N6" s="250">
        <v>0</v>
      </c>
      <c r="O6" s="254">
        <v>1</v>
      </c>
      <c r="P6" s="251">
        <v>1</v>
      </c>
      <c r="Q6" s="253">
        <v>0</v>
      </c>
      <c r="R6" s="254">
        <v>4</v>
      </c>
      <c r="S6" s="254">
        <v>29</v>
      </c>
      <c r="T6" s="254">
        <v>64</v>
      </c>
      <c r="U6" s="254">
        <v>122</v>
      </c>
      <c r="V6" s="254">
        <v>187</v>
      </c>
      <c r="W6" s="251">
        <v>406</v>
      </c>
      <c r="X6" s="256">
        <v>407</v>
      </c>
      <c r="Y6" s="250">
        <v>197</v>
      </c>
      <c r="Z6" s="254">
        <v>368</v>
      </c>
      <c r="AA6" s="251">
        <v>565</v>
      </c>
      <c r="AB6" s="253">
        <v>0</v>
      </c>
      <c r="AC6" s="254">
        <v>927</v>
      </c>
      <c r="AD6" s="254">
        <v>1258</v>
      </c>
      <c r="AE6" s="254">
        <v>760</v>
      </c>
      <c r="AF6" s="254">
        <v>602</v>
      </c>
      <c r="AG6" s="254">
        <v>380</v>
      </c>
      <c r="AH6" s="251">
        <v>3927</v>
      </c>
      <c r="AI6" s="256">
        <v>4492</v>
      </c>
      <c r="AJ6" s="250">
        <v>18</v>
      </c>
      <c r="AK6" s="254">
        <v>55</v>
      </c>
      <c r="AL6" s="251">
        <v>73</v>
      </c>
      <c r="AM6" s="253">
        <v>0</v>
      </c>
      <c r="AN6" s="254">
        <v>68</v>
      </c>
      <c r="AO6" s="254">
        <v>118</v>
      </c>
      <c r="AP6" s="254">
        <v>81</v>
      </c>
      <c r="AQ6" s="254">
        <v>79</v>
      </c>
      <c r="AR6" s="254">
        <v>37</v>
      </c>
      <c r="AS6" s="251">
        <v>383</v>
      </c>
      <c r="AT6" s="256">
        <v>456</v>
      </c>
      <c r="AU6" s="250">
        <v>289</v>
      </c>
      <c r="AV6" s="254">
        <v>341</v>
      </c>
      <c r="AW6" s="251">
        <v>630</v>
      </c>
      <c r="AX6" s="253">
        <v>0</v>
      </c>
      <c r="AY6" s="254">
        <v>1360</v>
      </c>
      <c r="AZ6" s="254">
        <v>1597</v>
      </c>
      <c r="BA6" s="254">
        <v>1426</v>
      </c>
      <c r="BB6" s="254">
        <v>1276</v>
      </c>
      <c r="BC6" s="254">
        <v>862</v>
      </c>
      <c r="BD6" s="255">
        <v>6521</v>
      </c>
      <c r="BE6" s="256">
        <v>7151</v>
      </c>
      <c r="BF6" s="250">
        <v>0</v>
      </c>
      <c r="BG6" s="254">
        <v>0</v>
      </c>
      <c r="BH6" s="251">
        <v>0</v>
      </c>
      <c r="BI6" s="253">
        <v>0</v>
      </c>
      <c r="BJ6" s="254">
        <v>1533</v>
      </c>
      <c r="BK6" s="254">
        <v>1365</v>
      </c>
      <c r="BL6" s="254">
        <v>711</v>
      </c>
      <c r="BM6" s="254">
        <v>378</v>
      </c>
      <c r="BN6" s="254">
        <v>148</v>
      </c>
      <c r="BO6" s="251">
        <v>4135</v>
      </c>
      <c r="BP6" s="256">
        <v>4135</v>
      </c>
      <c r="BQ6" s="250">
        <v>134</v>
      </c>
      <c r="BR6" s="254">
        <v>178</v>
      </c>
      <c r="BS6" s="251">
        <v>312</v>
      </c>
      <c r="BT6" s="253">
        <v>0</v>
      </c>
      <c r="BU6" s="254">
        <v>337</v>
      </c>
      <c r="BV6" s="254">
        <v>500</v>
      </c>
      <c r="BW6" s="254">
        <v>319</v>
      </c>
      <c r="BX6" s="254">
        <v>168</v>
      </c>
      <c r="BY6" s="254">
        <v>53</v>
      </c>
      <c r="BZ6" s="251">
        <v>1377</v>
      </c>
      <c r="CA6" s="256">
        <v>1689</v>
      </c>
      <c r="CB6" s="250">
        <v>12</v>
      </c>
      <c r="CC6" s="254">
        <v>18</v>
      </c>
      <c r="CD6" s="251">
        <v>30</v>
      </c>
      <c r="CE6" s="253">
        <v>0</v>
      </c>
      <c r="CF6" s="254">
        <v>179</v>
      </c>
      <c r="CG6" s="254">
        <v>265</v>
      </c>
      <c r="CH6" s="254">
        <v>301</v>
      </c>
      <c r="CI6" s="254">
        <v>198</v>
      </c>
      <c r="CJ6" s="254">
        <v>80</v>
      </c>
      <c r="CK6" s="251">
        <v>1023</v>
      </c>
      <c r="CL6" s="256">
        <v>1053</v>
      </c>
      <c r="CM6" s="250">
        <v>1</v>
      </c>
      <c r="CN6" s="254">
        <v>5</v>
      </c>
      <c r="CO6" s="251">
        <v>6</v>
      </c>
      <c r="CP6" s="253">
        <v>0</v>
      </c>
      <c r="CQ6" s="254">
        <v>21</v>
      </c>
      <c r="CR6" s="254">
        <v>34</v>
      </c>
      <c r="CS6" s="254">
        <v>51</v>
      </c>
      <c r="CT6" s="254">
        <v>39</v>
      </c>
      <c r="CU6" s="254">
        <v>24</v>
      </c>
      <c r="CV6" s="251">
        <v>169</v>
      </c>
      <c r="CW6" s="256">
        <v>175</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599</v>
      </c>
      <c r="DU6" s="254">
        <v>1235</v>
      </c>
      <c r="DV6" s="251">
        <v>1834</v>
      </c>
      <c r="DW6" s="253">
        <v>0</v>
      </c>
      <c r="DX6" s="254">
        <v>1718</v>
      </c>
      <c r="DY6" s="254">
        <v>3025</v>
      </c>
      <c r="DZ6" s="254">
        <v>1770</v>
      </c>
      <c r="EA6" s="254">
        <v>1255</v>
      </c>
      <c r="EB6" s="254">
        <v>697</v>
      </c>
      <c r="EC6" s="251">
        <v>8465</v>
      </c>
      <c r="ED6" s="256">
        <v>10299</v>
      </c>
      <c r="EE6" s="250">
        <v>185</v>
      </c>
      <c r="EF6" s="254">
        <v>141</v>
      </c>
      <c r="EG6" s="251">
        <v>326</v>
      </c>
      <c r="EH6" s="253">
        <v>0</v>
      </c>
      <c r="EI6" s="254">
        <v>554</v>
      </c>
      <c r="EJ6" s="254">
        <v>496</v>
      </c>
      <c r="EK6" s="254">
        <v>422</v>
      </c>
      <c r="EL6" s="254">
        <v>428</v>
      </c>
      <c r="EM6" s="254">
        <v>231</v>
      </c>
      <c r="EN6" s="251">
        <v>2131</v>
      </c>
      <c r="EO6" s="256">
        <v>2457</v>
      </c>
      <c r="EP6" s="250">
        <v>911</v>
      </c>
      <c r="EQ6" s="254">
        <v>1625</v>
      </c>
      <c r="ER6" s="251">
        <v>2536</v>
      </c>
      <c r="ES6" s="253">
        <v>0</v>
      </c>
      <c r="ET6" s="254">
        <v>4167</v>
      </c>
      <c r="EU6" s="254">
        <v>4299</v>
      </c>
      <c r="EV6" s="254">
        <v>2200</v>
      </c>
      <c r="EW6" s="254">
        <v>1373</v>
      </c>
      <c r="EX6" s="254">
        <v>753</v>
      </c>
      <c r="EY6" s="251">
        <v>12792</v>
      </c>
      <c r="EZ6" s="256">
        <v>15328</v>
      </c>
    </row>
    <row r="7" spans="2:156" ht="21" customHeight="1" x14ac:dyDescent="0.2">
      <c r="B7" s="471" t="s">
        <v>5</v>
      </c>
      <c r="C7" s="257">
        <v>0</v>
      </c>
      <c r="D7" s="261">
        <v>0</v>
      </c>
      <c r="E7" s="358">
        <v>0</v>
      </c>
      <c r="F7" s="260">
        <v>0</v>
      </c>
      <c r="G7" s="261">
        <v>474</v>
      </c>
      <c r="H7" s="261">
        <v>620</v>
      </c>
      <c r="I7" s="261">
        <v>340</v>
      </c>
      <c r="J7" s="261">
        <v>231</v>
      </c>
      <c r="K7" s="261">
        <v>180</v>
      </c>
      <c r="L7" s="262">
        <v>1845</v>
      </c>
      <c r="M7" s="263">
        <v>1845</v>
      </c>
      <c r="N7" s="257">
        <v>0</v>
      </c>
      <c r="O7" s="261">
        <v>1</v>
      </c>
      <c r="P7" s="258">
        <v>1</v>
      </c>
      <c r="Q7" s="260">
        <v>0</v>
      </c>
      <c r="R7" s="261">
        <v>0</v>
      </c>
      <c r="S7" s="261">
        <v>12</v>
      </c>
      <c r="T7" s="261">
        <v>24</v>
      </c>
      <c r="U7" s="261">
        <v>58</v>
      </c>
      <c r="V7" s="261">
        <v>85</v>
      </c>
      <c r="W7" s="258">
        <v>179</v>
      </c>
      <c r="X7" s="263">
        <v>180</v>
      </c>
      <c r="Y7" s="257">
        <v>103</v>
      </c>
      <c r="Z7" s="261">
        <v>205</v>
      </c>
      <c r="AA7" s="258">
        <v>308</v>
      </c>
      <c r="AB7" s="260">
        <v>0</v>
      </c>
      <c r="AC7" s="261">
        <v>362</v>
      </c>
      <c r="AD7" s="261">
        <v>660</v>
      </c>
      <c r="AE7" s="261">
        <v>378</v>
      </c>
      <c r="AF7" s="261">
        <v>296</v>
      </c>
      <c r="AG7" s="261">
        <v>165</v>
      </c>
      <c r="AH7" s="258">
        <v>1861</v>
      </c>
      <c r="AI7" s="263">
        <v>2169</v>
      </c>
      <c r="AJ7" s="257">
        <v>6</v>
      </c>
      <c r="AK7" s="261">
        <v>27</v>
      </c>
      <c r="AL7" s="258">
        <v>33</v>
      </c>
      <c r="AM7" s="260">
        <v>0</v>
      </c>
      <c r="AN7" s="261">
        <v>20</v>
      </c>
      <c r="AO7" s="261">
        <v>45</v>
      </c>
      <c r="AP7" s="261">
        <v>29</v>
      </c>
      <c r="AQ7" s="261">
        <v>29</v>
      </c>
      <c r="AR7" s="261">
        <v>17</v>
      </c>
      <c r="AS7" s="258">
        <v>140</v>
      </c>
      <c r="AT7" s="263">
        <v>173</v>
      </c>
      <c r="AU7" s="257">
        <v>127</v>
      </c>
      <c r="AV7" s="261">
        <v>199</v>
      </c>
      <c r="AW7" s="258">
        <v>326</v>
      </c>
      <c r="AX7" s="260">
        <v>0</v>
      </c>
      <c r="AY7" s="261">
        <v>491</v>
      </c>
      <c r="AZ7" s="261">
        <v>725</v>
      </c>
      <c r="BA7" s="261">
        <v>633</v>
      </c>
      <c r="BB7" s="261">
        <v>551</v>
      </c>
      <c r="BC7" s="261">
        <v>389</v>
      </c>
      <c r="BD7" s="262">
        <v>2789</v>
      </c>
      <c r="BE7" s="263">
        <v>3115</v>
      </c>
      <c r="BF7" s="257">
        <v>0</v>
      </c>
      <c r="BG7" s="261">
        <v>0</v>
      </c>
      <c r="BH7" s="258">
        <v>0</v>
      </c>
      <c r="BI7" s="260">
        <v>0</v>
      </c>
      <c r="BJ7" s="261">
        <v>550</v>
      </c>
      <c r="BK7" s="261">
        <v>588</v>
      </c>
      <c r="BL7" s="261">
        <v>302</v>
      </c>
      <c r="BM7" s="261">
        <v>137</v>
      </c>
      <c r="BN7" s="261">
        <v>55</v>
      </c>
      <c r="BO7" s="258">
        <v>1632</v>
      </c>
      <c r="BP7" s="263">
        <v>1632</v>
      </c>
      <c r="BQ7" s="257">
        <v>70</v>
      </c>
      <c r="BR7" s="261">
        <v>92</v>
      </c>
      <c r="BS7" s="258">
        <v>162</v>
      </c>
      <c r="BT7" s="260">
        <v>0</v>
      </c>
      <c r="BU7" s="261">
        <v>122</v>
      </c>
      <c r="BV7" s="261">
        <v>231</v>
      </c>
      <c r="BW7" s="261">
        <v>151</v>
      </c>
      <c r="BX7" s="261">
        <v>81</v>
      </c>
      <c r="BY7" s="261">
        <v>22</v>
      </c>
      <c r="BZ7" s="258">
        <v>607</v>
      </c>
      <c r="CA7" s="263">
        <v>769</v>
      </c>
      <c r="CB7" s="257">
        <v>3</v>
      </c>
      <c r="CC7" s="261">
        <v>10</v>
      </c>
      <c r="CD7" s="258">
        <v>13</v>
      </c>
      <c r="CE7" s="260">
        <v>0</v>
      </c>
      <c r="CF7" s="261">
        <v>58</v>
      </c>
      <c r="CG7" s="261">
        <v>96</v>
      </c>
      <c r="CH7" s="261">
        <v>131</v>
      </c>
      <c r="CI7" s="261">
        <v>66</v>
      </c>
      <c r="CJ7" s="261">
        <v>38</v>
      </c>
      <c r="CK7" s="258">
        <v>389</v>
      </c>
      <c r="CL7" s="263">
        <v>402</v>
      </c>
      <c r="CM7" s="257">
        <v>0</v>
      </c>
      <c r="CN7" s="261">
        <v>5</v>
      </c>
      <c r="CO7" s="258">
        <v>5</v>
      </c>
      <c r="CP7" s="260">
        <v>0</v>
      </c>
      <c r="CQ7" s="261">
        <v>13</v>
      </c>
      <c r="CR7" s="261">
        <v>22</v>
      </c>
      <c r="CS7" s="261">
        <v>29</v>
      </c>
      <c r="CT7" s="261">
        <v>21</v>
      </c>
      <c r="CU7" s="261">
        <v>13</v>
      </c>
      <c r="CV7" s="258">
        <v>98</v>
      </c>
      <c r="CW7" s="263">
        <v>103</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26</v>
      </c>
      <c r="DU7" s="261">
        <v>605</v>
      </c>
      <c r="DV7" s="258">
        <v>831</v>
      </c>
      <c r="DW7" s="260">
        <v>0</v>
      </c>
      <c r="DX7" s="261">
        <v>564</v>
      </c>
      <c r="DY7" s="261">
        <v>1379</v>
      </c>
      <c r="DZ7" s="261">
        <v>799</v>
      </c>
      <c r="EA7" s="261">
        <v>533</v>
      </c>
      <c r="EB7" s="261">
        <v>301</v>
      </c>
      <c r="EC7" s="258">
        <v>3576</v>
      </c>
      <c r="ED7" s="263">
        <v>4407</v>
      </c>
      <c r="EE7" s="257">
        <v>74</v>
      </c>
      <c r="EF7" s="261">
        <v>77</v>
      </c>
      <c r="EG7" s="258">
        <v>151</v>
      </c>
      <c r="EH7" s="260">
        <v>0</v>
      </c>
      <c r="EI7" s="261">
        <v>202</v>
      </c>
      <c r="EJ7" s="261">
        <v>224</v>
      </c>
      <c r="EK7" s="261">
        <v>199</v>
      </c>
      <c r="EL7" s="261">
        <v>203</v>
      </c>
      <c r="EM7" s="261">
        <v>112</v>
      </c>
      <c r="EN7" s="258">
        <v>940</v>
      </c>
      <c r="EO7" s="263">
        <v>1091</v>
      </c>
      <c r="EP7" s="257">
        <v>377</v>
      </c>
      <c r="EQ7" s="261">
        <v>803</v>
      </c>
      <c r="ER7" s="258">
        <v>1180</v>
      </c>
      <c r="ES7" s="260">
        <v>0</v>
      </c>
      <c r="ET7" s="261">
        <v>1547</v>
      </c>
      <c r="EU7" s="261">
        <v>1995</v>
      </c>
      <c r="EV7" s="261">
        <v>1001</v>
      </c>
      <c r="EW7" s="261">
        <v>596</v>
      </c>
      <c r="EX7" s="261">
        <v>329</v>
      </c>
      <c r="EY7" s="258">
        <v>5468</v>
      </c>
      <c r="EZ7" s="263">
        <v>6648</v>
      </c>
    </row>
    <row r="8" spans="2:156" ht="21" customHeight="1" x14ac:dyDescent="0.2">
      <c r="B8" s="472" t="s">
        <v>6</v>
      </c>
      <c r="C8" s="257">
        <v>0</v>
      </c>
      <c r="D8" s="261">
        <v>0</v>
      </c>
      <c r="E8" s="358">
        <v>0</v>
      </c>
      <c r="F8" s="260">
        <v>0</v>
      </c>
      <c r="G8" s="261">
        <v>168</v>
      </c>
      <c r="H8" s="261">
        <v>143</v>
      </c>
      <c r="I8" s="261">
        <v>80</v>
      </c>
      <c r="J8" s="261">
        <v>63</v>
      </c>
      <c r="K8" s="261">
        <v>46</v>
      </c>
      <c r="L8" s="262">
        <v>500</v>
      </c>
      <c r="M8" s="263">
        <v>500</v>
      </c>
      <c r="N8" s="257">
        <v>0</v>
      </c>
      <c r="O8" s="261">
        <v>0</v>
      </c>
      <c r="P8" s="258">
        <v>0</v>
      </c>
      <c r="Q8" s="260">
        <v>0</v>
      </c>
      <c r="R8" s="261">
        <v>2</v>
      </c>
      <c r="S8" s="261">
        <v>4</v>
      </c>
      <c r="T8" s="261">
        <v>7</v>
      </c>
      <c r="U8" s="261">
        <v>12</v>
      </c>
      <c r="V8" s="261">
        <v>21</v>
      </c>
      <c r="W8" s="258">
        <v>46</v>
      </c>
      <c r="X8" s="263">
        <v>46</v>
      </c>
      <c r="Y8" s="257">
        <v>21</v>
      </c>
      <c r="Z8" s="261">
        <v>40</v>
      </c>
      <c r="AA8" s="258">
        <v>61</v>
      </c>
      <c r="AB8" s="260">
        <v>0</v>
      </c>
      <c r="AC8" s="261">
        <v>147</v>
      </c>
      <c r="AD8" s="261">
        <v>154</v>
      </c>
      <c r="AE8" s="261">
        <v>79</v>
      </c>
      <c r="AF8" s="261">
        <v>72</v>
      </c>
      <c r="AG8" s="261">
        <v>54</v>
      </c>
      <c r="AH8" s="258">
        <v>506</v>
      </c>
      <c r="AI8" s="263">
        <v>567</v>
      </c>
      <c r="AJ8" s="257">
        <v>2</v>
      </c>
      <c r="AK8" s="261">
        <v>5</v>
      </c>
      <c r="AL8" s="258">
        <v>7</v>
      </c>
      <c r="AM8" s="260">
        <v>0</v>
      </c>
      <c r="AN8" s="261">
        <v>14</v>
      </c>
      <c r="AO8" s="261">
        <v>16</v>
      </c>
      <c r="AP8" s="261">
        <v>9</v>
      </c>
      <c r="AQ8" s="261">
        <v>10</v>
      </c>
      <c r="AR8" s="261">
        <v>3</v>
      </c>
      <c r="AS8" s="258">
        <v>52</v>
      </c>
      <c r="AT8" s="263">
        <v>59</v>
      </c>
      <c r="AU8" s="257">
        <v>46</v>
      </c>
      <c r="AV8" s="261">
        <v>42</v>
      </c>
      <c r="AW8" s="258">
        <v>88</v>
      </c>
      <c r="AX8" s="260">
        <v>0</v>
      </c>
      <c r="AY8" s="261">
        <v>239</v>
      </c>
      <c r="AZ8" s="261">
        <v>218</v>
      </c>
      <c r="BA8" s="261">
        <v>170</v>
      </c>
      <c r="BB8" s="261">
        <v>185</v>
      </c>
      <c r="BC8" s="261">
        <v>123</v>
      </c>
      <c r="BD8" s="262">
        <v>935</v>
      </c>
      <c r="BE8" s="263">
        <v>1023</v>
      </c>
      <c r="BF8" s="257">
        <v>0</v>
      </c>
      <c r="BG8" s="261">
        <v>0</v>
      </c>
      <c r="BH8" s="258">
        <v>0</v>
      </c>
      <c r="BI8" s="260">
        <v>0</v>
      </c>
      <c r="BJ8" s="261">
        <v>219</v>
      </c>
      <c r="BK8" s="261">
        <v>174</v>
      </c>
      <c r="BL8" s="261">
        <v>79</v>
      </c>
      <c r="BM8" s="261">
        <v>56</v>
      </c>
      <c r="BN8" s="261">
        <v>26</v>
      </c>
      <c r="BO8" s="258">
        <v>554</v>
      </c>
      <c r="BP8" s="263">
        <v>554</v>
      </c>
      <c r="BQ8" s="257">
        <v>8</v>
      </c>
      <c r="BR8" s="261">
        <v>10</v>
      </c>
      <c r="BS8" s="258">
        <v>18</v>
      </c>
      <c r="BT8" s="260">
        <v>0</v>
      </c>
      <c r="BU8" s="261">
        <v>38</v>
      </c>
      <c r="BV8" s="261">
        <v>47</v>
      </c>
      <c r="BW8" s="261">
        <v>33</v>
      </c>
      <c r="BX8" s="261">
        <v>18</v>
      </c>
      <c r="BY8" s="261">
        <v>9</v>
      </c>
      <c r="BZ8" s="258">
        <v>145</v>
      </c>
      <c r="CA8" s="263">
        <v>163</v>
      </c>
      <c r="CB8" s="257">
        <v>1</v>
      </c>
      <c r="CC8" s="261">
        <v>1</v>
      </c>
      <c r="CD8" s="258">
        <v>2</v>
      </c>
      <c r="CE8" s="260">
        <v>0</v>
      </c>
      <c r="CF8" s="261">
        <v>20</v>
      </c>
      <c r="CG8" s="261">
        <v>28</v>
      </c>
      <c r="CH8" s="261">
        <v>32</v>
      </c>
      <c r="CI8" s="261">
        <v>19</v>
      </c>
      <c r="CJ8" s="261">
        <v>9</v>
      </c>
      <c r="CK8" s="258">
        <v>108</v>
      </c>
      <c r="CL8" s="263">
        <v>110</v>
      </c>
      <c r="CM8" s="257">
        <v>0</v>
      </c>
      <c r="CN8" s="261">
        <v>0</v>
      </c>
      <c r="CO8" s="258">
        <v>0</v>
      </c>
      <c r="CP8" s="260">
        <v>0</v>
      </c>
      <c r="CQ8" s="261">
        <v>2</v>
      </c>
      <c r="CR8" s="261">
        <v>0</v>
      </c>
      <c r="CS8" s="261">
        <v>4</v>
      </c>
      <c r="CT8" s="261">
        <v>5</v>
      </c>
      <c r="CU8" s="261">
        <v>5</v>
      </c>
      <c r="CV8" s="258">
        <v>16</v>
      </c>
      <c r="CW8" s="263">
        <v>16</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77</v>
      </c>
      <c r="DU8" s="261">
        <v>114</v>
      </c>
      <c r="DV8" s="258">
        <v>191</v>
      </c>
      <c r="DW8" s="260">
        <v>0</v>
      </c>
      <c r="DX8" s="261">
        <v>254</v>
      </c>
      <c r="DY8" s="261">
        <v>339</v>
      </c>
      <c r="DZ8" s="261">
        <v>196</v>
      </c>
      <c r="EA8" s="261">
        <v>168</v>
      </c>
      <c r="EB8" s="261">
        <v>100</v>
      </c>
      <c r="EC8" s="258">
        <v>1057</v>
      </c>
      <c r="ED8" s="263">
        <v>1248</v>
      </c>
      <c r="EE8" s="257">
        <v>30</v>
      </c>
      <c r="EF8" s="261">
        <v>14</v>
      </c>
      <c r="EG8" s="258">
        <v>44</v>
      </c>
      <c r="EH8" s="260">
        <v>0</v>
      </c>
      <c r="EI8" s="261">
        <v>84</v>
      </c>
      <c r="EJ8" s="261">
        <v>66</v>
      </c>
      <c r="EK8" s="261">
        <v>56</v>
      </c>
      <c r="EL8" s="261">
        <v>62</v>
      </c>
      <c r="EM8" s="261">
        <v>31</v>
      </c>
      <c r="EN8" s="258">
        <v>299</v>
      </c>
      <c r="EO8" s="263">
        <v>343</v>
      </c>
      <c r="EP8" s="257">
        <v>103</v>
      </c>
      <c r="EQ8" s="261">
        <v>157</v>
      </c>
      <c r="ER8" s="258">
        <v>260</v>
      </c>
      <c r="ES8" s="260">
        <v>0</v>
      </c>
      <c r="ET8" s="261">
        <v>571</v>
      </c>
      <c r="EU8" s="261">
        <v>483</v>
      </c>
      <c r="EV8" s="261">
        <v>236</v>
      </c>
      <c r="EW8" s="261">
        <v>176</v>
      </c>
      <c r="EX8" s="261">
        <v>107</v>
      </c>
      <c r="EY8" s="258">
        <v>1573</v>
      </c>
      <c r="EZ8" s="263">
        <v>1833</v>
      </c>
    </row>
    <row r="9" spans="2:156" ht="21" customHeight="1" x14ac:dyDescent="0.2">
      <c r="B9" s="472" t="s">
        <v>14</v>
      </c>
      <c r="C9" s="257">
        <v>0</v>
      </c>
      <c r="D9" s="261">
        <v>0</v>
      </c>
      <c r="E9" s="358">
        <v>0</v>
      </c>
      <c r="F9" s="260">
        <v>0</v>
      </c>
      <c r="G9" s="261">
        <v>53</v>
      </c>
      <c r="H9" s="261">
        <v>96</v>
      </c>
      <c r="I9" s="261">
        <v>51</v>
      </c>
      <c r="J9" s="261">
        <v>36</v>
      </c>
      <c r="K9" s="261">
        <v>24</v>
      </c>
      <c r="L9" s="262">
        <v>260</v>
      </c>
      <c r="M9" s="263">
        <v>260</v>
      </c>
      <c r="N9" s="257">
        <v>0</v>
      </c>
      <c r="O9" s="261">
        <v>0</v>
      </c>
      <c r="P9" s="258">
        <v>0</v>
      </c>
      <c r="Q9" s="260">
        <v>0</v>
      </c>
      <c r="R9" s="261">
        <v>0</v>
      </c>
      <c r="S9" s="261">
        <v>1</v>
      </c>
      <c r="T9" s="261">
        <v>5</v>
      </c>
      <c r="U9" s="261">
        <v>9</v>
      </c>
      <c r="V9" s="261">
        <v>6</v>
      </c>
      <c r="W9" s="258">
        <v>21</v>
      </c>
      <c r="X9" s="263">
        <v>21</v>
      </c>
      <c r="Y9" s="257">
        <v>9</v>
      </c>
      <c r="Z9" s="261">
        <v>24</v>
      </c>
      <c r="AA9" s="258">
        <v>33</v>
      </c>
      <c r="AB9" s="260">
        <v>0</v>
      </c>
      <c r="AC9" s="261">
        <v>51</v>
      </c>
      <c r="AD9" s="261">
        <v>89</v>
      </c>
      <c r="AE9" s="261">
        <v>59</v>
      </c>
      <c r="AF9" s="261">
        <v>35</v>
      </c>
      <c r="AG9" s="261">
        <v>27</v>
      </c>
      <c r="AH9" s="258">
        <v>261</v>
      </c>
      <c r="AI9" s="263">
        <v>294</v>
      </c>
      <c r="AJ9" s="257">
        <v>1</v>
      </c>
      <c r="AK9" s="261">
        <v>3</v>
      </c>
      <c r="AL9" s="258">
        <v>4</v>
      </c>
      <c r="AM9" s="260">
        <v>0</v>
      </c>
      <c r="AN9" s="261">
        <v>1</v>
      </c>
      <c r="AO9" s="261">
        <v>2</v>
      </c>
      <c r="AP9" s="261">
        <v>4</v>
      </c>
      <c r="AQ9" s="261">
        <v>5</v>
      </c>
      <c r="AR9" s="261">
        <v>0</v>
      </c>
      <c r="AS9" s="258">
        <v>12</v>
      </c>
      <c r="AT9" s="263">
        <v>16</v>
      </c>
      <c r="AU9" s="257">
        <v>18</v>
      </c>
      <c r="AV9" s="261">
        <v>24</v>
      </c>
      <c r="AW9" s="258">
        <v>42</v>
      </c>
      <c r="AX9" s="260">
        <v>0</v>
      </c>
      <c r="AY9" s="261">
        <v>89</v>
      </c>
      <c r="AZ9" s="261">
        <v>112</v>
      </c>
      <c r="BA9" s="261">
        <v>108</v>
      </c>
      <c r="BB9" s="261">
        <v>88</v>
      </c>
      <c r="BC9" s="261">
        <v>56</v>
      </c>
      <c r="BD9" s="262">
        <v>453</v>
      </c>
      <c r="BE9" s="263">
        <v>495</v>
      </c>
      <c r="BF9" s="257">
        <v>0</v>
      </c>
      <c r="BG9" s="261">
        <v>0</v>
      </c>
      <c r="BH9" s="258">
        <v>0</v>
      </c>
      <c r="BI9" s="260">
        <v>0</v>
      </c>
      <c r="BJ9" s="261">
        <v>116</v>
      </c>
      <c r="BK9" s="261">
        <v>119</v>
      </c>
      <c r="BL9" s="261">
        <v>71</v>
      </c>
      <c r="BM9" s="261">
        <v>30</v>
      </c>
      <c r="BN9" s="261">
        <v>13</v>
      </c>
      <c r="BO9" s="258">
        <v>349</v>
      </c>
      <c r="BP9" s="263">
        <v>349</v>
      </c>
      <c r="BQ9" s="257">
        <v>4</v>
      </c>
      <c r="BR9" s="261">
        <v>9</v>
      </c>
      <c r="BS9" s="258">
        <v>13</v>
      </c>
      <c r="BT9" s="260">
        <v>0</v>
      </c>
      <c r="BU9" s="261">
        <v>11</v>
      </c>
      <c r="BV9" s="261">
        <v>30</v>
      </c>
      <c r="BW9" s="261">
        <v>15</v>
      </c>
      <c r="BX9" s="261">
        <v>8</v>
      </c>
      <c r="BY9" s="261">
        <v>1</v>
      </c>
      <c r="BZ9" s="258">
        <v>65</v>
      </c>
      <c r="CA9" s="263">
        <v>78</v>
      </c>
      <c r="CB9" s="257">
        <v>2</v>
      </c>
      <c r="CC9" s="261">
        <v>0</v>
      </c>
      <c r="CD9" s="258">
        <v>2</v>
      </c>
      <c r="CE9" s="260">
        <v>0</v>
      </c>
      <c r="CF9" s="261">
        <v>10</v>
      </c>
      <c r="CG9" s="261">
        <v>21</v>
      </c>
      <c r="CH9" s="261">
        <v>18</v>
      </c>
      <c r="CI9" s="261">
        <v>16</v>
      </c>
      <c r="CJ9" s="261">
        <v>4</v>
      </c>
      <c r="CK9" s="258">
        <v>69</v>
      </c>
      <c r="CL9" s="263">
        <v>71</v>
      </c>
      <c r="CM9" s="257">
        <v>0</v>
      </c>
      <c r="CN9" s="261">
        <v>0</v>
      </c>
      <c r="CO9" s="258">
        <v>0</v>
      </c>
      <c r="CP9" s="260">
        <v>0</v>
      </c>
      <c r="CQ9" s="261">
        <v>0</v>
      </c>
      <c r="CR9" s="261">
        <v>2</v>
      </c>
      <c r="CS9" s="261">
        <v>0</v>
      </c>
      <c r="CT9" s="261">
        <v>1</v>
      </c>
      <c r="CU9" s="261">
        <v>1</v>
      </c>
      <c r="CV9" s="258">
        <v>4</v>
      </c>
      <c r="CW9" s="263">
        <v>4</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39</v>
      </c>
      <c r="DU9" s="261">
        <v>89</v>
      </c>
      <c r="DV9" s="258">
        <v>128</v>
      </c>
      <c r="DW9" s="260">
        <v>0</v>
      </c>
      <c r="DX9" s="261">
        <v>105</v>
      </c>
      <c r="DY9" s="261">
        <v>247</v>
      </c>
      <c r="DZ9" s="261">
        <v>141</v>
      </c>
      <c r="EA9" s="261">
        <v>90</v>
      </c>
      <c r="EB9" s="261">
        <v>44</v>
      </c>
      <c r="EC9" s="258">
        <v>627</v>
      </c>
      <c r="ED9" s="263">
        <v>755</v>
      </c>
      <c r="EE9" s="257">
        <v>13</v>
      </c>
      <c r="EF9" s="261">
        <v>7</v>
      </c>
      <c r="EG9" s="258">
        <v>20</v>
      </c>
      <c r="EH9" s="260">
        <v>0</v>
      </c>
      <c r="EI9" s="261">
        <v>35</v>
      </c>
      <c r="EJ9" s="261">
        <v>27</v>
      </c>
      <c r="EK9" s="261">
        <v>28</v>
      </c>
      <c r="EL9" s="261">
        <v>20</v>
      </c>
      <c r="EM9" s="261">
        <v>14</v>
      </c>
      <c r="EN9" s="258">
        <v>124</v>
      </c>
      <c r="EO9" s="263">
        <v>144</v>
      </c>
      <c r="EP9" s="257">
        <v>51</v>
      </c>
      <c r="EQ9" s="261">
        <v>118</v>
      </c>
      <c r="ER9" s="258">
        <v>169</v>
      </c>
      <c r="ES9" s="260">
        <v>0</v>
      </c>
      <c r="ET9" s="261">
        <v>267</v>
      </c>
      <c r="EU9" s="261">
        <v>357</v>
      </c>
      <c r="EV9" s="261">
        <v>180</v>
      </c>
      <c r="EW9" s="261">
        <v>97</v>
      </c>
      <c r="EX9" s="261">
        <v>48</v>
      </c>
      <c r="EY9" s="258">
        <v>949</v>
      </c>
      <c r="EZ9" s="263">
        <v>1118</v>
      </c>
    </row>
    <row r="10" spans="2:156" ht="21" customHeight="1" x14ac:dyDescent="0.2">
      <c r="B10" s="472" t="s">
        <v>7</v>
      </c>
      <c r="C10" s="257">
        <v>0</v>
      </c>
      <c r="D10" s="261">
        <v>0</v>
      </c>
      <c r="E10" s="358">
        <v>0</v>
      </c>
      <c r="F10" s="260">
        <v>0</v>
      </c>
      <c r="G10" s="261">
        <v>120</v>
      </c>
      <c r="H10" s="261">
        <v>93</v>
      </c>
      <c r="I10" s="261">
        <v>54</v>
      </c>
      <c r="J10" s="261">
        <v>34</v>
      </c>
      <c r="K10" s="261">
        <v>31</v>
      </c>
      <c r="L10" s="262">
        <v>332</v>
      </c>
      <c r="M10" s="263">
        <v>332</v>
      </c>
      <c r="N10" s="257">
        <v>0</v>
      </c>
      <c r="O10" s="261">
        <v>0</v>
      </c>
      <c r="P10" s="258">
        <v>0</v>
      </c>
      <c r="Q10" s="260">
        <v>0</v>
      </c>
      <c r="R10" s="261">
        <v>0</v>
      </c>
      <c r="S10" s="261">
        <v>4</v>
      </c>
      <c r="T10" s="261">
        <v>8</v>
      </c>
      <c r="U10" s="261">
        <v>12</v>
      </c>
      <c r="V10" s="261">
        <v>11</v>
      </c>
      <c r="W10" s="258">
        <v>35</v>
      </c>
      <c r="X10" s="263">
        <v>35</v>
      </c>
      <c r="Y10" s="257">
        <v>4</v>
      </c>
      <c r="Z10" s="261">
        <v>2</v>
      </c>
      <c r="AA10" s="258">
        <v>6</v>
      </c>
      <c r="AB10" s="260">
        <v>0</v>
      </c>
      <c r="AC10" s="261">
        <v>57</v>
      </c>
      <c r="AD10" s="261">
        <v>47</v>
      </c>
      <c r="AE10" s="261">
        <v>32</v>
      </c>
      <c r="AF10" s="261">
        <v>21</v>
      </c>
      <c r="AG10" s="261">
        <v>19</v>
      </c>
      <c r="AH10" s="258">
        <v>176</v>
      </c>
      <c r="AI10" s="263">
        <v>182</v>
      </c>
      <c r="AJ10" s="257">
        <v>1</v>
      </c>
      <c r="AK10" s="261">
        <v>0</v>
      </c>
      <c r="AL10" s="258">
        <v>1</v>
      </c>
      <c r="AM10" s="260">
        <v>0</v>
      </c>
      <c r="AN10" s="261">
        <v>5</v>
      </c>
      <c r="AO10" s="261">
        <v>5</v>
      </c>
      <c r="AP10" s="261">
        <v>12</v>
      </c>
      <c r="AQ10" s="261">
        <v>5</v>
      </c>
      <c r="AR10" s="261">
        <v>3</v>
      </c>
      <c r="AS10" s="258">
        <v>30</v>
      </c>
      <c r="AT10" s="263">
        <v>31</v>
      </c>
      <c r="AU10" s="257">
        <v>12</v>
      </c>
      <c r="AV10" s="261">
        <v>14</v>
      </c>
      <c r="AW10" s="258">
        <v>26</v>
      </c>
      <c r="AX10" s="260">
        <v>0</v>
      </c>
      <c r="AY10" s="261">
        <v>119</v>
      </c>
      <c r="AZ10" s="261">
        <v>109</v>
      </c>
      <c r="BA10" s="261">
        <v>104</v>
      </c>
      <c r="BB10" s="261">
        <v>68</v>
      </c>
      <c r="BC10" s="261">
        <v>56</v>
      </c>
      <c r="BD10" s="262">
        <v>456</v>
      </c>
      <c r="BE10" s="263">
        <v>482</v>
      </c>
      <c r="BF10" s="257">
        <v>0</v>
      </c>
      <c r="BG10" s="261">
        <v>0</v>
      </c>
      <c r="BH10" s="258">
        <v>0</v>
      </c>
      <c r="BI10" s="260">
        <v>0</v>
      </c>
      <c r="BJ10" s="261">
        <v>132</v>
      </c>
      <c r="BK10" s="261">
        <v>91</v>
      </c>
      <c r="BL10" s="261">
        <v>44</v>
      </c>
      <c r="BM10" s="261">
        <v>16</v>
      </c>
      <c r="BN10" s="261">
        <v>11</v>
      </c>
      <c r="BO10" s="258">
        <v>294</v>
      </c>
      <c r="BP10" s="263">
        <v>294</v>
      </c>
      <c r="BQ10" s="257">
        <v>1</v>
      </c>
      <c r="BR10" s="261">
        <v>3</v>
      </c>
      <c r="BS10" s="258">
        <v>4</v>
      </c>
      <c r="BT10" s="260">
        <v>0</v>
      </c>
      <c r="BU10" s="261">
        <v>19</v>
      </c>
      <c r="BV10" s="261">
        <v>24</v>
      </c>
      <c r="BW10" s="261">
        <v>13</v>
      </c>
      <c r="BX10" s="261">
        <v>7</v>
      </c>
      <c r="BY10" s="261">
        <v>2</v>
      </c>
      <c r="BZ10" s="258">
        <v>65</v>
      </c>
      <c r="CA10" s="263">
        <v>69</v>
      </c>
      <c r="CB10" s="257">
        <v>0</v>
      </c>
      <c r="CC10" s="261">
        <v>0</v>
      </c>
      <c r="CD10" s="258">
        <v>0</v>
      </c>
      <c r="CE10" s="260">
        <v>0</v>
      </c>
      <c r="CF10" s="261">
        <v>24</v>
      </c>
      <c r="CG10" s="261">
        <v>34</v>
      </c>
      <c r="CH10" s="261">
        <v>29</v>
      </c>
      <c r="CI10" s="261">
        <v>17</v>
      </c>
      <c r="CJ10" s="261">
        <v>7</v>
      </c>
      <c r="CK10" s="258">
        <v>111</v>
      </c>
      <c r="CL10" s="263">
        <v>111</v>
      </c>
      <c r="CM10" s="257">
        <v>0</v>
      </c>
      <c r="CN10" s="261">
        <v>0</v>
      </c>
      <c r="CO10" s="258">
        <v>0</v>
      </c>
      <c r="CP10" s="260">
        <v>0</v>
      </c>
      <c r="CQ10" s="261">
        <v>0</v>
      </c>
      <c r="CR10" s="261">
        <v>0</v>
      </c>
      <c r="CS10" s="261">
        <v>0</v>
      </c>
      <c r="CT10" s="261">
        <v>1</v>
      </c>
      <c r="CU10" s="261">
        <v>1</v>
      </c>
      <c r="CV10" s="258">
        <v>2</v>
      </c>
      <c r="CW10" s="263">
        <v>2</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26</v>
      </c>
      <c r="DU10" s="261">
        <v>35</v>
      </c>
      <c r="DV10" s="258">
        <v>61</v>
      </c>
      <c r="DW10" s="260">
        <v>0</v>
      </c>
      <c r="DX10" s="261">
        <v>146</v>
      </c>
      <c r="DY10" s="261">
        <v>195</v>
      </c>
      <c r="DZ10" s="261">
        <v>110</v>
      </c>
      <c r="EA10" s="261">
        <v>65</v>
      </c>
      <c r="EB10" s="261">
        <v>51</v>
      </c>
      <c r="EC10" s="258">
        <v>567</v>
      </c>
      <c r="ED10" s="263">
        <v>628</v>
      </c>
      <c r="EE10" s="257">
        <v>7</v>
      </c>
      <c r="EF10" s="261">
        <v>13</v>
      </c>
      <c r="EG10" s="258">
        <v>20</v>
      </c>
      <c r="EH10" s="260">
        <v>0</v>
      </c>
      <c r="EI10" s="261">
        <v>49</v>
      </c>
      <c r="EJ10" s="261">
        <v>36</v>
      </c>
      <c r="EK10" s="261">
        <v>29</v>
      </c>
      <c r="EL10" s="261">
        <v>17</v>
      </c>
      <c r="EM10" s="261">
        <v>11</v>
      </c>
      <c r="EN10" s="258">
        <v>142</v>
      </c>
      <c r="EO10" s="263">
        <v>162</v>
      </c>
      <c r="EP10" s="257">
        <v>32</v>
      </c>
      <c r="EQ10" s="261">
        <v>40</v>
      </c>
      <c r="ER10" s="258">
        <v>72</v>
      </c>
      <c r="ES10" s="260">
        <v>0</v>
      </c>
      <c r="ET10" s="261">
        <v>361</v>
      </c>
      <c r="EU10" s="261">
        <v>279</v>
      </c>
      <c r="EV10" s="261">
        <v>139</v>
      </c>
      <c r="EW10" s="261">
        <v>70</v>
      </c>
      <c r="EX10" s="261">
        <v>53</v>
      </c>
      <c r="EY10" s="258">
        <v>902</v>
      </c>
      <c r="EZ10" s="263">
        <v>974</v>
      </c>
    </row>
    <row r="11" spans="2:156" ht="21" customHeight="1" x14ac:dyDescent="0.2">
      <c r="B11" s="472" t="s">
        <v>8</v>
      </c>
      <c r="C11" s="257">
        <v>0</v>
      </c>
      <c r="D11" s="261">
        <v>0</v>
      </c>
      <c r="E11" s="358">
        <v>0</v>
      </c>
      <c r="F11" s="260">
        <v>0</v>
      </c>
      <c r="G11" s="261">
        <v>19</v>
      </c>
      <c r="H11" s="261">
        <v>27</v>
      </c>
      <c r="I11" s="261">
        <v>28</v>
      </c>
      <c r="J11" s="261">
        <v>11</v>
      </c>
      <c r="K11" s="261">
        <v>12</v>
      </c>
      <c r="L11" s="262">
        <v>97</v>
      </c>
      <c r="M11" s="263">
        <v>97</v>
      </c>
      <c r="N11" s="257">
        <v>0</v>
      </c>
      <c r="O11" s="261">
        <v>0</v>
      </c>
      <c r="P11" s="258">
        <v>0</v>
      </c>
      <c r="Q11" s="260">
        <v>0</v>
      </c>
      <c r="R11" s="261">
        <v>0</v>
      </c>
      <c r="S11" s="261">
        <v>0</v>
      </c>
      <c r="T11" s="261">
        <v>0</v>
      </c>
      <c r="U11" s="261">
        <v>0</v>
      </c>
      <c r="V11" s="261">
        <v>9</v>
      </c>
      <c r="W11" s="258">
        <v>9</v>
      </c>
      <c r="X11" s="263">
        <v>9</v>
      </c>
      <c r="Y11" s="257">
        <v>1</v>
      </c>
      <c r="Z11" s="261">
        <v>2</v>
      </c>
      <c r="AA11" s="258">
        <v>3</v>
      </c>
      <c r="AB11" s="260">
        <v>0</v>
      </c>
      <c r="AC11" s="261">
        <v>19</v>
      </c>
      <c r="AD11" s="261">
        <v>30</v>
      </c>
      <c r="AE11" s="261">
        <v>27</v>
      </c>
      <c r="AF11" s="261">
        <v>13</v>
      </c>
      <c r="AG11" s="261">
        <v>12</v>
      </c>
      <c r="AH11" s="258">
        <v>101</v>
      </c>
      <c r="AI11" s="263">
        <v>104</v>
      </c>
      <c r="AJ11" s="257">
        <v>0</v>
      </c>
      <c r="AK11" s="261">
        <v>1</v>
      </c>
      <c r="AL11" s="258">
        <v>1</v>
      </c>
      <c r="AM11" s="260">
        <v>0</v>
      </c>
      <c r="AN11" s="261">
        <v>1</v>
      </c>
      <c r="AO11" s="261">
        <v>2</v>
      </c>
      <c r="AP11" s="261">
        <v>5</v>
      </c>
      <c r="AQ11" s="261">
        <v>4</v>
      </c>
      <c r="AR11" s="261">
        <v>0</v>
      </c>
      <c r="AS11" s="258">
        <v>12</v>
      </c>
      <c r="AT11" s="263">
        <v>13</v>
      </c>
      <c r="AU11" s="257">
        <v>11</v>
      </c>
      <c r="AV11" s="261">
        <v>3</v>
      </c>
      <c r="AW11" s="258">
        <v>14</v>
      </c>
      <c r="AX11" s="260">
        <v>0</v>
      </c>
      <c r="AY11" s="261">
        <v>39</v>
      </c>
      <c r="AZ11" s="261">
        <v>29</v>
      </c>
      <c r="BA11" s="261">
        <v>47</v>
      </c>
      <c r="BB11" s="261">
        <v>22</v>
      </c>
      <c r="BC11" s="261">
        <v>20</v>
      </c>
      <c r="BD11" s="262">
        <v>157</v>
      </c>
      <c r="BE11" s="263">
        <v>171</v>
      </c>
      <c r="BF11" s="257">
        <v>0</v>
      </c>
      <c r="BG11" s="261">
        <v>0</v>
      </c>
      <c r="BH11" s="258">
        <v>0</v>
      </c>
      <c r="BI11" s="260">
        <v>0</v>
      </c>
      <c r="BJ11" s="261">
        <v>36</v>
      </c>
      <c r="BK11" s="261">
        <v>31</v>
      </c>
      <c r="BL11" s="261">
        <v>21</v>
      </c>
      <c r="BM11" s="261">
        <v>13</v>
      </c>
      <c r="BN11" s="261">
        <v>8</v>
      </c>
      <c r="BO11" s="258">
        <v>109</v>
      </c>
      <c r="BP11" s="263">
        <v>109</v>
      </c>
      <c r="BQ11" s="257">
        <v>4</v>
      </c>
      <c r="BR11" s="261">
        <v>2</v>
      </c>
      <c r="BS11" s="258">
        <v>6</v>
      </c>
      <c r="BT11" s="260">
        <v>0</v>
      </c>
      <c r="BU11" s="261">
        <v>8</v>
      </c>
      <c r="BV11" s="261">
        <v>8</v>
      </c>
      <c r="BW11" s="261">
        <v>9</v>
      </c>
      <c r="BX11" s="261">
        <v>2</v>
      </c>
      <c r="BY11" s="261">
        <v>0</v>
      </c>
      <c r="BZ11" s="258">
        <v>27</v>
      </c>
      <c r="CA11" s="263">
        <v>33</v>
      </c>
      <c r="CB11" s="257">
        <v>1</v>
      </c>
      <c r="CC11" s="261">
        <v>0</v>
      </c>
      <c r="CD11" s="258">
        <v>1</v>
      </c>
      <c r="CE11" s="260">
        <v>0</v>
      </c>
      <c r="CF11" s="261">
        <v>9</v>
      </c>
      <c r="CG11" s="261">
        <v>5</v>
      </c>
      <c r="CH11" s="261">
        <v>10</v>
      </c>
      <c r="CI11" s="261">
        <v>6</v>
      </c>
      <c r="CJ11" s="261">
        <v>1</v>
      </c>
      <c r="CK11" s="258">
        <v>31</v>
      </c>
      <c r="CL11" s="263">
        <v>32</v>
      </c>
      <c r="CM11" s="257">
        <v>0</v>
      </c>
      <c r="CN11" s="261">
        <v>0</v>
      </c>
      <c r="CO11" s="258">
        <v>0</v>
      </c>
      <c r="CP11" s="260">
        <v>0</v>
      </c>
      <c r="CQ11" s="261">
        <v>0</v>
      </c>
      <c r="CR11" s="261">
        <v>0</v>
      </c>
      <c r="CS11" s="261">
        <v>2</v>
      </c>
      <c r="CT11" s="261">
        <v>0</v>
      </c>
      <c r="CU11" s="261">
        <v>0</v>
      </c>
      <c r="CV11" s="258">
        <v>2</v>
      </c>
      <c r="CW11" s="263">
        <v>2</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17</v>
      </c>
      <c r="DU11" s="261">
        <v>22</v>
      </c>
      <c r="DV11" s="258">
        <v>39</v>
      </c>
      <c r="DW11" s="260">
        <v>0</v>
      </c>
      <c r="DX11" s="261">
        <v>52</v>
      </c>
      <c r="DY11" s="261">
        <v>76</v>
      </c>
      <c r="DZ11" s="261">
        <v>63</v>
      </c>
      <c r="EA11" s="261">
        <v>31</v>
      </c>
      <c r="EB11" s="261">
        <v>20</v>
      </c>
      <c r="EC11" s="258">
        <v>242</v>
      </c>
      <c r="ED11" s="263">
        <v>281</v>
      </c>
      <c r="EE11" s="257">
        <v>8</v>
      </c>
      <c r="EF11" s="261">
        <v>3</v>
      </c>
      <c r="EG11" s="258">
        <v>11</v>
      </c>
      <c r="EH11" s="260">
        <v>0</v>
      </c>
      <c r="EI11" s="261">
        <v>18</v>
      </c>
      <c r="EJ11" s="261">
        <v>6</v>
      </c>
      <c r="EK11" s="261">
        <v>7</v>
      </c>
      <c r="EL11" s="261">
        <v>7</v>
      </c>
      <c r="EM11" s="261">
        <v>7</v>
      </c>
      <c r="EN11" s="258">
        <v>45</v>
      </c>
      <c r="EO11" s="263">
        <v>56</v>
      </c>
      <c r="EP11" s="257">
        <v>25</v>
      </c>
      <c r="EQ11" s="261">
        <v>24</v>
      </c>
      <c r="ER11" s="258">
        <v>49</v>
      </c>
      <c r="ES11" s="260">
        <v>0</v>
      </c>
      <c r="ET11" s="261">
        <v>107</v>
      </c>
      <c r="EU11" s="261">
        <v>104</v>
      </c>
      <c r="EV11" s="261">
        <v>70</v>
      </c>
      <c r="EW11" s="261">
        <v>30</v>
      </c>
      <c r="EX11" s="261">
        <v>23</v>
      </c>
      <c r="EY11" s="258">
        <v>334</v>
      </c>
      <c r="EZ11" s="263">
        <v>383</v>
      </c>
    </row>
    <row r="12" spans="2:156" ht="21" customHeight="1" x14ac:dyDescent="0.2">
      <c r="B12" s="472" t="s">
        <v>9</v>
      </c>
      <c r="C12" s="257">
        <v>0</v>
      </c>
      <c r="D12" s="261">
        <v>0</v>
      </c>
      <c r="E12" s="358">
        <v>0</v>
      </c>
      <c r="F12" s="260">
        <v>0</v>
      </c>
      <c r="G12" s="261">
        <v>53</v>
      </c>
      <c r="H12" s="261">
        <v>41</v>
      </c>
      <c r="I12" s="261">
        <v>29</v>
      </c>
      <c r="J12" s="261">
        <v>24</v>
      </c>
      <c r="K12" s="261">
        <v>18</v>
      </c>
      <c r="L12" s="262">
        <v>165</v>
      </c>
      <c r="M12" s="263">
        <v>165</v>
      </c>
      <c r="N12" s="257">
        <v>0</v>
      </c>
      <c r="O12" s="261">
        <v>0</v>
      </c>
      <c r="P12" s="258">
        <v>0</v>
      </c>
      <c r="Q12" s="260">
        <v>0</v>
      </c>
      <c r="R12" s="261">
        <v>0</v>
      </c>
      <c r="S12" s="261">
        <v>1</v>
      </c>
      <c r="T12" s="261">
        <v>4</v>
      </c>
      <c r="U12" s="261">
        <v>2</v>
      </c>
      <c r="V12" s="261">
        <v>5</v>
      </c>
      <c r="W12" s="258">
        <v>12</v>
      </c>
      <c r="X12" s="263">
        <v>12</v>
      </c>
      <c r="Y12" s="257">
        <v>4</v>
      </c>
      <c r="Z12" s="261">
        <v>8</v>
      </c>
      <c r="AA12" s="258">
        <v>12</v>
      </c>
      <c r="AB12" s="260">
        <v>0</v>
      </c>
      <c r="AC12" s="261">
        <v>44</v>
      </c>
      <c r="AD12" s="261">
        <v>30</v>
      </c>
      <c r="AE12" s="261">
        <v>32</v>
      </c>
      <c r="AF12" s="261">
        <v>27</v>
      </c>
      <c r="AG12" s="261">
        <v>13</v>
      </c>
      <c r="AH12" s="258">
        <v>146</v>
      </c>
      <c r="AI12" s="263">
        <v>158</v>
      </c>
      <c r="AJ12" s="257">
        <v>0</v>
      </c>
      <c r="AK12" s="261">
        <v>0</v>
      </c>
      <c r="AL12" s="258">
        <v>0</v>
      </c>
      <c r="AM12" s="260">
        <v>0</v>
      </c>
      <c r="AN12" s="261">
        <v>1</v>
      </c>
      <c r="AO12" s="261">
        <v>7</v>
      </c>
      <c r="AP12" s="261">
        <v>3</v>
      </c>
      <c r="AQ12" s="261">
        <v>4</v>
      </c>
      <c r="AR12" s="261">
        <v>2</v>
      </c>
      <c r="AS12" s="258">
        <v>17</v>
      </c>
      <c r="AT12" s="263">
        <v>17</v>
      </c>
      <c r="AU12" s="257">
        <v>8</v>
      </c>
      <c r="AV12" s="261">
        <v>8</v>
      </c>
      <c r="AW12" s="258">
        <v>16</v>
      </c>
      <c r="AX12" s="260">
        <v>0</v>
      </c>
      <c r="AY12" s="261">
        <v>56</v>
      </c>
      <c r="AZ12" s="261">
        <v>48</v>
      </c>
      <c r="BA12" s="261">
        <v>61</v>
      </c>
      <c r="BB12" s="261">
        <v>42</v>
      </c>
      <c r="BC12" s="261">
        <v>31</v>
      </c>
      <c r="BD12" s="262">
        <v>238</v>
      </c>
      <c r="BE12" s="263">
        <v>254</v>
      </c>
      <c r="BF12" s="257">
        <v>0</v>
      </c>
      <c r="BG12" s="261">
        <v>0</v>
      </c>
      <c r="BH12" s="258">
        <v>0</v>
      </c>
      <c r="BI12" s="260">
        <v>0</v>
      </c>
      <c r="BJ12" s="261">
        <v>46</v>
      </c>
      <c r="BK12" s="261">
        <v>37</v>
      </c>
      <c r="BL12" s="261">
        <v>22</v>
      </c>
      <c r="BM12" s="261">
        <v>17</v>
      </c>
      <c r="BN12" s="261">
        <v>2</v>
      </c>
      <c r="BO12" s="258">
        <v>124</v>
      </c>
      <c r="BP12" s="263">
        <v>124</v>
      </c>
      <c r="BQ12" s="257">
        <v>3</v>
      </c>
      <c r="BR12" s="261">
        <v>5</v>
      </c>
      <c r="BS12" s="258">
        <v>8</v>
      </c>
      <c r="BT12" s="260">
        <v>0</v>
      </c>
      <c r="BU12" s="261">
        <v>17</v>
      </c>
      <c r="BV12" s="261">
        <v>17</v>
      </c>
      <c r="BW12" s="261">
        <v>14</v>
      </c>
      <c r="BX12" s="261">
        <v>7</v>
      </c>
      <c r="BY12" s="261">
        <v>3</v>
      </c>
      <c r="BZ12" s="258">
        <v>58</v>
      </c>
      <c r="CA12" s="263">
        <v>66</v>
      </c>
      <c r="CB12" s="257">
        <v>0</v>
      </c>
      <c r="CC12" s="261">
        <v>1</v>
      </c>
      <c r="CD12" s="258">
        <v>1</v>
      </c>
      <c r="CE12" s="260">
        <v>0</v>
      </c>
      <c r="CF12" s="261">
        <v>8</v>
      </c>
      <c r="CG12" s="261">
        <v>8</v>
      </c>
      <c r="CH12" s="261">
        <v>12</v>
      </c>
      <c r="CI12" s="261">
        <v>7</v>
      </c>
      <c r="CJ12" s="261">
        <v>5</v>
      </c>
      <c r="CK12" s="258">
        <v>40</v>
      </c>
      <c r="CL12" s="263">
        <v>41</v>
      </c>
      <c r="CM12" s="257">
        <v>0</v>
      </c>
      <c r="CN12" s="261">
        <v>0</v>
      </c>
      <c r="CO12" s="258">
        <v>0</v>
      </c>
      <c r="CP12" s="260">
        <v>0</v>
      </c>
      <c r="CQ12" s="261">
        <v>0</v>
      </c>
      <c r="CR12" s="261">
        <v>3</v>
      </c>
      <c r="CS12" s="261">
        <v>0</v>
      </c>
      <c r="CT12" s="261">
        <v>1</v>
      </c>
      <c r="CU12" s="261">
        <v>0</v>
      </c>
      <c r="CV12" s="258">
        <v>4</v>
      </c>
      <c r="CW12" s="263">
        <v>4</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25</v>
      </c>
      <c r="DU12" s="261">
        <v>27</v>
      </c>
      <c r="DV12" s="258">
        <v>52</v>
      </c>
      <c r="DW12" s="260">
        <v>0</v>
      </c>
      <c r="DX12" s="261">
        <v>84</v>
      </c>
      <c r="DY12" s="261">
        <v>77</v>
      </c>
      <c r="DZ12" s="261">
        <v>71</v>
      </c>
      <c r="EA12" s="261">
        <v>47</v>
      </c>
      <c r="EB12" s="261">
        <v>26</v>
      </c>
      <c r="EC12" s="258">
        <v>305</v>
      </c>
      <c r="ED12" s="263">
        <v>357</v>
      </c>
      <c r="EE12" s="257">
        <v>7</v>
      </c>
      <c r="EF12" s="261">
        <v>2</v>
      </c>
      <c r="EG12" s="258">
        <v>9</v>
      </c>
      <c r="EH12" s="260">
        <v>0</v>
      </c>
      <c r="EI12" s="261">
        <v>23</v>
      </c>
      <c r="EJ12" s="261">
        <v>17</v>
      </c>
      <c r="EK12" s="261">
        <v>14</v>
      </c>
      <c r="EL12" s="261">
        <v>13</v>
      </c>
      <c r="EM12" s="261">
        <v>9</v>
      </c>
      <c r="EN12" s="258">
        <v>76</v>
      </c>
      <c r="EO12" s="263">
        <v>85</v>
      </c>
      <c r="EP12" s="257">
        <v>31</v>
      </c>
      <c r="EQ12" s="261">
        <v>37</v>
      </c>
      <c r="ER12" s="258">
        <v>68</v>
      </c>
      <c r="ES12" s="260">
        <v>0</v>
      </c>
      <c r="ET12" s="261">
        <v>154</v>
      </c>
      <c r="EU12" s="261">
        <v>117</v>
      </c>
      <c r="EV12" s="261">
        <v>84</v>
      </c>
      <c r="EW12" s="261">
        <v>52</v>
      </c>
      <c r="EX12" s="261">
        <v>25</v>
      </c>
      <c r="EY12" s="258">
        <v>432</v>
      </c>
      <c r="EZ12" s="263">
        <v>500</v>
      </c>
    </row>
    <row r="13" spans="2:156" ht="21" customHeight="1" x14ac:dyDescent="0.2">
      <c r="B13" s="472" t="s">
        <v>10</v>
      </c>
      <c r="C13" s="257">
        <v>0</v>
      </c>
      <c r="D13" s="261">
        <v>0</v>
      </c>
      <c r="E13" s="358">
        <v>0</v>
      </c>
      <c r="F13" s="260">
        <v>0</v>
      </c>
      <c r="G13" s="261">
        <v>81</v>
      </c>
      <c r="H13" s="261">
        <v>48</v>
      </c>
      <c r="I13" s="261">
        <v>21</v>
      </c>
      <c r="J13" s="261">
        <v>31</v>
      </c>
      <c r="K13" s="261">
        <v>18</v>
      </c>
      <c r="L13" s="262">
        <v>199</v>
      </c>
      <c r="M13" s="263">
        <v>199</v>
      </c>
      <c r="N13" s="257">
        <v>0</v>
      </c>
      <c r="O13" s="261">
        <v>0</v>
      </c>
      <c r="P13" s="258">
        <v>0</v>
      </c>
      <c r="Q13" s="260">
        <v>0</v>
      </c>
      <c r="R13" s="261">
        <v>1</v>
      </c>
      <c r="S13" s="261">
        <v>1</v>
      </c>
      <c r="T13" s="261">
        <v>4</v>
      </c>
      <c r="U13" s="261">
        <v>6</v>
      </c>
      <c r="V13" s="261">
        <v>15</v>
      </c>
      <c r="W13" s="258">
        <v>27</v>
      </c>
      <c r="X13" s="263">
        <v>27</v>
      </c>
      <c r="Y13" s="257">
        <v>13</v>
      </c>
      <c r="Z13" s="261">
        <v>21</v>
      </c>
      <c r="AA13" s="258">
        <v>34</v>
      </c>
      <c r="AB13" s="260">
        <v>0</v>
      </c>
      <c r="AC13" s="261">
        <v>64</v>
      </c>
      <c r="AD13" s="261">
        <v>39</v>
      </c>
      <c r="AE13" s="261">
        <v>21</v>
      </c>
      <c r="AF13" s="261">
        <v>30</v>
      </c>
      <c r="AG13" s="261">
        <v>19</v>
      </c>
      <c r="AH13" s="258">
        <v>173</v>
      </c>
      <c r="AI13" s="263">
        <v>207</v>
      </c>
      <c r="AJ13" s="257">
        <v>3</v>
      </c>
      <c r="AK13" s="261">
        <v>3</v>
      </c>
      <c r="AL13" s="258">
        <v>6</v>
      </c>
      <c r="AM13" s="260">
        <v>0</v>
      </c>
      <c r="AN13" s="261">
        <v>8</v>
      </c>
      <c r="AO13" s="261">
        <v>5</v>
      </c>
      <c r="AP13" s="261">
        <v>5</v>
      </c>
      <c r="AQ13" s="261">
        <v>6</v>
      </c>
      <c r="AR13" s="261">
        <v>6</v>
      </c>
      <c r="AS13" s="258">
        <v>30</v>
      </c>
      <c r="AT13" s="263">
        <v>36</v>
      </c>
      <c r="AU13" s="257">
        <v>16</v>
      </c>
      <c r="AV13" s="261">
        <v>7</v>
      </c>
      <c r="AW13" s="258">
        <v>23</v>
      </c>
      <c r="AX13" s="260">
        <v>0</v>
      </c>
      <c r="AY13" s="261">
        <v>89</v>
      </c>
      <c r="AZ13" s="261">
        <v>72</v>
      </c>
      <c r="BA13" s="261">
        <v>61</v>
      </c>
      <c r="BB13" s="261">
        <v>74</v>
      </c>
      <c r="BC13" s="261">
        <v>47</v>
      </c>
      <c r="BD13" s="262">
        <v>343</v>
      </c>
      <c r="BE13" s="263">
        <v>366</v>
      </c>
      <c r="BF13" s="257">
        <v>0</v>
      </c>
      <c r="BG13" s="261">
        <v>0</v>
      </c>
      <c r="BH13" s="258">
        <v>0</v>
      </c>
      <c r="BI13" s="260">
        <v>0</v>
      </c>
      <c r="BJ13" s="261">
        <v>105</v>
      </c>
      <c r="BK13" s="261">
        <v>63</v>
      </c>
      <c r="BL13" s="261">
        <v>34</v>
      </c>
      <c r="BM13" s="261">
        <v>26</v>
      </c>
      <c r="BN13" s="261">
        <v>9</v>
      </c>
      <c r="BO13" s="258">
        <v>237</v>
      </c>
      <c r="BP13" s="263">
        <v>237</v>
      </c>
      <c r="BQ13" s="257">
        <v>5</v>
      </c>
      <c r="BR13" s="261">
        <v>7</v>
      </c>
      <c r="BS13" s="258">
        <v>12</v>
      </c>
      <c r="BT13" s="260">
        <v>0</v>
      </c>
      <c r="BU13" s="261">
        <v>27</v>
      </c>
      <c r="BV13" s="261">
        <v>12</v>
      </c>
      <c r="BW13" s="261">
        <v>7</v>
      </c>
      <c r="BX13" s="261">
        <v>7</v>
      </c>
      <c r="BY13" s="261">
        <v>3</v>
      </c>
      <c r="BZ13" s="258">
        <v>56</v>
      </c>
      <c r="CA13" s="263">
        <v>68</v>
      </c>
      <c r="CB13" s="257">
        <v>0</v>
      </c>
      <c r="CC13" s="261">
        <v>0</v>
      </c>
      <c r="CD13" s="258">
        <v>0</v>
      </c>
      <c r="CE13" s="260">
        <v>0</v>
      </c>
      <c r="CF13" s="261">
        <v>13</v>
      </c>
      <c r="CG13" s="261">
        <v>14</v>
      </c>
      <c r="CH13" s="261">
        <v>9</v>
      </c>
      <c r="CI13" s="261">
        <v>11</v>
      </c>
      <c r="CJ13" s="261">
        <v>4</v>
      </c>
      <c r="CK13" s="258">
        <v>51</v>
      </c>
      <c r="CL13" s="263">
        <v>51</v>
      </c>
      <c r="CM13" s="257">
        <v>0</v>
      </c>
      <c r="CN13" s="261">
        <v>0</v>
      </c>
      <c r="CO13" s="258">
        <v>0</v>
      </c>
      <c r="CP13" s="260">
        <v>0</v>
      </c>
      <c r="CQ13" s="261">
        <v>0</v>
      </c>
      <c r="CR13" s="261">
        <v>3</v>
      </c>
      <c r="CS13" s="261">
        <v>5</v>
      </c>
      <c r="CT13" s="261">
        <v>2</v>
      </c>
      <c r="CU13" s="261">
        <v>1</v>
      </c>
      <c r="CV13" s="258">
        <v>11</v>
      </c>
      <c r="CW13" s="263">
        <v>11</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65</v>
      </c>
      <c r="DU13" s="261">
        <v>72</v>
      </c>
      <c r="DV13" s="258">
        <v>137</v>
      </c>
      <c r="DW13" s="260">
        <v>0</v>
      </c>
      <c r="DX13" s="261">
        <v>136</v>
      </c>
      <c r="DY13" s="261">
        <v>110</v>
      </c>
      <c r="DZ13" s="261">
        <v>63</v>
      </c>
      <c r="EA13" s="261">
        <v>68</v>
      </c>
      <c r="EB13" s="261">
        <v>37</v>
      </c>
      <c r="EC13" s="258">
        <v>414</v>
      </c>
      <c r="ED13" s="263">
        <v>551</v>
      </c>
      <c r="EE13" s="257">
        <v>7</v>
      </c>
      <c r="EF13" s="261">
        <v>0</v>
      </c>
      <c r="EG13" s="258">
        <v>7</v>
      </c>
      <c r="EH13" s="260">
        <v>0</v>
      </c>
      <c r="EI13" s="261">
        <v>31</v>
      </c>
      <c r="EJ13" s="261">
        <v>20</v>
      </c>
      <c r="EK13" s="261">
        <v>12</v>
      </c>
      <c r="EL13" s="261">
        <v>20</v>
      </c>
      <c r="EM13" s="261">
        <v>8</v>
      </c>
      <c r="EN13" s="258">
        <v>91</v>
      </c>
      <c r="EO13" s="263">
        <v>98</v>
      </c>
      <c r="EP13" s="257">
        <v>82</v>
      </c>
      <c r="EQ13" s="261">
        <v>88</v>
      </c>
      <c r="ER13" s="258">
        <v>170</v>
      </c>
      <c r="ES13" s="260">
        <v>0</v>
      </c>
      <c r="ET13" s="261">
        <v>265</v>
      </c>
      <c r="EU13" s="261">
        <v>145</v>
      </c>
      <c r="EV13" s="261">
        <v>68</v>
      </c>
      <c r="EW13" s="261">
        <v>70</v>
      </c>
      <c r="EX13" s="261">
        <v>38</v>
      </c>
      <c r="EY13" s="258">
        <v>586</v>
      </c>
      <c r="EZ13" s="263">
        <v>756</v>
      </c>
    </row>
    <row r="14" spans="2:156" ht="21" customHeight="1" x14ac:dyDescent="0.2">
      <c r="B14" s="472" t="s">
        <v>11</v>
      </c>
      <c r="C14" s="257">
        <v>0</v>
      </c>
      <c r="D14" s="261">
        <v>0</v>
      </c>
      <c r="E14" s="358">
        <v>0</v>
      </c>
      <c r="F14" s="260">
        <v>0</v>
      </c>
      <c r="G14" s="261">
        <v>11</v>
      </c>
      <c r="H14" s="261">
        <v>16</v>
      </c>
      <c r="I14" s="261">
        <v>8</v>
      </c>
      <c r="J14" s="261">
        <v>15</v>
      </c>
      <c r="K14" s="261">
        <v>10</v>
      </c>
      <c r="L14" s="262">
        <v>60</v>
      </c>
      <c r="M14" s="263">
        <v>60</v>
      </c>
      <c r="N14" s="257">
        <v>0</v>
      </c>
      <c r="O14" s="261">
        <v>0</v>
      </c>
      <c r="P14" s="258">
        <v>0</v>
      </c>
      <c r="Q14" s="260">
        <v>0</v>
      </c>
      <c r="R14" s="261">
        <v>0</v>
      </c>
      <c r="S14" s="261">
        <v>2</v>
      </c>
      <c r="T14" s="261">
        <v>2</v>
      </c>
      <c r="U14" s="261">
        <v>2</v>
      </c>
      <c r="V14" s="261">
        <v>4</v>
      </c>
      <c r="W14" s="258">
        <v>10</v>
      </c>
      <c r="X14" s="263">
        <v>10</v>
      </c>
      <c r="Y14" s="257">
        <v>6</v>
      </c>
      <c r="Z14" s="261">
        <v>4</v>
      </c>
      <c r="AA14" s="258">
        <v>10</v>
      </c>
      <c r="AB14" s="260">
        <v>0</v>
      </c>
      <c r="AC14" s="261">
        <v>21</v>
      </c>
      <c r="AD14" s="261">
        <v>16</v>
      </c>
      <c r="AE14" s="261">
        <v>15</v>
      </c>
      <c r="AF14" s="261">
        <v>15</v>
      </c>
      <c r="AG14" s="261">
        <v>6</v>
      </c>
      <c r="AH14" s="258">
        <v>73</v>
      </c>
      <c r="AI14" s="263">
        <v>83</v>
      </c>
      <c r="AJ14" s="257">
        <v>0</v>
      </c>
      <c r="AK14" s="261">
        <v>2</v>
      </c>
      <c r="AL14" s="258">
        <v>2</v>
      </c>
      <c r="AM14" s="260">
        <v>0</v>
      </c>
      <c r="AN14" s="261">
        <v>1</v>
      </c>
      <c r="AO14" s="261">
        <v>0</v>
      </c>
      <c r="AP14" s="261">
        <v>1</v>
      </c>
      <c r="AQ14" s="261">
        <v>3</v>
      </c>
      <c r="AR14" s="261">
        <v>1</v>
      </c>
      <c r="AS14" s="258">
        <v>6</v>
      </c>
      <c r="AT14" s="263">
        <v>8</v>
      </c>
      <c r="AU14" s="257">
        <v>3</v>
      </c>
      <c r="AV14" s="261">
        <v>4</v>
      </c>
      <c r="AW14" s="258">
        <v>7</v>
      </c>
      <c r="AX14" s="260">
        <v>0</v>
      </c>
      <c r="AY14" s="261">
        <v>19</v>
      </c>
      <c r="AZ14" s="261">
        <v>32</v>
      </c>
      <c r="BA14" s="261">
        <v>19</v>
      </c>
      <c r="BB14" s="261">
        <v>33</v>
      </c>
      <c r="BC14" s="261">
        <v>13</v>
      </c>
      <c r="BD14" s="262">
        <v>116</v>
      </c>
      <c r="BE14" s="263">
        <v>123</v>
      </c>
      <c r="BF14" s="257">
        <v>0</v>
      </c>
      <c r="BG14" s="261">
        <v>0</v>
      </c>
      <c r="BH14" s="258">
        <v>0</v>
      </c>
      <c r="BI14" s="260">
        <v>0</v>
      </c>
      <c r="BJ14" s="261">
        <v>39</v>
      </c>
      <c r="BK14" s="261">
        <v>23</v>
      </c>
      <c r="BL14" s="261">
        <v>14</v>
      </c>
      <c r="BM14" s="261">
        <v>11</v>
      </c>
      <c r="BN14" s="261">
        <v>3</v>
      </c>
      <c r="BO14" s="258">
        <v>90</v>
      </c>
      <c r="BP14" s="263">
        <v>90</v>
      </c>
      <c r="BQ14" s="257">
        <v>7</v>
      </c>
      <c r="BR14" s="261">
        <v>5</v>
      </c>
      <c r="BS14" s="258">
        <v>12</v>
      </c>
      <c r="BT14" s="260">
        <v>0</v>
      </c>
      <c r="BU14" s="261">
        <v>20</v>
      </c>
      <c r="BV14" s="261">
        <v>9</v>
      </c>
      <c r="BW14" s="261">
        <v>7</v>
      </c>
      <c r="BX14" s="261">
        <v>8</v>
      </c>
      <c r="BY14" s="261">
        <v>1</v>
      </c>
      <c r="BZ14" s="258">
        <v>45</v>
      </c>
      <c r="CA14" s="263">
        <v>57</v>
      </c>
      <c r="CB14" s="257">
        <v>1</v>
      </c>
      <c r="CC14" s="261">
        <v>1</v>
      </c>
      <c r="CD14" s="258">
        <v>2</v>
      </c>
      <c r="CE14" s="260">
        <v>0</v>
      </c>
      <c r="CF14" s="261">
        <v>6</v>
      </c>
      <c r="CG14" s="261">
        <v>8</v>
      </c>
      <c r="CH14" s="261">
        <v>2</v>
      </c>
      <c r="CI14" s="261">
        <v>3</v>
      </c>
      <c r="CJ14" s="261">
        <v>1</v>
      </c>
      <c r="CK14" s="258">
        <v>20</v>
      </c>
      <c r="CL14" s="263">
        <v>22</v>
      </c>
      <c r="CM14" s="257">
        <v>0</v>
      </c>
      <c r="CN14" s="261">
        <v>0</v>
      </c>
      <c r="CO14" s="258">
        <v>0</v>
      </c>
      <c r="CP14" s="260">
        <v>0</v>
      </c>
      <c r="CQ14" s="261">
        <v>0</v>
      </c>
      <c r="CR14" s="261">
        <v>0</v>
      </c>
      <c r="CS14" s="261">
        <v>0</v>
      </c>
      <c r="CT14" s="261">
        <v>1</v>
      </c>
      <c r="CU14" s="261">
        <v>0</v>
      </c>
      <c r="CV14" s="258">
        <v>1</v>
      </c>
      <c r="CW14" s="263">
        <v>1</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4</v>
      </c>
      <c r="DU14" s="261">
        <v>29</v>
      </c>
      <c r="DV14" s="258">
        <v>43</v>
      </c>
      <c r="DW14" s="260">
        <v>0</v>
      </c>
      <c r="DX14" s="261">
        <v>48</v>
      </c>
      <c r="DY14" s="261">
        <v>57</v>
      </c>
      <c r="DZ14" s="261">
        <v>29</v>
      </c>
      <c r="EA14" s="261">
        <v>33</v>
      </c>
      <c r="EB14" s="261">
        <v>11</v>
      </c>
      <c r="EC14" s="258">
        <v>178</v>
      </c>
      <c r="ED14" s="263">
        <v>221</v>
      </c>
      <c r="EE14" s="257">
        <v>3</v>
      </c>
      <c r="EF14" s="261">
        <v>2</v>
      </c>
      <c r="EG14" s="258">
        <v>5</v>
      </c>
      <c r="EH14" s="260">
        <v>0</v>
      </c>
      <c r="EI14" s="261">
        <v>16</v>
      </c>
      <c r="EJ14" s="261">
        <v>11</v>
      </c>
      <c r="EK14" s="261">
        <v>7</v>
      </c>
      <c r="EL14" s="261">
        <v>16</v>
      </c>
      <c r="EM14" s="261">
        <v>4</v>
      </c>
      <c r="EN14" s="258">
        <v>54</v>
      </c>
      <c r="EO14" s="263">
        <v>59</v>
      </c>
      <c r="EP14" s="257">
        <v>27</v>
      </c>
      <c r="EQ14" s="261">
        <v>36</v>
      </c>
      <c r="ER14" s="258">
        <v>63</v>
      </c>
      <c r="ES14" s="260">
        <v>0</v>
      </c>
      <c r="ET14" s="261">
        <v>97</v>
      </c>
      <c r="EU14" s="261">
        <v>76</v>
      </c>
      <c r="EV14" s="261">
        <v>37</v>
      </c>
      <c r="EW14" s="261">
        <v>35</v>
      </c>
      <c r="EX14" s="261">
        <v>13</v>
      </c>
      <c r="EY14" s="258">
        <v>258</v>
      </c>
      <c r="EZ14" s="263">
        <v>321</v>
      </c>
    </row>
    <row r="15" spans="2:156" ht="21" customHeight="1" x14ac:dyDescent="0.2">
      <c r="B15" s="472" t="s">
        <v>12</v>
      </c>
      <c r="C15" s="257">
        <v>0</v>
      </c>
      <c r="D15" s="261">
        <v>0</v>
      </c>
      <c r="E15" s="358">
        <v>0</v>
      </c>
      <c r="F15" s="260">
        <v>0</v>
      </c>
      <c r="G15" s="261">
        <v>34</v>
      </c>
      <c r="H15" s="261">
        <v>42</v>
      </c>
      <c r="I15" s="261">
        <v>19</v>
      </c>
      <c r="J15" s="261">
        <v>24</v>
      </c>
      <c r="K15" s="261">
        <v>6</v>
      </c>
      <c r="L15" s="262">
        <v>125</v>
      </c>
      <c r="M15" s="263">
        <v>125</v>
      </c>
      <c r="N15" s="257">
        <v>0</v>
      </c>
      <c r="O15" s="261">
        <v>0</v>
      </c>
      <c r="P15" s="258">
        <v>0</v>
      </c>
      <c r="Q15" s="260">
        <v>0</v>
      </c>
      <c r="R15" s="261">
        <v>0</v>
      </c>
      <c r="S15" s="261">
        <v>1</v>
      </c>
      <c r="T15" s="261">
        <v>0</v>
      </c>
      <c r="U15" s="261">
        <v>4</v>
      </c>
      <c r="V15" s="261">
        <v>4</v>
      </c>
      <c r="W15" s="258">
        <v>9</v>
      </c>
      <c r="X15" s="263">
        <v>9</v>
      </c>
      <c r="Y15" s="257">
        <v>12</v>
      </c>
      <c r="Z15" s="261">
        <v>18</v>
      </c>
      <c r="AA15" s="258">
        <v>30</v>
      </c>
      <c r="AB15" s="260">
        <v>0</v>
      </c>
      <c r="AC15" s="261">
        <v>19</v>
      </c>
      <c r="AD15" s="261">
        <v>34</v>
      </c>
      <c r="AE15" s="261">
        <v>14</v>
      </c>
      <c r="AF15" s="261">
        <v>18</v>
      </c>
      <c r="AG15" s="261">
        <v>9</v>
      </c>
      <c r="AH15" s="258">
        <v>94</v>
      </c>
      <c r="AI15" s="263">
        <v>124</v>
      </c>
      <c r="AJ15" s="257">
        <v>0</v>
      </c>
      <c r="AK15" s="261">
        <v>2</v>
      </c>
      <c r="AL15" s="258">
        <v>2</v>
      </c>
      <c r="AM15" s="260">
        <v>0</v>
      </c>
      <c r="AN15" s="261">
        <v>1</v>
      </c>
      <c r="AO15" s="261">
        <v>5</v>
      </c>
      <c r="AP15" s="261">
        <v>0</v>
      </c>
      <c r="AQ15" s="261">
        <v>1</v>
      </c>
      <c r="AR15" s="261">
        <v>0</v>
      </c>
      <c r="AS15" s="258">
        <v>7</v>
      </c>
      <c r="AT15" s="263">
        <v>9</v>
      </c>
      <c r="AU15" s="257">
        <v>7</v>
      </c>
      <c r="AV15" s="261">
        <v>8</v>
      </c>
      <c r="AW15" s="258">
        <v>15</v>
      </c>
      <c r="AX15" s="260">
        <v>0</v>
      </c>
      <c r="AY15" s="261">
        <v>22</v>
      </c>
      <c r="AZ15" s="261">
        <v>39</v>
      </c>
      <c r="BA15" s="261">
        <v>29</v>
      </c>
      <c r="BB15" s="261">
        <v>40</v>
      </c>
      <c r="BC15" s="261">
        <v>10</v>
      </c>
      <c r="BD15" s="262">
        <v>140</v>
      </c>
      <c r="BE15" s="263">
        <v>155</v>
      </c>
      <c r="BF15" s="257">
        <v>0</v>
      </c>
      <c r="BG15" s="261">
        <v>0</v>
      </c>
      <c r="BH15" s="258">
        <v>0</v>
      </c>
      <c r="BI15" s="260">
        <v>0</v>
      </c>
      <c r="BJ15" s="261">
        <v>56</v>
      </c>
      <c r="BK15" s="261">
        <v>28</v>
      </c>
      <c r="BL15" s="261">
        <v>22</v>
      </c>
      <c r="BM15" s="261">
        <v>14</v>
      </c>
      <c r="BN15" s="261">
        <v>1</v>
      </c>
      <c r="BO15" s="258">
        <v>121</v>
      </c>
      <c r="BP15" s="263">
        <v>121</v>
      </c>
      <c r="BQ15" s="257">
        <v>6</v>
      </c>
      <c r="BR15" s="261">
        <v>12</v>
      </c>
      <c r="BS15" s="258">
        <v>18</v>
      </c>
      <c r="BT15" s="260">
        <v>0</v>
      </c>
      <c r="BU15" s="261">
        <v>8</v>
      </c>
      <c r="BV15" s="261">
        <v>14</v>
      </c>
      <c r="BW15" s="261">
        <v>15</v>
      </c>
      <c r="BX15" s="261">
        <v>8</v>
      </c>
      <c r="BY15" s="261">
        <v>0</v>
      </c>
      <c r="BZ15" s="258">
        <v>45</v>
      </c>
      <c r="CA15" s="263">
        <v>63</v>
      </c>
      <c r="CB15" s="257">
        <v>1</v>
      </c>
      <c r="CC15" s="261">
        <v>3</v>
      </c>
      <c r="CD15" s="258">
        <v>4</v>
      </c>
      <c r="CE15" s="260">
        <v>0</v>
      </c>
      <c r="CF15" s="261">
        <v>11</v>
      </c>
      <c r="CG15" s="261">
        <v>12</v>
      </c>
      <c r="CH15" s="261">
        <v>11</v>
      </c>
      <c r="CI15" s="261">
        <v>7</v>
      </c>
      <c r="CJ15" s="261">
        <v>0</v>
      </c>
      <c r="CK15" s="258">
        <v>41</v>
      </c>
      <c r="CL15" s="263">
        <v>45</v>
      </c>
      <c r="CM15" s="257">
        <v>0</v>
      </c>
      <c r="CN15" s="261">
        <v>0</v>
      </c>
      <c r="CO15" s="258">
        <v>0</v>
      </c>
      <c r="CP15" s="260">
        <v>0</v>
      </c>
      <c r="CQ15" s="261">
        <v>2</v>
      </c>
      <c r="CR15" s="261">
        <v>0</v>
      </c>
      <c r="CS15" s="261">
        <v>1</v>
      </c>
      <c r="CT15" s="261">
        <v>0</v>
      </c>
      <c r="CU15" s="261">
        <v>0</v>
      </c>
      <c r="CV15" s="258">
        <v>3</v>
      </c>
      <c r="CW15" s="263">
        <v>3</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1</v>
      </c>
      <c r="DU15" s="261">
        <v>62</v>
      </c>
      <c r="DV15" s="258">
        <v>83</v>
      </c>
      <c r="DW15" s="260">
        <v>0</v>
      </c>
      <c r="DX15" s="261">
        <v>30</v>
      </c>
      <c r="DY15" s="261">
        <v>91</v>
      </c>
      <c r="DZ15" s="261">
        <v>50</v>
      </c>
      <c r="EA15" s="261">
        <v>47</v>
      </c>
      <c r="EB15" s="261">
        <v>11</v>
      </c>
      <c r="EC15" s="258">
        <v>229</v>
      </c>
      <c r="ED15" s="263">
        <v>312</v>
      </c>
      <c r="EE15" s="257">
        <v>4</v>
      </c>
      <c r="EF15" s="261">
        <v>4</v>
      </c>
      <c r="EG15" s="258">
        <v>8</v>
      </c>
      <c r="EH15" s="260">
        <v>0</v>
      </c>
      <c r="EI15" s="261">
        <v>8</v>
      </c>
      <c r="EJ15" s="261">
        <v>11</v>
      </c>
      <c r="EK15" s="261">
        <v>10</v>
      </c>
      <c r="EL15" s="261">
        <v>14</v>
      </c>
      <c r="EM15" s="261">
        <v>1</v>
      </c>
      <c r="EN15" s="258">
        <v>44</v>
      </c>
      <c r="EO15" s="263">
        <v>52</v>
      </c>
      <c r="EP15" s="257">
        <v>39</v>
      </c>
      <c r="EQ15" s="261">
        <v>86</v>
      </c>
      <c r="ER15" s="258">
        <v>125</v>
      </c>
      <c r="ES15" s="260">
        <v>0</v>
      </c>
      <c r="ET15" s="261">
        <v>115</v>
      </c>
      <c r="EU15" s="261">
        <v>108</v>
      </c>
      <c r="EV15" s="261">
        <v>57</v>
      </c>
      <c r="EW15" s="261">
        <v>53</v>
      </c>
      <c r="EX15" s="261">
        <v>10</v>
      </c>
      <c r="EY15" s="258">
        <v>343</v>
      </c>
      <c r="EZ15" s="263">
        <v>468</v>
      </c>
    </row>
    <row r="16" spans="2:156" ht="21" customHeight="1" x14ac:dyDescent="0.2">
      <c r="B16" s="472" t="s">
        <v>13</v>
      </c>
      <c r="C16" s="257">
        <v>0</v>
      </c>
      <c r="D16" s="261">
        <v>0</v>
      </c>
      <c r="E16" s="358">
        <v>0</v>
      </c>
      <c r="F16" s="260">
        <v>0</v>
      </c>
      <c r="G16" s="261">
        <v>20</v>
      </c>
      <c r="H16" s="261">
        <v>17</v>
      </c>
      <c r="I16" s="261">
        <v>9</v>
      </c>
      <c r="J16" s="261">
        <v>15</v>
      </c>
      <c r="K16" s="261">
        <v>8</v>
      </c>
      <c r="L16" s="262">
        <v>69</v>
      </c>
      <c r="M16" s="263">
        <v>69</v>
      </c>
      <c r="N16" s="257">
        <v>0</v>
      </c>
      <c r="O16" s="261">
        <v>0</v>
      </c>
      <c r="P16" s="258">
        <v>0</v>
      </c>
      <c r="Q16" s="260">
        <v>0</v>
      </c>
      <c r="R16" s="261">
        <v>0</v>
      </c>
      <c r="S16" s="261">
        <v>0</v>
      </c>
      <c r="T16" s="261">
        <v>0</v>
      </c>
      <c r="U16" s="261">
        <v>3</v>
      </c>
      <c r="V16" s="261">
        <v>4</v>
      </c>
      <c r="W16" s="258">
        <v>7</v>
      </c>
      <c r="X16" s="263">
        <v>7</v>
      </c>
      <c r="Y16" s="257">
        <v>1</v>
      </c>
      <c r="Z16" s="261">
        <v>3</v>
      </c>
      <c r="AA16" s="258">
        <v>4</v>
      </c>
      <c r="AB16" s="260">
        <v>0</v>
      </c>
      <c r="AC16" s="261">
        <v>8</v>
      </c>
      <c r="AD16" s="261">
        <v>18</v>
      </c>
      <c r="AE16" s="261">
        <v>9</v>
      </c>
      <c r="AF16" s="261">
        <v>9</v>
      </c>
      <c r="AG16" s="261">
        <v>11</v>
      </c>
      <c r="AH16" s="258">
        <v>55</v>
      </c>
      <c r="AI16" s="263">
        <v>59</v>
      </c>
      <c r="AJ16" s="257">
        <v>0</v>
      </c>
      <c r="AK16" s="261">
        <v>0</v>
      </c>
      <c r="AL16" s="258">
        <v>0</v>
      </c>
      <c r="AM16" s="260">
        <v>0</v>
      </c>
      <c r="AN16" s="261">
        <v>2</v>
      </c>
      <c r="AO16" s="261">
        <v>1</v>
      </c>
      <c r="AP16" s="261">
        <v>0</v>
      </c>
      <c r="AQ16" s="261">
        <v>3</v>
      </c>
      <c r="AR16" s="261">
        <v>1</v>
      </c>
      <c r="AS16" s="258">
        <v>7</v>
      </c>
      <c r="AT16" s="263">
        <v>7</v>
      </c>
      <c r="AU16" s="257">
        <v>2</v>
      </c>
      <c r="AV16" s="261">
        <v>1</v>
      </c>
      <c r="AW16" s="258">
        <v>3</v>
      </c>
      <c r="AX16" s="260">
        <v>0</v>
      </c>
      <c r="AY16" s="261">
        <v>17</v>
      </c>
      <c r="AZ16" s="261">
        <v>22</v>
      </c>
      <c r="BA16" s="261">
        <v>16</v>
      </c>
      <c r="BB16" s="261">
        <v>19</v>
      </c>
      <c r="BC16" s="261">
        <v>11</v>
      </c>
      <c r="BD16" s="262">
        <v>85</v>
      </c>
      <c r="BE16" s="263">
        <v>88</v>
      </c>
      <c r="BF16" s="257">
        <v>0</v>
      </c>
      <c r="BG16" s="261">
        <v>0</v>
      </c>
      <c r="BH16" s="258">
        <v>0</v>
      </c>
      <c r="BI16" s="260">
        <v>0</v>
      </c>
      <c r="BJ16" s="261">
        <v>16</v>
      </c>
      <c r="BK16" s="261">
        <v>13</v>
      </c>
      <c r="BL16" s="261">
        <v>10</v>
      </c>
      <c r="BM16" s="261">
        <v>6</v>
      </c>
      <c r="BN16" s="261">
        <v>2</v>
      </c>
      <c r="BO16" s="258">
        <v>47</v>
      </c>
      <c r="BP16" s="263">
        <v>47</v>
      </c>
      <c r="BQ16" s="257">
        <v>0</v>
      </c>
      <c r="BR16" s="261">
        <v>1</v>
      </c>
      <c r="BS16" s="258">
        <v>1</v>
      </c>
      <c r="BT16" s="260">
        <v>0</v>
      </c>
      <c r="BU16" s="261">
        <v>3</v>
      </c>
      <c r="BV16" s="261">
        <v>3</v>
      </c>
      <c r="BW16" s="261">
        <v>3</v>
      </c>
      <c r="BX16" s="261">
        <v>2</v>
      </c>
      <c r="BY16" s="261">
        <v>3</v>
      </c>
      <c r="BZ16" s="258">
        <v>14</v>
      </c>
      <c r="CA16" s="263">
        <v>15</v>
      </c>
      <c r="CB16" s="257">
        <v>0</v>
      </c>
      <c r="CC16" s="261">
        <v>0</v>
      </c>
      <c r="CD16" s="258">
        <v>0</v>
      </c>
      <c r="CE16" s="260">
        <v>0</v>
      </c>
      <c r="CF16" s="261">
        <v>0</v>
      </c>
      <c r="CG16" s="261">
        <v>1</v>
      </c>
      <c r="CH16" s="261">
        <v>2</v>
      </c>
      <c r="CI16" s="261">
        <v>3</v>
      </c>
      <c r="CJ16" s="261">
        <v>0</v>
      </c>
      <c r="CK16" s="258">
        <v>6</v>
      </c>
      <c r="CL16" s="263">
        <v>6</v>
      </c>
      <c r="CM16" s="257">
        <v>0</v>
      </c>
      <c r="CN16" s="261">
        <v>0</v>
      </c>
      <c r="CO16" s="258">
        <v>0</v>
      </c>
      <c r="CP16" s="260">
        <v>0</v>
      </c>
      <c r="CQ16" s="261">
        <v>0</v>
      </c>
      <c r="CR16" s="261">
        <v>1</v>
      </c>
      <c r="CS16" s="261">
        <v>0</v>
      </c>
      <c r="CT16" s="261">
        <v>0</v>
      </c>
      <c r="CU16" s="261">
        <v>0</v>
      </c>
      <c r="CV16" s="258">
        <v>1</v>
      </c>
      <c r="CW16" s="263">
        <v>1</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2</v>
      </c>
      <c r="DU16" s="261">
        <v>11</v>
      </c>
      <c r="DV16" s="258">
        <v>13</v>
      </c>
      <c r="DW16" s="260">
        <v>0</v>
      </c>
      <c r="DX16" s="261">
        <v>20</v>
      </c>
      <c r="DY16" s="261">
        <v>34</v>
      </c>
      <c r="DZ16" s="261">
        <v>15</v>
      </c>
      <c r="EA16" s="261">
        <v>22</v>
      </c>
      <c r="EB16" s="261">
        <v>14</v>
      </c>
      <c r="EC16" s="258">
        <v>105</v>
      </c>
      <c r="ED16" s="263">
        <v>118</v>
      </c>
      <c r="EE16" s="257">
        <v>1</v>
      </c>
      <c r="EF16" s="261">
        <v>0</v>
      </c>
      <c r="EG16" s="258">
        <v>1</v>
      </c>
      <c r="EH16" s="260">
        <v>0</v>
      </c>
      <c r="EI16" s="261">
        <v>7</v>
      </c>
      <c r="EJ16" s="261">
        <v>11</v>
      </c>
      <c r="EK16" s="261">
        <v>8</v>
      </c>
      <c r="EL16" s="261">
        <v>4</v>
      </c>
      <c r="EM16" s="261">
        <v>3</v>
      </c>
      <c r="EN16" s="258">
        <v>33</v>
      </c>
      <c r="EO16" s="263">
        <v>34</v>
      </c>
      <c r="EP16" s="257">
        <v>3</v>
      </c>
      <c r="EQ16" s="261">
        <v>14</v>
      </c>
      <c r="ER16" s="258">
        <v>17</v>
      </c>
      <c r="ES16" s="260">
        <v>0</v>
      </c>
      <c r="ET16" s="261">
        <v>57</v>
      </c>
      <c r="EU16" s="261">
        <v>48</v>
      </c>
      <c r="EV16" s="261">
        <v>28</v>
      </c>
      <c r="EW16" s="261">
        <v>25</v>
      </c>
      <c r="EX16" s="261">
        <v>14</v>
      </c>
      <c r="EY16" s="258">
        <v>172</v>
      </c>
      <c r="EZ16" s="263">
        <v>189</v>
      </c>
    </row>
    <row r="17" spans="2:156" ht="21" customHeight="1" x14ac:dyDescent="0.2">
      <c r="B17" s="472" t="s">
        <v>15</v>
      </c>
      <c r="C17" s="257">
        <v>0</v>
      </c>
      <c r="D17" s="261">
        <v>0</v>
      </c>
      <c r="E17" s="358">
        <v>0</v>
      </c>
      <c r="F17" s="260">
        <v>0</v>
      </c>
      <c r="G17" s="261">
        <v>6</v>
      </c>
      <c r="H17" s="261">
        <v>7</v>
      </c>
      <c r="I17" s="261">
        <v>4</v>
      </c>
      <c r="J17" s="261">
        <v>5</v>
      </c>
      <c r="K17" s="261">
        <v>1</v>
      </c>
      <c r="L17" s="262">
        <v>23</v>
      </c>
      <c r="M17" s="263">
        <v>23</v>
      </c>
      <c r="N17" s="257">
        <v>0</v>
      </c>
      <c r="O17" s="261">
        <v>0</v>
      </c>
      <c r="P17" s="258">
        <v>0</v>
      </c>
      <c r="Q17" s="260">
        <v>0</v>
      </c>
      <c r="R17" s="261">
        <v>0</v>
      </c>
      <c r="S17" s="261">
        <v>1</v>
      </c>
      <c r="T17" s="261">
        <v>0</v>
      </c>
      <c r="U17" s="261">
        <v>0</v>
      </c>
      <c r="V17" s="261">
        <v>0</v>
      </c>
      <c r="W17" s="258">
        <v>1</v>
      </c>
      <c r="X17" s="263">
        <v>1</v>
      </c>
      <c r="Y17" s="257">
        <v>0</v>
      </c>
      <c r="Z17" s="261">
        <v>1</v>
      </c>
      <c r="AA17" s="258">
        <v>1</v>
      </c>
      <c r="AB17" s="260">
        <v>0</v>
      </c>
      <c r="AC17" s="261">
        <v>2</v>
      </c>
      <c r="AD17" s="261">
        <v>6</v>
      </c>
      <c r="AE17" s="261">
        <v>6</v>
      </c>
      <c r="AF17" s="261">
        <v>3</v>
      </c>
      <c r="AG17" s="261">
        <v>0</v>
      </c>
      <c r="AH17" s="258">
        <v>17</v>
      </c>
      <c r="AI17" s="263">
        <v>18</v>
      </c>
      <c r="AJ17" s="257">
        <v>0</v>
      </c>
      <c r="AK17" s="261">
        <v>0</v>
      </c>
      <c r="AL17" s="258">
        <v>0</v>
      </c>
      <c r="AM17" s="260">
        <v>0</v>
      </c>
      <c r="AN17" s="261">
        <v>2</v>
      </c>
      <c r="AO17" s="261">
        <v>2</v>
      </c>
      <c r="AP17" s="261">
        <v>0</v>
      </c>
      <c r="AQ17" s="261">
        <v>0</v>
      </c>
      <c r="AR17" s="261">
        <v>0</v>
      </c>
      <c r="AS17" s="258">
        <v>4</v>
      </c>
      <c r="AT17" s="263">
        <v>4</v>
      </c>
      <c r="AU17" s="257">
        <v>0</v>
      </c>
      <c r="AV17" s="261">
        <v>1</v>
      </c>
      <c r="AW17" s="258">
        <v>1</v>
      </c>
      <c r="AX17" s="260">
        <v>0</v>
      </c>
      <c r="AY17" s="261">
        <v>9</v>
      </c>
      <c r="AZ17" s="261">
        <v>6</v>
      </c>
      <c r="BA17" s="261">
        <v>10</v>
      </c>
      <c r="BB17" s="261">
        <v>6</v>
      </c>
      <c r="BC17" s="261">
        <v>2</v>
      </c>
      <c r="BD17" s="262">
        <v>33</v>
      </c>
      <c r="BE17" s="263">
        <v>34</v>
      </c>
      <c r="BF17" s="257">
        <v>0</v>
      </c>
      <c r="BG17" s="261">
        <v>0</v>
      </c>
      <c r="BH17" s="258">
        <v>0</v>
      </c>
      <c r="BI17" s="260">
        <v>0</v>
      </c>
      <c r="BJ17" s="261">
        <v>4</v>
      </c>
      <c r="BK17" s="261">
        <v>5</v>
      </c>
      <c r="BL17" s="261">
        <v>4</v>
      </c>
      <c r="BM17" s="261">
        <v>2</v>
      </c>
      <c r="BN17" s="261">
        <v>0</v>
      </c>
      <c r="BO17" s="258">
        <v>15</v>
      </c>
      <c r="BP17" s="263">
        <v>15</v>
      </c>
      <c r="BQ17" s="257">
        <v>0</v>
      </c>
      <c r="BR17" s="261">
        <v>0</v>
      </c>
      <c r="BS17" s="258">
        <v>0</v>
      </c>
      <c r="BT17" s="260">
        <v>0</v>
      </c>
      <c r="BU17" s="261">
        <v>1</v>
      </c>
      <c r="BV17" s="261">
        <v>3</v>
      </c>
      <c r="BW17" s="261">
        <v>3</v>
      </c>
      <c r="BX17" s="261">
        <v>0</v>
      </c>
      <c r="BY17" s="261">
        <v>0</v>
      </c>
      <c r="BZ17" s="258">
        <v>7</v>
      </c>
      <c r="CA17" s="263">
        <v>7</v>
      </c>
      <c r="CB17" s="257">
        <v>0</v>
      </c>
      <c r="CC17" s="261">
        <v>0</v>
      </c>
      <c r="CD17" s="258">
        <v>0</v>
      </c>
      <c r="CE17" s="260">
        <v>0</v>
      </c>
      <c r="CF17" s="261">
        <v>1</v>
      </c>
      <c r="CG17" s="261">
        <v>2</v>
      </c>
      <c r="CH17" s="261">
        <v>1</v>
      </c>
      <c r="CI17" s="261">
        <v>1</v>
      </c>
      <c r="CJ17" s="261">
        <v>0</v>
      </c>
      <c r="CK17" s="258">
        <v>5</v>
      </c>
      <c r="CL17" s="263">
        <v>5</v>
      </c>
      <c r="CM17" s="257">
        <v>0</v>
      </c>
      <c r="CN17" s="261">
        <v>0</v>
      </c>
      <c r="CO17" s="258">
        <v>0</v>
      </c>
      <c r="CP17" s="260">
        <v>0</v>
      </c>
      <c r="CQ17" s="261">
        <v>0</v>
      </c>
      <c r="CR17" s="261">
        <v>0</v>
      </c>
      <c r="CS17" s="261">
        <v>1</v>
      </c>
      <c r="CT17" s="261">
        <v>0</v>
      </c>
      <c r="CU17" s="261">
        <v>0</v>
      </c>
      <c r="CV17" s="258">
        <v>1</v>
      </c>
      <c r="CW17" s="263">
        <v>1</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2</v>
      </c>
      <c r="DU17" s="261">
        <v>6</v>
      </c>
      <c r="DV17" s="258">
        <v>8</v>
      </c>
      <c r="DW17" s="260">
        <v>0</v>
      </c>
      <c r="DX17" s="261">
        <v>6</v>
      </c>
      <c r="DY17" s="261">
        <v>17</v>
      </c>
      <c r="DZ17" s="261">
        <v>12</v>
      </c>
      <c r="EA17" s="261">
        <v>7</v>
      </c>
      <c r="EB17" s="261">
        <v>2</v>
      </c>
      <c r="EC17" s="258">
        <v>44</v>
      </c>
      <c r="ED17" s="263">
        <v>52</v>
      </c>
      <c r="EE17" s="257">
        <v>1</v>
      </c>
      <c r="EF17" s="261">
        <v>3</v>
      </c>
      <c r="EG17" s="258">
        <v>4</v>
      </c>
      <c r="EH17" s="260">
        <v>0</v>
      </c>
      <c r="EI17" s="261">
        <v>7</v>
      </c>
      <c r="EJ17" s="261">
        <v>3</v>
      </c>
      <c r="EK17" s="261">
        <v>6</v>
      </c>
      <c r="EL17" s="261">
        <v>0</v>
      </c>
      <c r="EM17" s="261">
        <v>1</v>
      </c>
      <c r="EN17" s="258">
        <v>17</v>
      </c>
      <c r="EO17" s="263">
        <v>21</v>
      </c>
      <c r="EP17" s="257">
        <v>2</v>
      </c>
      <c r="EQ17" s="261">
        <v>7</v>
      </c>
      <c r="ER17" s="258">
        <v>9</v>
      </c>
      <c r="ES17" s="260">
        <v>0</v>
      </c>
      <c r="ET17" s="261">
        <v>22</v>
      </c>
      <c r="EU17" s="261">
        <v>24</v>
      </c>
      <c r="EV17" s="261">
        <v>16</v>
      </c>
      <c r="EW17" s="261">
        <v>9</v>
      </c>
      <c r="EX17" s="261">
        <v>1</v>
      </c>
      <c r="EY17" s="258">
        <v>72</v>
      </c>
      <c r="EZ17" s="263">
        <v>81</v>
      </c>
    </row>
    <row r="18" spans="2:156" ht="21" customHeight="1" x14ac:dyDescent="0.2">
      <c r="B18" s="472" t="s">
        <v>16</v>
      </c>
      <c r="C18" s="257">
        <v>0</v>
      </c>
      <c r="D18" s="261">
        <v>0</v>
      </c>
      <c r="E18" s="358">
        <v>0</v>
      </c>
      <c r="F18" s="260">
        <v>0</v>
      </c>
      <c r="G18" s="261">
        <v>15</v>
      </c>
      <c r="H18" s="261">
        <v>5</v>
      </c>
      <c r="I18" s="261">
        <v>8</v>
      </c>
      <c r="J18" s="261">
        <v>5</v>
      </c>
      <c r="K18" s="261">
        <v>0</v>
      </c>
      <c r="L18" s="262">
        <v>33</v>
      </c>
      <c r="M18" s="263">
        <v>33</v>
      </c>
      <c r="N18" s="257">
        <v>0</v>
      </c>
      <c r="O18" s="261">
        <v>0</v>
      </c>
      <c r="P18" s="258">
        <v>0</v>
      </c>
      <c r="Q18" s="260">
        <v>0</v>
      </c>
      <c r="R18" s="261">
        <v>0</v>
      </c>
      <c r="S18" s="261">
        <v>0</v>
      </c>
      <c r="T18" s="261">
        <v>0</v>
      </c>
      <c r="U18" s="261">
        <v>1</v>
      </c>
      <c r="V18" s="261">
        <v>4</v>
      </c>
      <c r="W18" s="258">
        <v>5</v>
      </c>
      <c r="X18" s="263">
        <v>5</v>
      </c>
      <c r="Y18" s="257">
        <v>3</v>
      </c>
      <c r="Z18" s="261">
        <v>3</v>
      </c>
      <c r="AA18" s="258">
        <v>6</v>
      </c>
      <c r="AB18" s="260">
        <v>0</v>
      </c>
      <c r="AC18" s="261">
        <v>20</v>
      </c>
      <c r="AD18" s="261">
        <v>16</v>
      </c>
      <c r="AE18" s="261">
        <v>8</v>
      </c>
      <c r="AF18" s="261">
        <v>12</v>
      </c>
      <c r="AG18" s="261">
        <v>2</v>
      </c>
      <c r="AH18" s="258">
        <v>58</v>
      </c>
      <c r="AI18" s="263">
        <v>64</v>
      </c>
      <c r="AJ18" s="257">
        <v>0</v>
      </c>
      <c r="AK18" s="261">
        <v>0</v>
      </c>
      <c r="AL18" s="258">
        <v>0</v>
      </c>
      <c r="AM18" s="260">
        <v>0</v>
      </c>
      <c r="AN18" s="261">
        <v>1</v>
      </c>
      <c r="AO18" s="261">
        <v>2</v>
      </c>
      <c r="AP18" s="261">
        <v>0</v>
      </c>
      <c r="AQ18" s="261">
        <v>0</v>
      </c>
      <c r="AR18" s="261">
        <v>0</v>
      </c>
      <c r="AS18" s="258">
        <v>3</v>
      </c>
      <c r="AT18" s="263">
        <v>3</v>
      </c>
      <c r="AU18" s="257">
        <v>4</v>
      </c>
      <c r="AV18" s="261">
        <v>5</v>
      </c>
      <c r="AW18" s="258">
        <v>9</v>
      </c>
      <c r="AX18" s="260">
        <v>0</v>
      </c>
      <c r="AY18" s="261">
        <v>15</v>
      </c>
      <c r="AZ18" s="261">
        <v>18</v>
      </c>
      <c r="BA18" s="261">
        <v>11</v>
      </c>
      <c r="BB18" s="261">
        <v>22</v>
      </c>
      <c r="BC18" s="261">
        <v>11</v>
      </c>
      <c r="BD18" s="262">
        <v>77</v>
      </c>
      <c r="BE18" s="263">
        <v>86</v>
      </c>
      <c r="BF18" s="257">
        <v>0</v>
      </c>
      <c r="BG18" s="261">
        <v>0</v>
      </c>
      <c r="BH18" s="258">
        <v>0</v>
      </c>
      <c r="BI18" s="260">
        <v>0</v>
      </c>
      <c r="BJ18" s="261">
        <v>17</v>
      </c>
      <c r="BK18" s="261">
        <v>24</v>
      </c>
      <c r="BL18" s="261">
        <v>7</v>
      </c>
      <c r="BM18" s="261">
        <v>8</v>
      </c>
      <c r="BN18" s="261">
        <v>3</v>
      </c>
      <c r="BO18" s="258">
        <v>59</v>
      </c>
      <c r="BP18" s="263">
        <v>59</v>
      </c>
      <c r="BQ18" s="257">
        <v>3</v>
      </c>
      <c r="BR18" s="261">
        <v>8</v>
      </c>
      <c r="BS18" s="258">
        <v>11</v>
      </c>
      <c r="BT18" s="260">
        <v>0</v>
      </c>
      <c r="BU18" s="261">
        <v>10</v>
      </c>
      <c r="BV18" s="261">
        <v>24</v>
      </c>
      <c r="BW18" s="261">
        <v>10</v>
      </c>
      <c r="BX18" s="261">
        <v>3</v>
      </c>
      <c r="BY18" s="261">
        <v>1</v>
      </c>
      <c r="BZ18" s="258">
        <v>48</v>
      </c>
      <c r="CA18" s="263">
        <v>59</v>
      </c>
      <c r="CB18" s="257">
        <v>0</v>
      </c>
      <c r="CC18" s="261">
        <v>0</v>
      </c>
      <c r="CD18" s="258">
        <v>0</v>
      </c>
      <c r="CE18" s="260">
        <v>0</v>
      </c>
      <c r="CF18" s="261">
        <v>2</v>
      </c>
      <c r="CG18" s="261">
        <v>2</v>
      </c>
      <c r="CH18" s="261">
        <v>2</v>
      </c>
      <c r="CI18" s="261">
        <v>4</v>
      </c>
      <c r="CJ18" s="261">
        <v>0</v>
      </c>
      <c r="CK18" s="258">
        <v>10</v>
      </c>
      <c r="CL18" s="263">
        <v>10</v>
      </c>
      <c r="CM18" s="257">
        <v>0</v>
      </c>
      <c r="CN18" s="261">
        <v>0</v>
      </c>
      <c r="CO18" s="258">
        <v>0</v>
      </c>
      <c r="CP18" s="260">
        <v>0</v>
      </c>
      <c r="CQ18" s="261">
        <v>1</v>
      </c>
      <c r="CR18" s="261">
        <v>2</v>
      </c>
      <c r="CS18" s="261">
        <v>1</v>
      </c>
      <c r="CT18" s="261">
        <v>2</v>
      </c>
      <c r="CU18" s="261">
        <v>1</v>
      </c>
      <c r="CV18" s="258">
        <v>7</v>
      </c>
      <c r="CW18" s="263">
        <v>7</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9</v>
      </c>
      <c r="DU18" s="261">
        <v>16</v>
      </c>
      <c r="DV18" s="258">
        <v>25</v>
      </c>
      <c r="DW18" s="260">
        <v>0</v>
      </c>
      <c r="DX18" s="261">
        <v>21</v>
      </c>
      <c r="DY18" s="261">
        <v>48</v>
      </c>
      <c r="DZ18" s="261">
        <v>27</v>
      </c>
      <c r="EA18" s="261">
        <v>22</v>
      </c>
      <c r="EB18" s="261">
        <v>5</v>
      </c>
      <c r="EC18" s="258">
        <v>123</v>
      </c>
      <c r="ED18" s="263">
        <v>148</v>
      </c>
      <c r="EE18" s="257">
        <v>4</v>
      </c>
      <c r="EF18" s="261">
        <v>1</v>
      </c>
      <c r="EG18" s="258">
        <v>5</v>
      </c>
      <c r="EH18" s="260">
        <v>0</v>
      </c>
      <c r="EI18" s="261">
        <v>7</v>
      </c>
      <c r="EJ18" s="261">
        <v>14</v>
      </c>
      <c r="EK18" s="261">
        <v>7</v>
      </c>
      <c r="EL18" s="261">
        <v>13</v>
      </c>
      <c r="EM18" s="261">
        <v>5</v>
      </c>
      <c r="EN18" s="258">
        <v>46</v>
      </c>
      <c r="EO18" s="263">
        <v>51</v>
      </c>
      <c r="EP18" s="257">
        <v>15</v>
      </c>
      <c r="EQ18" s="261">
        <v>25</v>
      </c>
      <c r="ER18" s="258">
        <v>40</v>
      </c>
      <c r="ES18" s="260">
        <v>0</v>
      </c>
      <c r="ET18" s="261">
        <v>50</v>
      </c>
      <c r="EU18" s="261">
        <v>70</v>
      </c>
      <c r="EV18" s="261">
        <v>32</v>
      </c>
      <c r="EW18" s="261">
        <v>25</v>
      </c>
      <c r="EX18" s="261">
        <v>6</v>
      </c>
      <c r="EY18" s="258">
        <v>183</v>
      </c>
      <c r="EZ18" s="263">
        <v>223</v>
      </c>
    </row>
    <row r="19" spans="2:156" ht="21" customHeight="1" x14ac:dyDescent="0.2">
      <c r="B19" s="472" t="s">
        <v>17</v>
      </c>
      <c r="C19" s="257">
        <v>0</v>
      </c>
      <c r="D19" s="261">
        <v>0</v>
      </c>
      <c r="E19" s="358">
        <v>0</v>
      </c>
      <c r="F19" s="260">
        <v>0</v>
      </c>
      <c r="G19" s="261">
        <v>13</v>
      </c>
      <c r="H19" s="261">
        <v>18</v>
      </c>
      <c r="I19" s="261">
        <v>9</v>
      </c>
      <c r="J19" s="261">
        <v>3</v>
      </c>
      <c r="K19" s="261">
        <v>3</v>
      </c>
      <c r="L19" s="262">
        <v>46</v>
      </c>
      <c r="M19" s="263">
        <v>46</v>
      </c>
      <c r="N19" s="257">
        <v>0</v>
      </c>
      <c r="O19" s="261">
        <v>0</v>
      </c>
      <c r="P19" s="258">
        <v>0</v>
      </c>
      <c r="Q19" s="260">
        <v>0</v>
      </c>
      <c r="R19" s="261">
        <v>0</v>
      </c>
      <c r="S19" s="261">
        <v>0</v>
      </c>
      <c r="T19" s="261">
        <v>1</v>
      </c>
      <c r="U19" s="261">
        <v>0</v>
      </c>
      <c r="V19" s="261">
        <v>2</v>
      </c>
      <c r="W19" s="258">
        <v>3</v>
      </c>
      <c r="X19" s="263">
        <v>3</v>
      </c>
      <c r="Y19" s="257">
        <v>0</v>
      </c>
      <c r="Z19" s="261">
        <v>4</v>
      </c>
      <c r="AA19" s="258">
        <v>4</v>
      </c>
      <c r="AB19" s="260">
        <v>0</v>
      </c>
      <c r="AC19" s="261">
        <v>12</v>
      </c>
      <c r="AD19" s="261">
        <v>8</v>
      </c>
      <c r="AE19" s="261">
        <v>12</v>
      </c>
      <c r="AF19" s="261">
        <v>4</v>
      </c>
      <c r="AG19" s="261">
        <v>5</v>
      </c>
      <c r="AH19" s="258">
        <v>41</v>
      </c>
      <c r="AI19" s="263">
        <v>45</v>
      </c>
      <c r="AJ19" s="257">
        <v>0</v>
      </c>
      <c r="AK19" s="261">
        <v>1</v>
      </c>
      <c r="AL19" s="258">
        <v>1</v>
      </c>
      <c r="AM19" s="260">
        <v>0</v>
      </c>
      <c r="AN19" s="261">
        <v>0</v>
      </c>
      <c r="AO19" s="261">
        <v>1</v>
      </c>
      <c r="AP19" s="261">
        <v>1</v>
      </c>
      <c r="AQ19" s="261">
        <v>0</v>
      </c>
      <c r="AR19" s="261">
        <v>0</v>
      </c>
      <c r="AS19" s="258">
        <v>2</v>
      </c>
      <c r="AT19" s="263">
        <v>3</v>
      </c>
      <c r="AU19" s="257">
        <v>5</v>
      </c>
      <c r="AV19" s="261">
        <v>5</v>
      </c>
      <c r="AW19" s="258">
        <v>10</v>
      </c>
      <c r="AX19" s="260">
        <v>0</v>
      </c>
      <c r="AY19" s="261">
        <v>16</v>
      </c>
      <c r="AZ19" s="261">
        <v>20</v>
      </c>
      <c r="BA19" s="261">
        <v>25</v>
      </c>
      <c r="BB19" s="261">
        <v>10</v>
      </c>
      <c r="BC19" s="261">
        <v>12</v>
      </c>
      <c r="BD19" s="262">
        <v>83</v>
      </c>
      <c r="BE19" s="263">
        <v>93</v>
      </c>
      <c r="BF19" s="257">
        <v>0</v>
      </c>
      <c r="BG19" s="261">
        <v>0</v>
      </c>
      <c r="BH19" s="258">
        <v>0</v>
      </c>
      <c r="BI19" s="260">
        <v>0</v>
      </c>
      <c r="BJ19" s="261">
        <v>22</v>
      </c>
      <c r="BK19" s="261">
        <v>23</v>
      </c>
      <c r="BL19" s="261">
        <v>10</v>
      </c>
      <c r="BM19" s="261">
        <v>6</v>
      </c>
      <c r="BN19" s="261">
        <v>2</v>
      </c>
      <c r="BO19" s="258">
        <v>63</v>
      </c>
      <c r="BP19" s="263">
        <v>63</v>
      </c>
      <c r="BQ19" s="257">
        <v>3</v>
      </c>
      <c r="BR19" s="261">
        <v>4</v>
      </c>
      <c r="BS19" s="258">
        <v>7</v>
      </c>
      <c r="BT19" s="260">
        <v>0</v>
      </c>
      <c r="BU19" s="261">
        <v>0</v>
      </c>
      <c r="BV19" s="261">
        <v>13</v>
      </c>
      <c r="BW19" s="261">
        <v>3</v>
      </c>
      <c r="BX19" s="261">
        <v>1</v>
      </c>
      <c r="BY19" s="261">
        <v>1</v>
      </c>
      <c r="BZ19" s="258">
        <v>18</v>
      </c>
      <c r="CA19" s="263">
        <v>25</v>
      </c>
      <c r="CB19" s="257">
        <v>0</v>
      </c>
      <c r="CC19" s="261">
        <v>0</v>
      </c>
      <c r="CD19" s="258">
        <v>0</v>
      </c>
      <c r="CE19" s="260">
        <v>0</v>
      </c>
      <c r="CF19" s="261">
        <v>6</v>
      </c>
      <c r="CG19" s="261">
        <v>7</v>
      </c>
      <c r="CH19" s="261">
        <v>5</v>
      </c>
      <c r="CI19" s="261">
        <v>6</v>
      </c>
      <c r="CJ19" s="261">
        <v>1</v>
      </c>
      <c r="CK19" s="258">
        <v>25</v>
      </c>
      <c r="CL19" s="263">
        <v>25</v>
      </c>
      <c r="CM19" s="257">
        <v>0</v>
      </c>
      <c r="CN19" s="261">
        <v>0</v>
      </c>
      <c r="CO19" s="258">
        <v>0</v>
      </c>
      <c r="CP19" s="260">
        <v>0</v>
      </c>
      <c r="CQ19" s="261">
        <v>1</v>
      </c>
      <c r="CR19" s="261">
        <v>0</v>
      </c>
      <c r="CS19" s="261">
        <v>2</v>
      </c>
      <c r="CT19" s="261">
        <v>0</v>
      </c>
      <c r="CU19" s="261">
        <v>0</v>
      </c>
      <c r="CV19" s="258">
        <v>3</v>
      </c>
      <c r="CW19" s="263">
        <v>3</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9</v>
      </c>
      <c r="DU19" s="261">
        <v>17</v>
      </c>
      <c r="DV19" s="258">
        <v>26</v>
      </c>
      <c r="DW19" s="260">
        <v>0</v>
      </c>
      <c r="DX19" s="261">
        <v>24</v>
      </c>
      <c r="DY19" s="261">
        <v>66</v>
      </c>
      <c r="DZ19" s="261">
        <v>30</v>
      </c>
      <c r="EA19" s="261">
        <v>13</v>
      </c>
      <c r="EB19" s="261">
        <v>10</v>
      </c>
      <c r="EC19" s="258">
        <v>143</v>
      </c>
      <c r="ED19" s="263">
        <v>169</v>
      </c>
      <c r="EE19" s="257">
        <v>5</v>
      </c>
      <c r="EF19" s="261">
        <v>2</v>
      </c>
      <c r="EG19" s="258">
        <v>7</v>
      </c>
      <c r="EH19" s="260">
        <v>0</v>
      </c>
      <c r="EI19" s="261">
        <v>8</v>
      </c>
      <c r="EJ19" s="261">
        <v>7</v>
      </c>
      <c r="EK19" s="261">
        <v>7</v>
      </c>
      <c r="EL19" s="261">
        <v>4</v>
      </c>
      <c r="EM19" s="261">
        <v>2</v>
      </c>
      <c r="EN19" s="258">
        <v>28</v>
      </c>
      <c r="EO19" s="263">
        <v>35</v>
      </c>
      <c r="EP19" s="257">
        <v>12</v>
      </c>
      <c r="EQ19" s="261">
        <v>22</v>
      </c>
      <c r="ER19" s="258">
        <v>34</v>
      </c>
      <c r="ES19" s="260">
        <v>0</v>
      </c>
      <c r="ET19" s="261">
        <v>75</v>
      </c>
      <c r="EU19" s="261">
        <v>84</v>
      </c>
      <c r="EV19" s="261">
        <v>32</v>
      </c>
      <c r="EW19" s="261">
        <v>16</v>
      </c>
      <c r="EX19" s="261">
        <v>11</v>
      </c>
      <c r="EY19" s="258">
        <v>218</v>
      </c>
      <c r="EZ19" s="263">
        <v>252</v>
      </c>
    </row>
    <row r="20" spans="2:156" ht="21" customHeight="1" x14ac:dyDescent="0.2">
      <c r="B20" s="472" t="s">
        <v>18</v>
      </c>
      <c r="C20" s="257">
        <v>0</v>
      </c>
      <c r="D20" s="261">
        <v>0</v>
      </c>
      <c r="E20" s="358">
        <v>0</v>
      </c>
      <c r="F20" s="260">
        <v>0</v>
      </c>
      <c r="G20" s="261">
        <v>27</v>
      </c>
      <c r="H20" s="261">
        <v>27</v>
      </c>
      <c r="I20" s="261">
        <v>16</v>
      </c>
      <c r="J20" s="261">
        <v>10</v>
      </c>
      <c r="K20" s="261">
        <v>5</v>
      </c>
      <c r="L20" s="262">
        <v>85</v>
      </c>
      <c r="M20" s="263">
        <v>85</v>
      </c>
      <c r="N20" s="257">
        <v>0</v>
      </c>
      <c r="O20" s="261">
        <v>0</v>
      </c>
      <c r="P20" s="258">
        <v>0</v>
      </c>
      <c r="Q20" s="260">
        <v>0</v>
      </c>
      <c r="R20" s="261">
        <v>0</v>
      </c>
      <c r="S20" s="261">
        <v>0</v>
      </c>
      <c r="T20" s="261">
        <v>2</v>
      </c>
      <c r="U20" s="261">
        <v>1</v>
      </c>
      <c r="V20" s="261">
        <v>3</v>
      </c>
      <c r="W20" s="258">
        <v>6</v>
      </c>
      <c r="X20" s="263">
        <v>6</v>
      </c>
      <c r="Y20" s="257">
        <v>3</v>
      </c>
      <c r="Z20" s="261">
        <v>9</v>
      </c>
      <c r="AA20" s="258">
        <v>12</v>
      </c>
      <c r="AB20" s="260">
        <v>0</v>
      </c>
      <c r="AC20" s="261">
        <v>22</v>
      </c>
      <c r="AD20" s="261">
        <v>22</v>
      </c>
      <c r="AE20" s="261">
        <v>17</v>
      </c>
      <c r="AF20" s="261">
        <v>9</v>
      </c>
      <c r="AG20" s="261">
        <v>2</v>
      </c>
      <c r="AH20" s="258">
        <v>72</v>
      </c>
      <c r="AI20" s="263">
        <v>84</v>
      </c>
      <c r="AJ20" s="257">
        <v>0</v>
      </c>
      <c r="AK20" s="261">
        <v>0</v>
      </c>
      <c r="AL20" s="258">
        <v>0</v>
      </c>
      <c r="AM20" s="260">
        <v>0</v>
      </c>
      <c r="AN20" s="261">
        <v>3</v>
      </c>
      <c r="AO20" s="261">
        <v>2</v>
      </c>
      <c r="AP20" s="261">
        <v>1</v>
      </c>
      <c r="AQ20" s="261">
        <v>4</v>
      </c>
      <c r="AR20" s="261">
        <v>0</v>
      </c>
      <c r="AS20" s="258">
        <v>10</v>
      </c>
      <c r="AT20" s="263">
        <v>10</v>
      </c>
      <c r="AU20" s="257">
        <v>3</v>
      </c>
      <c r="AV20" s="261">
        <v>5</v>
      </c>
      <c r="AW20" s="258">
        <v>8</v>
      </c>
      <c r="AX20" s="260">
        <v>0</v>
      </c>
      <c r="AY20" s="261">
        <v>36</v>
      </c>
      <c r="AZ20" s="261">
        <v>36</v>
      </c>
      <c r="BA20" s="261">
        <v>35</v>
      </c>
      <c r="BB20" s="261">
        <v>27</v>
      </c>
      <c r="BC20" s="261">
        <v>13</v>
      </c>
      <c r="BD20" s="262">
        <v>147</v>
      </c>
      <c r="BE20" s="263">
        <v>155</v>
      </c>
      <c r="BF20" s="257">
        <v>0</v>
      </c>
      <c r="BG20" s="261">
        <v>0</v>
      </c>
      <c r="BH20" s="258">
        <v>0</v>
      </c>
      <c r="BI20" s="260">
        <v>0</v>
      </c>
      <c r="BJ20" s="261">
        <v>41</v>
      </c>
      <c r="BK20" s="261">
        <v>38</v>
      </c>
      <c r="BL20" s="261">
        <v>20</v>
      </c>
      <c r="BM20" s="261">
        <v>9</v>
      </c>
      <c r="BN20" s="261">
        <v>2</v>
      </c>
      <c r="BO20" s="258">
        <v>110</v>
      </c>
      <c r="BP20" s="263">
        <v>110</v>
      </c>
      <c r="BQ20" s="257">
        <v>2</v>
      </c>
      <c r="BR20" s="261">
        <v>8</v>
      </c>
      <c r="BS20" s="258">
        <v>10</v>
      </c>
      <c r="BT20" s="260">
        <v>0</v>
      </c>
      <c r="BU20" s="261">
        <v>13</v>
      </c>
      <c r="BV20" s="261">
        <v>15</v>
      </c>
      <c r="BW20" s="261">
        <v>6</v>
      </c>
      <c r="BX20" s="261">
        <v>2</v>
      </c>
      <c r="BY20" s="261">
        <v>1</v>
      </c>
      <c r="BZ20" s="258">
        <v>37</v>
      </c>
      <c r="CA20" s="263">
        <v>47</v>
      </c>
      <c r="CB20" s="257">
        <v>1</v>
      </c>
      <c r="CC20" s="261">
        <v>0</v>
      </c>
      <c r="CD20" s="258">
        <v>1</v>
      </c>
      <c r="CE20" s="260">
        <v>0</v>
      </c>
      <c r="CF20" s="261">
        <v>2</v>
      </c>
      <c r="CG20" s="261">
        <v>9</v>
      </c>
      <c r="CH20" s="261">
        <v>14</v>
      </c>
      <c r="CI20" s="261">
        <v>6</v>
      </c>
      <c r="CJ20" s="261">
        <v>1</v>
      </c>
      <c r="CK20" s="258">
        <v>32</v>
      </c>
      <c r="CL20" s="263">
        <v>33</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9</v>
      </c>
      <c r="DU20" s="261">
        <v>28</v>
      </c>
      <c r="DV20" s="258">
        <v>37</v>
      </c>
      <c r="DW20" s="260">
        <v>0</v>
      </c>
      <c r="DX20" s="261">
        <v>44</v>
      </c>
      <c r="DY20" s="261">
        <v>55</v>
      </c>
      <c r="DZ20" s="261">
        <v>39</v>
      </c>
      <c r="EA20" s="261">
        <v>26</v>
      </c>
      <c r="EB20" s="261">
        <v>12</v>
      </c>
      <c r="EC20" s="258">
        <v>176</v>
      </c>
      <c r="ED20" s="263">
        <v>213</v>
      </c>
      <c r="EE20" s="257">
        <v>3</v>
      </c>
      <c r="EF20" s="261">
        <v>0</v>
      </c>
      <c r="EG20" s="258">
        <v>3</v>
      </c>
      <c r="EH20" s="260">
        <v>0</v>
      </c>
      <c r="EI20" s="261">
        <v>9</v>
      </c>
      <c r="EJ20" s="261">
        <v>13</v>
      </c>
      <c r="EK20" s="261">
        <v>8</v>
      </c>
      <c r="EL20" s="261">
        <v>9</v>
      </c>
      <c r="EM20" s="261">
        <v>3</v>
      </c>
      <c r="EN20" s="258">
        <v>42</v>
      </c>
      <c r="EO20" s="263">
        <v>45</v>
      </c>
      <c r="EP20" s="257">
        <v>15</v>
      </c>
      <c r="EQ20" s="261">
        <v>36</v>
      </c>
      <c r="ER20" s="258">
        <v>51</v>
      </c>
      <c r="ES20" s="260">
        <v>0</v>
      </c>
      <c r="ET20" s="261">
        <v>107</v>
      </c>
      <c r="EU20" s="261">
        <v>89</v>
      </c>
      <c r="EV20" s="261">
        <v>53</v>
      </c>
      <c r="EW20" s="261">
        <v>27</v>
      </c>
      <c r="EX20" s="261">
        <v>11</v>
      </c>
      <c r="EY20" s="258">
        <v>287</v>
      </c>
      <c r="EZ20" s="263">
        <v>338</v>
      </c>
    </row>
    <row r="21" spans="2:156" ht="21" customHeight="1" x14ac:dyDescent="0.2">
      <c r="B21" s="472" t="s">
        <v>19</v>
      </c>
      <c r="C21" s="257">
        <v>0</v>
      </c>
      <c r="D21" s="261">
        <v>0</v>
      </c>
      <c r="E21" s="358">
        <v>0</v>
      </c>
      <c r="F21" s="260">
        <v>0</v>
      </c>
      <c r="G21" s="261">
        <v>7</v>
      </c>
      <c r="H21" s="261">
        <v>5</v>
      </c>
      <c r="I21" s="261">
        <v>5</v>
      </c>
      <c r="J21" s="261">
        <v>2</v>
      </c>
      <c r="K21" s="261">
        <v>4</v>
      </c>
      <c r="L21" s="262">
        <v>23</v>
      </c>
      <c r="M21" s="263">
        <v>23</v>
      </c>
      <c r="N21" s="257">
        <v>0</v>
      </c>
      <c r="O21" s="261">
        <v>0</v>
      </c>
      <c r="P21" s="258">
        <v>0</v>
      </c>
      <c r="Q21" s="260">
        <v>0</v>
      </c>
      <c r="R21" s="261">
        <v>0</v>
      </c>
      <c r="S21" s="261">
        <v>0</v>
      </c>
      <c r="T21" s="261">
        <v>2</v>
      </c>
      <c r="U21" s="261">
        <v>1</v>
      </c>
      <c r="V21" s="261">
        <v>0</v>
      </c>
      <c r="W21" s="258">
        <v>3</v>
      </c>
      <c r="X21" s="263">
        <v>3</v>
      </c>
      <c r="Y21" s="257">
        <v>2</v>
      </c>
      <c r="Z21" s="261">
        <v>1</v>
      </c>
      <c r="AA21" s="258">
        <v>3</v>
      </c>
      <c r="AB21" s="260">
        <v>0</v>
      </c>
      <c r="AC21" s="261">
        <v>11</v>
      </c>
      <c r="AD21" s="261">
        <v>7</v>
      </c>
      <c r="AE21" s="261">
        <v>8</v>
      </c>
      <c r="AF21" s="261">
        <v>6</v>
      </c>
      <c r="AG21" s="261">
        <v>4</v>
      </c>
      <c r="AH21" s="258">
        <v>36</v>
      </c>
      <c r="AI21" s="263">
        <v>39</v>
      </c>
      <c r="AJ21" s="257">
        <v>0</v>
      </c>
      <c r="AK21" s="261">
        <v>0</v>
      </c>
      <c r="AL21" s="258">
        <v>0</v>
      </c>
      <c r="AM21" s="260">
        <v>0</v>
      </c>
      <c r="AN21" s="261">
        <v>1</v>
      </c>
      <c r="AO21" s="261">
        <v>2</v>
      </c>
      <c r="AP21" s="261">
        <v>1</v>
      </c>
      <c r="AQ21" s="261">
        <v>0</v>
      </c>
      <c r="AR21" s="261">
        <v>0</v>
      </c>
      <c r="AS21" s="258">
        <v>4</v>
      </c>
      <c r="AT21" s="263">
        <v>4</v>
      </c>
      <c r="AU21" s="257">
        <v>7</v>
      </c>
      <c r="AV21" s="261">
        <v>3</v>
      </c>
      <c r="AW21" s="258">
        <v>10</v>
      </c>
      <c r="AX21" s="260">
        <v>0</v>
      </c>
      <c r="AY21" s="261">
        <v>18</v>
      </c>
      <c r="AZ21" s="261">
        <v>19</v>
      </c>
      <c r="BA21" s="261">
        <v>12</v>
      </c>
      <c r="BB21" s="261">
        <v>10</v>
      </c>
      <c r="BC21" s="261">
        <v>8</v>
      </c>
      <c r="BD21" s="262">
        <v>67</v>
      </c>
      <c r="BE21" s="263">
        <v>77</v>
      </c>
      <c r="BF21" s="257">
        <v>0</v>
      </c>
      <c r="BG21" s="261">
        <v>0</v>
      </c>
      <c r="BH21" s="258">
        <v>0</v>
      </c>
      <c r="BI21" s="260">
        <v>0</v>
      </c>
      <c r="BJ21" s="261">
        <v>23</v>
      </c>
      <c r="BK21" s="261">
        <v>8</v>
      </c>
      <c r="BL21" s="261">
        <v>7</v>
      </c>
      <c r="BM21" s="261">
        <v>2</v>
      </c>
      <c r="BN21" s="261">
        <v>0</v>
      </c>
      <c r="BO21" s="258">
        <v>40</v>
      </c>
      <c r="BP21" s="263">
        <v>40</v>
      </c>
      <c r="BQ21" s="257">
        <v>1</v>
      </c>
      <c r="BR21" s="261">
        <v>2</v>
      </c>
      <c r="BS21" s="258">
        <v>3</v>
      </c>
      <c r="BT21" s="260">
        <v>0</v>
      </c>
      <c r="BU21" s="261">
        <v>9</v>
      </c>
      <c r="BV21" s="261">
        <v>6</v>
      </c>
      <c r="BW21" s="261">
        <v>5</v>
      </c>
      <c r="BX21" s="261">
        <v>0</v>
      </c>
      <c r="BY21" s="261">
        <v>0</v>
      </c>
      <c r="BZ21" s="258">
        <v>20</v>
      </c>
      <c r="CA21" s="263">
        <v>23</v>
      </c>
      <c r="CB21" s="257">
        <v>1</v>
      </c>
      <c r="CC21" s="261">
        <v>0</v>
      </c>
      <c r="CD21" s="258">
        <v>1</v>
      </c>
      <c r="CE21" s="260">
        <v>0</v>
      </c>
      <c r="CF21" s="261">
        <v>1</v>
      </c>
      <c r="CG21" s="261">
        <v>0</v>
      </c>
      <c r="CH21" s="261">
        <v>3</v>
      </c>
      <c r="CI21" s="261">
        <v>2</v>
      </c>
      <c r="CJ21" s="261">
        <v>1</v>
      </c>
      <c r="CK21" s="258">
        <v>7</v>
      </c>
      <c r="CL21" s="263">
        <v>8</v>
      </c>
      <c r="CM21" s="257">
        <v>0</v>
      </c>
      <c r="CN21" s="261">
        <v>0</v>
      </c>
      <c r="CO21" s="258">
        <v>0</v>
      </c>
      <c r="CP21" s="260">
        <v>0</v>
      </c>
      <c r="CQ21" s="261">
        <v>0</v>
      </c>
      <c r="CR21" s="261">
        <v>0</v>
      </c>
      <c r="CS21" s="261">
        <v>0</v>
      </c>
      <c r="CT21" s="261">
        <v>1</v>
      </c>
      <c r="CU21" s="261">
        <v>0</v>
      </c>
      <c r="CV21" s="258">
        <v>1</v>
      </c>
      <c r="CW21" s="263">
        <v>1</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3</v>
      </c>
      <c r="DU21" s="261">
        <v>11</v>
      </c>
      <c r="DV21" s="258">
        <v>14</v>
      </c>
      <c r="DW21" s="260">
        <v>0</v>
      </c>
      <c r="DX21" s="261">
        <v>32</v>
      </c>
      <c r="DY21" s="261">
        <v>27</v>
      </c>
      <c r="DZ21" s="261">
        <v>16</v>
      </c>
      <c r="EA21" s="261">
        <v>9</v>
      </c>
      <c r="EB21" s="261">
        <v>9</v>
      </c>
      <c r="EC21" s="258">
        <v>93</v>
      </c>
      <c r="ED21" s="263">
        <v>107</v>
      </c>
      <c r="EE21" s="257">
        <v>4</v>
      </c>
      <c r="EF21" s="261">
        <v>1</v>
      </c>
      <c r="EG21" s="258">
        <v>5</v>
      </c>
      <c r="EH21" s="260">
        <v>0</v>
      </c>
      <c r="EI21" s="261">
        <v>6</v>
      </c>
      <c r="EJ21" s="261">
        <v>7</v>
      </c>
      <c r="EK21" s="261">
        <v>2</v>
      </c>
      <c r="EL21" s="261">
        <v>1</v>
      </c>
      <c r="EM21" s="261">
        <v>1</v>
      </c>
      <c r="EN21" s="258">
        <v>17</v>
      </c>
      <c r="EO21" s="263">
        <v>22</v>
      </c>
      <c r="EP21" s="257">
        <v>7</v>
      </c>
      <c r="EQ21" s="261">
        <v>13</v>
      </c>
      <c r="ER21" s="258">
        <v>20</v>
      </c>
      <c r="ES21" s="260">
        <v>0</v>
      </c>
      <c r="ET21" s="261">
        <v>51</v>
      </c>
      <c r="EU21" s="261">
        <v>33</v>
      </c>
      <c r="EV21" s="261">
        <v>20</v>
      </c>
      <c r="EW21" s="261">
        <v>7</v>
      </c>
      <c r="EX21" s="261">
        <v>9</v>
      </c>
      <c r="EY21" s="258">
        <v>120</v>
      </c>
      <c r="EZ21" s="263">
        <v>140</v>
      </c>
    </row>
    <row r="22" spans="2:156" ht="21" customHeight="1" x14ac:dyDescent="0.2">
      <c r="B22" s="472" t="s">
        <v>20</v>
      </c>
      <c r="C22" s="257">
        <v>0</v>
      </c>
      <c r="D22" s="261">
        <v>0</v>
      </c>
      <c r="E22" s="358">
        <v>0</v>
      </c>
      <c r="F22" s="260">
        <v>0</v>
      </c>
      <c r="G22" s="261">
        <v>23</v>
      </c>
      <c r="H22" s="261">
        <v>19</v>
      </c>
      <c r="I22" s="261">
        <v>6</v>
      </c>
      <c r="J22" s="261">
        <v>7</v>
      </c>
      <c r="K22" s="261">
        <v>10</v>
      </c>
      <c r="L22" s="262">
        <v>65</v>
      </c>
      <c r="M22" s="263">
        <v>65</v>
      </c>
      <c r="N22" s="257">
        <v>0</v>
      </c>
      <c r="O22" s="261">
        <v>0</v>
      </c>
      <c r="P22" s="258">
        <v>0</v>
      </c>
      <c r="Q22" s="260">
        <v>0</v>
      </c>
      <c r="R22" s="261">
        <v>0</v>
      </c>
      <c r="S22" s="261">
        <v>0</v>
      </c>
      <c r="T22" s="261">
        <v>1</v>
      </c>
      <c r="U22" s="261">
        <v>0</v>
      </c>
      <c r="V22" s="261">
        <v>3</v>
      </c>
      <c r="W22" s="258">
        <v>4</v>
      </c>
      <c r="X22" s="263">
        <v>4</v>
      </c>
      <c r="Y22" s="257">
        <v>4</v>
      </c>
      <c r="Z22" s="261">
        <v>1</v>
      </c>
      <c r="AA22" s="258">
        <v>5</v>
      </c>
      <c r="AB22" s="260">
        <v>0</v>
      </c>
      <c r="AC22" s="261">
        <v>23</v>
      </c>
      <c r="AD22" s="261">
        <v>17</v>
      </c>
      <c r="AE22" s="261">
        <v>12</v>
      </c>
      <c r="AF22" s="261">
        <v>11</v>
      </c>
      <c r="AG22" s="261">
        <v>10</v>
      </c>
      <c r="AH22" s="258">
        <v>73</v>
      </c>
      <c r="AI22" s="263">
        <v>78</v>
      </c>
      <c r="AJ22" s="257">
        <v>1</v>
      </c>
      <c r="AK22" s="261">
        <v>4</v>
      </c>
      <c r="AL22" s="258">
        <v>5</v>
      </c>
      <c r="AM22" s="260">
        <v>0</v>
      </c>
      <c r="AN22" s="261">
        <v>4</v>
      </c>
      <c r="AO22" s="261">
        <v>9</v>
      </c>
      <c r="AP22" s="261">
        <v>5</v>
      </c>
      <c r="AQ22" s="261">
        <v>4</v>
      </c>
      <c r="AR22" s="261">
        <v>2</v>
      </c>
      <c r="AS22" s="258">
        <v>24</v>
      </c>
      <c r="AT22" s="263">
        <v>29</v>
      </c>
      <c r="AU22" s="257">
        <v>1</v>
      </c>
      <c r="AV22" s="261">
        <v>3</v>
      </c>
      <c r="AW22" s="258">
        <v>4</v>
      </c>
      <c r="AX22" s="260">
        <v>0</v>
      </c>
      <c r="AY22" s="261">
        <v>15</v>
      </c>
      <c r="AZ22" s="261">
        <v>19</v>
      </c>
      <c r="BA22" s="261">
        <v>25</v>
      </c>
      <c r="BB22" s="261">
        <v>22</v>
      </c>
      <c r="BC22" s="261">
        <v>15</v>
      </c>
      <c r="BD22" s="262">
        <v>96</v>
      </c>
      <c r="BE22" s="263">
        <v>100</v>
      </c>
      <c r="BF22" s="257">
        <v>0</v>
      </c>
      <c r="BG22" s="261">
        <v>0</v>
      </c>
      <c r="BH22" s="258">
        <v>0</v>
      </c>
      <c r="BI22" s="260">
        <v>0</v>
      </c>
      <c r="BJ22" s="261">
        <v>25</v>
      </c>
      <c r="BK22" s="261">
        <v>19</v>
      </c>
      <c r="BL22" s="261">
        <v>10</v>
      </c>
      <c r="BM22" s="261">
        <v>7</v>
      </c>
      <c r="BN22" s="261">
        <v>4</v>
      </c>
      <c r="BO22" s="258">
        <v>65</v>
      </c>
      <c r="BP22" s="263">
        <v>65</v>
      </c>
      <c r="BQ22" s="257">
        <v>3</v>
      </c>
      <c r="BR22" s="261">
        <v>2</v>
      </c>
      <c r="BS22" s="258">
        <v>5</v>
      </c>
      <c r="BT22" s="260">
        <v>0</v>
      </c>
      <c r="BU22" s="261">
        <v>7</v>
      </c>
      <c r="BV22" s="261">
        <v>14</v>
      </c>
      <c r="BW22" s="261">
        <v>5</v>
      </c>
      <c r="BX22" s="261">
        <v>6</v>
      </c>
      <c r="BY22" s="261">
        <v>1</v>
      </c>
      <c r="BZ22" s="258">
        <v>33</v>
      </c>
      <c r="CA22" s="263">
        <v>38</v>
      </c>
      <c r="CB22" s="257">
        <v>0</v>
      </c>
      <c r="CC22" s="261">
        <v>1</v>
      </c>
      <c r="CD22" s="258">
        <v>1</v>
      </c>
      <c r="CE22" s="260">
        <v>0</v>
      </c>
      <c r="CF22" s="261">
        <v>0</v>
      </c>
      <c r="CG22" s="261">
        <v>2</v>
      </c>
      <c r="CH22" s="261">
        <v>4</v>
      </c>
      <c r="CI22" s="261">
        <v>9</v>
      </c>
      <c r="CJ22" s="261">
        <v>1</v>
      </c>
      <c r="CK22" s="258">
        <v>16</v>
      </c>
      <c r="CL22" s="263">
        <v>17</v>
      </c>
      <c r="CM22" s="257">
        <v>0</v>
      </c>
      <c r="CN22" s="261">
        <v>0</v>
      </c>
      <c r="CO22" s="258">
        <v>0</v>
      </c>
      <c r="CP22" s="260">
        <v>0</v>
      </c>
      <c r="CQ22" s="261">
        <v>0</v>
      </c>
      <c r="CR22" s="261">
        <v>0</v>
      </c>
      <c r="CS22" s="261">
        <v>1</v>
      </c>
      <c r="CT22" s="261">
        <v>2</v>
      </c>
      <c r="CU22" s="261">
        <v>0</v>
      </c>
      <c r="CV22" s="258">
        <v>3</v>
      </c>
      <c r="CW22" s="263">
        <v>3</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8</v>
      </c>
      <c r="DU22" s="261">
        <v>23</v>
      </c>
      <c r="DV22" s="258">
        <v>31</v>
      </c>
      <c r="DW22" s="260">
        <v>0</v>
      </c>
      <c r="DX22" s="261">
        <v>42</v>
      </c>
      <c r="DY22" s="261">
        <v>37</v>
      </c>
      <c r="DZ22" s="261">
        <v>23</v>
      </c>
      <c r="EA22" s="261">
        <v>19</v>
      </c>
      <c r="EB22" s="261">
        <v>14</v>
      </c>
      <c r="EC22" s="258">
        <v>135</v>
      </c>
      <c r="ED22" s="263">
        <v>166</v>
      </c>
      <c r="EE22" s="257">
        <v>1</v>
      </c>
      <c r="EF22" s="261">
        <v>2</v>
      </c>
      <c r="EG22" s="258">
        <v>3</v>
      </c>
      <c r="EH22" s="260">
        <v>0</v>
      </c>
      <c r="EI22" s="261">
        <v>6</v>
      </c>
      <c r="EJ22" s="261">
        <v>3</v>
      </c>
      <c r="EK22" s="261">
        <v>8</v>
      </c>
      <c r="EL22" s="261">
        <v>5</v>
      </c>
      <c r="EM22" s="261">
        <v>3</v>
      </c>
      <c r="EN22" s="258">
        <v>25</v>
      </c>
      <c r="EO22" s="263">
        <v>28</v>
      </c>
      <c r="EP22" s="257">
        <v>15</v>
      </c>
      <c r="EQ22" s="261">
        <v>30</v>
      </c>
      <c r="ER22" s="258">
        <v>45</v>
      </c>
      <c r="ES22" s="260">
        <v>0</v>
      </c>
      <c r="ET22" s="261">
        <v>83</v>
      </c>
      <c r="EU22" s="261">
        <v>59</v>
      </c>
      <c r="EV22" s="261">
        <v>29</v>
      </c>
      <c r="EW22" s="261">
        <v>23</v>
      </c>
      <c r="EX22" s="261">
        <v>15</v>
      </c>
      <c r="EY22" s="258">
        <v>209</v>
      </c>
      <c r="EZ22" s="263">
        <v>254</v>
      </c>
    </row>
    <row r="23" spans="2:156" ht="21" customHeight="1" x14ac:dyDescent="0.2">
      <c r="B23" s="472" t="s">
        <v>21</v>
      </c>
      <c r="C23" s="257">
        <v>0</v>
      </c>
      <c r="D23" s="261">
        <v>0</v>
      </c>
      <c r="E23" s="358">
        <v>0</v>
      </c>
      <c r="F23" s="260">
        <v>0</v>
      </c>
      <c r="G23" s="261">
        <v>14</v>
      </c>
      <c r="H23" s="261">
        <v>14</v>
      </c>
      <c r="I23" s="261">
        <v>6</v>
      </c>
      <c r="J23" s="261">
        <v>8</v>
      </c>
      <c r="K23" s="261">
        <v>8</v>
      </c>
      <c r="L23" s="262">
        <v>50</v>
      </c>
      <c r="M23" s="263">
        <v>50</v>
      </c>
      <c r="N23" s="257">
        <v>0</v>
      </c>
      <c r="O23" s="261">
        <v>0</v>
      </c>
      <c r="P23" s="258">
        <v>0</v>
      </c>
      <c r="Q23" s="260">
        <v>0</v>
      </c>
      <c r="R23" s="261">
        <v>0</v>
      </c>
      <c r="S23" s="261">
        <v>0</v>
      </c>
      <c r="T23" s="261">
        <v>0</v>
      </c>
      <c r="U23" s="261">
        <v>1</v>
      </c>
      <c r="V23" s="261">
        <v>3</v>
      </c>
      <c r="W23" s="258">
        <v>4</v>
      </c>
      <c r="X23" s="263">
        <v>4</v>
      </c>
      <c r="Y23" s="257">
        <v>5</v>
      </c>
      <c r="Z23" s="261">
        <v>3</v>
      </c>
      <c r="AA23" s="258">
        <v>8</v>
      </c>
      <c r="AB23" s="260">
        <v>0</v>
      </c>
      <c r="AC23" s="261">
        <v>11</v>
      </c>
      <c r="AD23" s="261">
        <v>22</v>
      </c>
      <c r="AE23" s="261">
        <v>6</v>
      </c>
      <c r="AF23" s="261">
        <v>7</v>
      </c>
      <c r="AG23" s="261">
        <v>5</v>
      </c>
      <c r="AH23" s="258">
        <v>51</v>
      </c>
      <c r="AI23" s="263">
        <v>59</v>
      </c>
      <c r="AJ23" s="257">
        <v>1</v>
      </c>
      <c r="AK23" s="261">
        <v>0</v>
      </c>
      <c r="AL23" s="258">
        <v>1</v>
      </c>
      <c r="AM23" s="260">
        <v>0</v>
      </c>
      <c r="AN23" s="261">
        <v>1</v>
      </c>
      <c r="AO23" s="261">
        <v>2</v>
      </c>
      <c r="AP23" s="261">
        <v>0</v>
      </c>
      <c r="AQ23" s="261">
        <v>0</v>
      </c>
      <c r="AR23" s="261">
        <v>1</v>
      </c>
      <c r="AS23" s="258">
        <v>4</v>
      </c>
      <c r="AT23" s="263">
        <v>5</v>
      </c>
      <c r="AU23" s="257">
        <v>5</v>
      </c>
      <c r="AV23" s="261">
        <v>5</v>
      </c>
      <c r="AW23" s="258">
        <v>10</v>
      </c>
      <c r="AX23" s="260">
        <v>0</v>
      </c>
      <c r="AY23" s="261">
        <v>9</v>
      </c>
      <c r="AZ23" s="261">
        <v>22</v>
      </c>
      <c r="BA23" s="261">
        <v>12</v>
      </c>
      <c r="BB23" s="261">
        <v>10</v>
      </c>
      <c r="BC23" s="261">
        <v>12</v>
      </c>
      <c r="BD23" s="262">
        <v>65</v>
      </c>
      <c r="BE23" s="263">
        <v>75</v>
      </c>
      <c r="BF23" s="257">
        <v>0</v>
      </c>
      <c r="BG23" s="261">
        <v>0</v>
      </c>
      <c r="BH23" s="258">
        <v>0</v>
      </c>
      <c r="BI23" s="260">
        <v>0</v>
      </c>
      <c r="BJ23" s="261">
        <v>19</v>
      </c>
      <c r="BK23" s="261">
        <v>17</v>
      </c>
      <c r="BL23" s="261">
        <v>6</v>
      </c>
      <c r="BM23" s="261">
        <v>4</v>
      </c>
      <c r="BN23" s="261">
        <v>3</v>
      </c>
      <c r="BO23" s="258">
        <v>49</v>
      </c>
      <c r="BP23" s="263">
        <v>49</v>
      </c>
      <c r="BQ23" s="257">
        <v>4</v>
      </c>
      <c r="BR23" s="261">
        <v>0</v>
      </c>
      <c r="BS23" s="258">
        <v>4</v>
      </c>
      <c r="BT23" s="260">
        <v>0</v>
      </c>
      <c r="BU23" s="261">
        <v>6</v>
      </c>
      <c r="BV23" s="261">
        <v>7</v>
      </c>
      <c r="BW23" s="261">
        <v>3</v>
      </c>
      <c r="BX23" s="261">
        <v>0</v>
      </c>
      <c r="BY23" s="261">
        <v>1</v>
      </c>
      <c r="BZ23" s="258">
        <v>17</v>
      </c>
      <c r="CA23" s="263">
        <v>21</v>
      </c>
      <c r="CB23" s="257">
        <v>1</v>
      </c>
      <c r="CC23" s="261">
        <v>0</v>
      </c>
      <c r="CD23" s="258">
        <v>1</v>
      </c>
      <c r="CE23" s="260">
        <v>0</v>
      </c>
      <c r="CF23" s="261">
        <v>1</v>
      </c>
      <c r="CG23" s="261">
        <v>3</v>
      </c>
      <c r="CH23" s="261">
        <v>4</v>
      </c>
      <c r="CI23" s="261">
        <v>6</v>
      </c>
      <c r="CJ23" s="261">
        <v>2</v>
      </c>
      <c r="CK23" s="258">
        <v>16</v>
      </c>
      <c r="CL23" s="263">
        <v>17</v>
      </c>
      <c r="CM23" s="257">
        <v>0</v>
      </c>
      <c r="CN23" s="261">
        <v>0</v>
      </c>
      <c r="CO23" s="258">
        <v>0</v>
      </c>
      <c r="CP23" s="260">
        <v>0</v>
      </c>
      <c r="CQ23" s="261">
        <v>0</v>
      </c>
      <c r="CR23" s="261">
        <v>1</v>
      </c>
      <c r="CS23" s="261">
        <v>1</v>
      </c>
      <c r="CT23" s="261">
        <v>0</v>
      </c>
      <c r="CU23" s="261">
        <v>0</v>
      </c>
      <c r="CV23" s="258">
        <v>2</v>
      </c>
      <c r="CW23" s="263">
        <v>2</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10</v>
      </c>
      <c r="DU23" s="261">
        <v>15</v>
      </c>
      <c r="DV23" s="258">
        <v>25</v>
      </c>
      <c r="DW23" s="260">
        <v>0</v>
      </c>
      <c r="DX23" s="261">
        <v>18</v>
      </c>
      <c r="DY23" s="261">
        <v>45</v>
      </c>
      <c r="DZ23" s="261">
        <v>15</v>
      </c>
      <c r="EA23" s="261">
        <v>14</v>
      </c>
      <c r="EB23" s="261">
        <v>8</v>
      </c>
      <c r="EC23" s="258">
        <v>100</v>
      </c>
      <c r="ED23" s="263">
        <v>125</v>
      </c>
      <c r="EE23" s="257">
        <v>1</v>
      </c>
      <c r="EF23" s="261">
        <v>4</v>
      </c>
      <c r="EG23" s="258">
        <v>5</v>
      </c>
      <c r="EH23" s="260">
        <v>0</v>
      </c>
      <c r="EI23" s="261">
        <v>4</v>
      </c>
      <c r="EJ23" s="261">
        <v>4</v>
      </c>
      <c r="EK23" s="261">
        <v>4</v>
      </c>
      <c r="EL23" s="261">
        <v>2</v>
      </c>
      <c r="EM23" s="261">
        <v>4</v>
      </c>
      <c r="EN23" s="258">
        <v>18</v>
      </c>
      <c r="EO23" s="263">
        <v>23</v>
      </c>
      <c r="EP23" s="257">
        <v>20</v>
      </c>
      <c r="EQ23" s="261">
        <v>18</v>
      </c>
      <c r="ER23" s="258">
        <v>38</v>
      </c>
      <c r="ES23" s="260">
        <v>0</v>
      </c>
      <c r="ET23" s="261">
        <v>53</v>
      </c>
      <c r="EU23" s="261">
        <v>61</v>
      </c>
      <c r="EV23" s="261">
        <v>21</v>
      </c>
      <c r="EW23" s="261">
        <v>15</v>
      </c>
      <c r="EX23" s="261">
        <v>12</v>
      </c>
      <c r="EY23" s="258">
        <v>162</v>
      </c>
      <c r="EZ23" s="263">
        <v>200</v>
      </c>
    </row>
    <row r="24" spans="2:156" ht="21" customHeight="1" x14ac:dyDescent="0.2">
      <c r="B24" s="472" t="s">
        <v>22</v>
      </c>
      <c r="C24" s="257">
        <v>0</v>
      </c>
      <c r="D24" s="261">
        <v>0</v>
      </c>
      <c r="E24" s="358">
        <v>0</v>
      </c>
      <c r="F24" s="260">
        <v>0</v>
      </c>
      <c r="G24" s="261">
        <v>7</v>
      </c>
      <c r="H24" s="261">
        <v>7</v>
      </c>
      <c r="I24" s="261">
        <v>1</v>
      </c>
      <c r="J24" s="261">
        <v>3</v>
      </c>
      <c r="K24" s="261">
        <v>2</v>
      </c>
      <c r="L24" s="262">
        <v>20</v>
      </c>
      <c r="M24" s="263">
        <v>20</v>
      </c>
      <c r="N24" s="257">
        <v>0</v>
      </c>
      <c r="O24" s="261">
        <v>0</v>
      </c>
      <c r="P24" s="258">
        <v>0</v>
      </c>
      <c r="Q24" s="260">
        <v>0</v>
      </c>
      <c r="R24" s="261">
        <v>1</v>
      </c>
      <c r="S24" s="261">
        <v>0</v>
      </c>
      <c r="T24" s="261">
        <v>0</v>
      </c>
      <c r="U24" s="261">
        <v>1</v>
      </c>
      <c r="V24" s="261">
        <v>1</v>
      </c>
      <c r="W24" s="258">
        <v>3</v>
      </c>
      <c r="X24" s="263">
        <v>3</v>
      </c>
      <c r="Y24" s="257">
        <v>0</v>
      </c>
      <c r="Z24" s="261">
        <v>1</v>
      </c>
      <c r="AA24" s="258">
        <v>1</v>
      </c>
      <c r="AB24" s="260">
        <v>0</v>
      </c>
      <c r="AC24" s="261">
        <v>3</v>
      </c>
      <c r="AD24" s="261">
        <v>8</v>
      </c>
      <c r="AE24" s="261">
        <v>3</v>
      </c>
      <c r="AF24" s="261">
        <v>1</v>
      </c>
      <c r="AG24" s="261">
        <v>3</v>
      </c>
      <c r="AH24" s="258">
        <v>18</v>
      </c>
      <c r="AI24" s="263">
        <v>19</v>
      </c>
      <c r="AJ24" s="257">
        <v>0</v>
      </c>
      <c r="AK24" s="261">
        <v>0</v>
      </c>
      <c r="AL24" s="258">
        <v>0</v>
      </c>
      <c r="AM24" s="260">
        <v>0</v>
      </c>
      <c r="AN24" s="261">
        <v>0</v>
      </c>
      <c r="AO24" s="261">
        <v>1</v>
      </c>
      <c r="AP24" s="261">
        <v>0</v>
      </c>
      <c r="AQ24" s="261">
        <v>0</v>
      </c>
      <c r="AR24" s="261">
        <v>0</v>
      </c>
      <c r="AS24" s="258">
        <v>1</v>
      </c>
      <c r="AT24" s="263">
        <v>1</v>
      </c>
      <c r="AU24" s="257">
        <v>2</v>
      </c>
      <c r="AV24" s="261">
        <v>0</v>
      </c>
      <c r="AW24" s="258">
        <v>2</v>
      </c>
      <c r="AX24" s="260">
        <v>0</v>
      </c>
      <c r="AY24" s="261">
        <v>7</v>
      </c>
      <c r="AZ24" s="261">
        <v>10</v>
      </c>
      <c r="BA24" s="261">
        <v>3</v>
      </c>
      <c r="BB24" s="261">
        <v>4</v>
      </c>
      <c r="BC24" s="261">
        <v>3</v>
      </c>
      <c r="BD24" s="262">
        <v>27</v>
      </c>
      <c r="BE24" s="263">
        <v>29</v>
      </c>
      <c r="BF24" s="257">
        <v>0</v>
      </c>
      <c r="BG24" s="261">
        <v>0</v>
      </c>
      <c r="BH24" s="258">
        <v>0</v>
      </c>
      <c r="BI24" s="260">
        <v>0</v>
      </c>
      <c r="BJ24" s="261">
        <v>12</v>
      </c>
      <c r="BK24" s="261">
        <v>5</v>
      </c>
      <c r="BL24" s="261">
        <v>3</v>
      </c>
      <c r="BM24" s="261">
        <v>2</v>
      </c>
      <c r="BN24" s="261">
        <v>3</v>
      </c>
      <c r="BO24" s="258">
        <v>25</v>
      </c>
      <c r="BP24" s="263">
        <v>25</v>
      </c>
      <c r="BQ24" s="257">
        <v>0</v>
      </c>
      <c r="BR24" s="261">
        <v>1</v>
      </c>
      <c r="BS24" s="258">
        <v>1</v>
      </c>
      <c r="BT24" s="260">
        <v>0</v>
      </c>
      <c r="BU24" s="261">
        <v>3</v>
      </c>
      <c r="BV24" s="261">
        <v>3</v>
      </c>
      <c r="BW24" s="261">
        <v>1</v>
      </c>
      <c r="BX24" s="261">
        <v>1</v>
      </c>
      <c r="BY24" s="261">
        <v>2</v>
      </c>
      <c r="BZ24" s="258">
        <v>10</v>
      </c>
      <c r="CA24" s="263">
        <v>11</v>
      </c>
      <c r="CB24" s="257">
        <v>0</v>
      </c>
      <c r="CC24" s="261">
        <v>0</v>
      </c>
      <c r="CD24" s="258">
        <v>0</v>
      </c>
      <c r="CE24" s="260">
        <v>0</v>
      </c>
      <c r="CF24" s="261">
        <v>0</v>
      </c>
      <c r="CG24" s="261">
        <v>0</v>
      </c>
      <c r="CH24" s="261">
        <v>1</v>
      </c>
      <c r="CI24" s="261">
        <v>2</v>
      </c>
      <c r="CJ24" s="261">
        <v>1</v>
      </c>
      <c r="CK24" s="258">
        <v>4</v>
      </c>
      <c r="CL24" s="263">
        <v>4</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3</v>
      </c>
      <c r="DU24" s="261">
        <v>4</v>
      </c>
      <c r="DV24" s="258">
        <v>7</v>
      </c>
      <c r="DW24" s="260">
        <v>0</v>
      </c>
      <c r="DX24" s="261">
        <v>14</v>
      </c>
      <c r="DY24" s="261">
        <v>15</v>
      </c>
      <c r="DZ24" s="261">
        <v>7</v>
      </c>
      <c r="EA24" s="261">
        <v>7</v>
      </c>
      <c r="EB24" s="261">
        <v>4</v>
      </c>
      <c r="EC24" s="258">
        <v>47</v>
      </c>
      <c r="ED24" s="263">
        <v>54</v>
      </c>
      <c r="EE24" s="257">
        <v>1</v>
      </c>
      <c r="EF24" s="261">
        <v>2</v>
      </c>
      <c r="EG24" s="258">
        <v>3</v>
      </c>
      <c r="EH24" s="260">
        <v>0</v>
      </c>
      <c r="EI24" s="261">
        <v>6</v>
      </c>
      <c r="EJ24" s="261">
        <v>4</v>
      </c>
      <c r="EK24" s="261">
        <v>0</v>
      </c>
      <c r="EL24" s="261">
        <v>1</v>
      </c>
      <c r="EM24" s="261">
        <v>0</v>
      </c>
      <c r="EN24" s="258">
        <v>11</v>
      </c>
      <c r="EO24" s="263">
        <v>14</v>
      </c>
      <c r="EP24" s="257">
        <v>3</v>
      </c>
      <c r="EQ24" s="261">
        <v>6</v>
      </c>
      <c r="ER24" s="258">
        <v>9</v>
      </c>
      <c r="ES24" s="260">
        <v>0</v>
      </c>
      <c r="ET24" s="261">
        <v>25</v>
      </c>
      <c r="EU24" s="261">
        <v>20</v>
      </c>
      <c r="EV24" s="261">
        <v>10</v>
      </c>
      <c r="EW24" s="261">
        <v>7</v>
      </c>
      <c r="EX24" s="261">
        <v>5</v>
      </c>
      <c r="EY24" s="258">
        <v>67</v>
      </c>
      <c r="EZ24" s="263">
        <v>76</v>
      </c>
    </row>
    <row r="25" spans="2:156" ht="21" customHeight="1" x14ac:dyDescent="0.2">
      <c r="B25" s="472" t="s">
        <v>23</v>
      </c>
      <c r="C25" s="257">
        <v>0</v>
      </c>
      <c r="D25" s="261">
        <v>0</v>
      </c>
      <c r="E25" s="358">
        <v>0</v>
      </c>
      <c r="F25" s="260">
        <v>0</v>
      </c>
      <c r="G25" s="261">
        <v>6</v>
      </c>
      <c r="H25" s="261">
        <v>8</v>
      </c>
      <c r="I25" s="261">
        <v>5</v>
      </c>
      <c r="J25" s="261">
        <v>4</v>
      </c>
      <c r="K25" s="261">
        <v>0</v>
      </c>
      <c r="L25" s="262">
        <v>23</v>
      </c>
      <c r="M25" s="263">
        <v>23</v>
      </c>
      <c r="N25" s="257">
        <v>0</v>
      </c>
      <c r="O25" s="261">
        <v>0</v>
      </c>
      <c r="P25" s="258">
        <v>0</v>
      </c>
      <c r="Q25" s="260">
        <v>0</v>
      </c>
      <c r="R25" s="261">
        <v>0</v>
      </c>
      <c r="S25" s="261">
        <v>0</v>
      </c>
      <c r="T25" s="261">
        <v>0</v>
      </c>
      <c r="U25" s="261">
        <v>3</v>
      </c>
      <c r="V25" s="261">
        <v>0</v>
      </c>
      <c r="W25" s="258">
        <v>3</v>
      </c>
      <c r="X25" s="263">
        <v>3</v>
      </c>
      <c r="Y25" s="257">
        <v>2</v>
      </c>
      <c r="Z25" s="261">
        <v>3</v>
      </c>
      <c r="AA25" s="258">
        <v>5</v>
      </c>
      <c r="AB25" s="260">
        <v>0</v>
      </c>
      <c r="AC25" s="261">
        <v>5</v>
      </c>
      <c r="AD25" s="261">
        <v>10</v>
      </c>
      <c r="AE25" s="261">
        <v>2</v>
      </c>
      <c r="AF25" s="261">
        <v>3</v>
      </c>
      <c r="AG25" s="261">
        <v>2</v>
      </c>
      <c r="AH25" s="258">
        <v>22</v>
      </c>
      <c r="AI25" s="263">
        <v>27</v>
      </c>
      <c r="AJ25" s="257">
        <v>0</v>
      </c>
      <c r="AK25" s="261">
        <v>1</v>
      </c>
      <c r="AL25" s="258">
        <v>1</v>
      </c>
      <c r="AM25" s="260">
        <v>0</v>
      </c>
      <c r="AN25" s="261">
        <v>0</v>
      </c>
      <c r="AO25" s="261">
        <v>1</v>
      </c>
      <c r="AP25" s="261">
        <v>0</v>
      </c>
      <c r="AQ25" s="261">
        <v>0</v>
      </c>
      <c r="AR25" s="261">
        <v>0</v>
      </c>
      <c r="AS25" s="258">
        <v>1</v>
      </c>
      <c r="AT25" s="263">
        <v>2</v>
      </c>
      <c r="AU25" s="257">
        <v>3</v>
      </c>
      <c r="AV25" s="261">
        <v>0</v>
      </c>
      <c r="AW25" s="258">
        <v>3</v>
      </c>
      <c r="AX25" s="260">
        <v>0</v>
      </c>
      <c r="AY25" s="261">
        <v>11</v>
      </c>
      <c r="AZ25" s="261">
        <v>9</v>
      </c>
      <c r="BA25" s="261">
        <v>6</v>
      </c>
      <c r="BB25" s="261">
        <v>9</v>
      </c>
      <c r="BC25" s="261">
        <v>6</v>
      </c>
      <c r="BD25" s="262">
        <v>41</v>
      </c>
      <c r="BE25" s="263">
        <v>44</v>
      </c>
      <c r="BF25" s="257">
        <v>0</v>
      </c>
      <c r="BG25" s="261">
        <v>0</v>
      </c>
      <c r="BH25" s="258">
        <v>0</v>
      </c>
      <c r="BI25" s="260">
        <v>0</v>
      </c>
      <c r="BJ25" s="261">
        <v>13</v>
      </c>
      <c r="BK25" s="261">
        <v>13</v>
      </c>
      <c r="BL25" s="261">
        <v>5</v>
      </c>
      <c r="BM25" s="261">
        <v>5</v>
      </c>
      <c r="BN25" s="261">
        <v>1</v>
      </c>
      <c r="BO25" s="258">
        <v>37</v>
      </c>
      <c r="BP25" s="263">
        <v>37</v>
      </c>
      <c r="BQ25" s="257">
        <v>0</v>
      </c>
      <c r="BR25" s="261">
        <v>0</v>
      </c>
      <c r="BS25" s="258">
        <v>0</v>
      </c>
      <c r="BT25" s="260">
        <v>0</v>
      </c>
      <c r="BU25" s="261">
        <v>3</v>
      </c>
      <c r="BV25" s="261">
        <v>3</v>
      </c>
      <c r="BW25" s="261">
        <v>3</v>
      </c>
      <c r="BX25" s="261">
        <v>1</v>
      </c>
      <c r="BY25" s="261">
        <v>1</v>
      </c>
      <c r="BZ25" s="258">
        <v>11</v>
      </c>
      <c r="CA25" s="263">
        <v>11</v>
      </c>
      <c r="CB25" s="257">
        <v>0</v>
      </c>
      <c r="CC25" s="261">
        <v>0</v>
      </c>
      <c r="CD25" s="258">
        <v>0</v>
      </c>
      <c r="CE25" s="260">
        <v>0</v>
      </c>
      <c r="CF25" s="261">
        <v>1</v>
      </c>
      <c r="CG25" s="261">
        <v>1</v>
      </c>
      <c r="CH25" s="261">
        <v>4</v>
      </c>
      <c r="CI25" s="261">
        <v>2</v>
      </c>
      <c r="CJ25" s="261">
        <v>2</v>
      </c>
      <c r="CK25" s="258">
        <v>10</v>
      </c>
      <c r="CL25" s="263">
        <v>10</v>
      </c>
      <c r="CM25" s="257">
        <v>1</v>
      </c>
      <c r="CN25" s="261">
        <v>0</v>
      </c>
      <c r="CO25" s="258">
        <v>1</v>
      </c>
      <c r="CP25" s="260">
        <v>0</v>
      </c>
      <c r="CQ25" s="261">
        <v>1</v>
      </c>
      <c r="CR25" s="261">
        <v>0</v>
      </c>
      <c r="CS25" s="261">
        <v>0</v>
      </c>
      <c r="CT25" s="261">
        <v>0</v>
      </c>
      <c r="CU25" s="261">
        <v>1</v>
      </c>
      <c r="CV25" s="258">
        <v>2</v>
      </c>
      <c r="CW25" s="263">
        <v>3</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2</v>
      </c>
      <c r="DU25" s="261">
        <v>8</v>
      </c>
      <c r="DV25" s="258">
        <v>10</v>
      </c>
      <c r="DW25" s="260">
        <v>0</v>
      </c>
      <c r="DX25" s="261">
        <v>13</v>
      </c>
      <c r="DY25" s="261">
        <v>23</v>
      </c>
      <c r="DZ25" s="261">
        <v>8</v>
      </c>
      <c r="EA25" s="261">
        <v>7</v>
      </c>
      <c r="EB25" s="261">
        <v>2</v>
      </c>
      <c r="EC25" s="258">
        <v>53</v>
      </c>
      <c r="ED25" s="263">
        <v>63</v>
      </c>
      <c r="EE25" s="257">
        <v>3</v>
      </c>
      <c r="EF25" s="261">
        <v>0</v>
      </c>
      <c r="EG25" s="258">
        <v>3</v>
      </c>
      <c r="EH25" s="260">
        <v>0</v>
      </c>
      <c r="EI25" s="261">
        <v>7</v>
      </c>
      <c r="EJ25" s="261">
        <v>1</v>
      </c>
      <c r="EK25" s="261">
        <v>0</v>
      </c>
      <c r="EL25" s="261">
        <v>3</v>
      </c>
      <c r="EM25" s="261">
        <v>3</v>
      </c>
      <c r="EN25" s="258">
        <v>14</v>
      </c>
      <c r="EO25" s="263">
        <v>17</v>
      </c>
      <c r="EP25" s="257">
        <v>4</v>
      </c>
      <c r="EQ25" s="261">
        <v>10</v>
      </c>
      <c r="ER25" s="258">
        <v>14</v>
      </c>
      <c r="ES25" s="260">
        <v>0</v>
      </c>
      <c r="ET25" s="261">
        <v>32</v>
      </c>
      <c r="EU25" s="261">
        <v>30</v>
      </c>
      <c r="EV25" s="261">
        <v>14</v>
      </c>
      <c r="EW25" s="261">
        <v>8</v>
      </c>
      <c r="EX25" s="261">
        <v>4</v>
      </c>
      <c r="EY25" s="258">
        <v>88</v>
      </c>
      <c r="EZ25" s="263">
        <v>102</v>
      </c>
    </row>
    <row r="26" spans="2:156" ht="21" customHeight="1" x14ac:dyDescent="0.2">
      <c r="B26" s="472" t="s">
        <v>24</v>
      </c>
      <c r="C26" s="257">
        <v>0</v>
      </c>
      <c r="D26" s="261">
        <v>0</v>
      </c>
      <c r="E26" s="358">
        <v>0</v>
      </c>
      <c r="F26" s="260">
        <v>0</v>
      </c>
      <c r="G26" s="261">
        <v>10</v>
      </c>
      <c r="H26" s="261">
        <v>5</v>
      </c>
      <c r="I26" s="261">
        <v>2</v>
      </c>
      <c r="J26" s="261">
        <v>3</v>
      </c>
      <c r="K26" s="261">
        <v>3</v>
      </c>
      <c r="L26" s="262">
        <v>23</v>
      </c>
      <c r="M26" s="263">
        <v>23</v>
      </c>
      <c r="N26" s="257">
        <v>0</v>
      </c>
      <c r="O26" s="261">
        <v>0</v>
      </c>
      <c r="P26" s="258">
        <v>0</v>
      </c>
      <c r="Q26" s="260">
        <v>0</v>
      </c>
      <c r="R26" s="261">
        <v>0</v>
      </c>
      <c r="S26" s="261">
        <v>0</v>
      </c>
      <c r="T26" s="261">
        <v>0</v>
      </c>
      <c r="U26" s="261">
        <v>2</v>
      </c>
      <c r="V26" s="261">
        <v>3</v>
      </c>
      <c r="W26" s="258">
        <v>5</v>
      </c>
      <c r="X26" s="263">
        <v>5</v>
      </c>
      <c r="Y26" s="257">
        <v>1</v>
      </c>
      <c r="Z26" s="261">
        <v>3</v>
      </c>
      <c r="AA26" s="258">
        <v>4</v>
      </c>
      <c r="AB26" s="260">
        <v>0</v>
      </c>
      <c r="AC26" s="261">
        <v>6</v>
      </c>
      <c r="AD26" s="261">
        <v>4</v>
      </c>
      <c r="AE26" s="261">
        <v>1</v>
      </c>
      <c r="AF26" s="261">
        <v>2</v>
      </c>
      <c r="AG26" s="261">
        <v>2</v>
      </c>
      <c r="AH26" s="258">
        <v>15</v>
      </c>
      <c r="AI26" s="263">
        <v>19</v>
      </c>
      <c r="AJ26" s="257">
        <v>0</v>
      </c>
      <c r="AK26" s="261">
        <v>0</v>
      </c>
      <c r="AL26" s="258">
        <v>0</v>
      </c>
      <c r="AM26" s="260">
        <v>0</v>
      </c>
      <c r="AN26" s="261">
        <v>1</v>
      </c>
      <c r="AO26" s="261">
        <v>2</v>
      </c>
      <c r="AP26" s="261">
        <v>1</v>
      </c>
      <c r="AQ26" s="261">
        <v>0</v>
      </c>
      <c r="AR26" s="261">
        <v>0</v>
      </c>
      <c r="AS26" s="258">
        <v>4</v>
      </c>
      <c r="AT26" s="263">
        <v>4</v>
      </c>
      <c r="AU26" s="257">
        <v>5</v>
      </c>
      <c r="AV26" s="261">
        <v>1</v>
      </c>
      <c r="AW26" s="258">
        <v>6</v>
      </c>
      <c r="AX26" s="260">
        <v>0</v>
      </c>
      <c r="AY26" s="261">
        <v>12</v>
      </c>
      <c r="AZ26" s="261">
        <v>5</v>
      </c>
      <c r="BA26" s="261">
        <v>9</v>
      </c>
      <c r="BB26" s="261">
        <v>8</v>
      </c>
      <c r="BC26" s="261">
        <v>6</v>
      </c>
      <c r="BD26" s="262">
        <v>40</v>
      </c>
      <c r="BE26" s="263">
        <v>46</v>
      </c>
      <c r="BF26" s="257">
        <v>0</v>
      </c>
      <c r="BG26" s="261">
        <v>0</v>
      </c>
      <c r="BH26" s="258">
        <v>0</v>
      </c>
      <c r="BI26" s="260">
        <v>0</v>
      </c>
      <c r="BJ26" s="261">
        <v>12</v>
      </c>
      <c r="BK26" s="261">
        <v>11</v>
      </c>
      <c r="BL26" s="261">
        <v>3</v>
      </c>
      <c r="BM26" s="261">
        <v>1</v>
      </c>
      <c r="BN26" s="261">
        <v>0</v>
      </c>
      <c r="BO26" s="258">
        <v>27</v>
      </c>
      <c r="BP26" s="263">
        <v>27</v>
      </c>
      <c r="BQ26" s="257">
        <v>2</v>
      </c>
      <c r="BR26" s="261">
        <v>1</v>
      </c>
      <c r="BS26" s="258">
        <v>3</v>
      </c>
      <c r="BT26" s="260">
        <v>0</v>
      </c>
      <c r="BU26" s="261">
        <v>2</v>
      </c>
      <c r="BV26" s="261">
        <v>5</v>
      </c>
      <c r="BW26" s="261">
        <v>3</v>
      </c>
      <c r="BX26" s="261">
        <v>1</v>
      </c>
      <c r="BY26" s="261">
        <v>0</v>
      </c>
      <c r="BZ26" s="258">
        <v>11</v>
      </c>
      <c r="CA26" s="263">
        <v>14</v>
      </c>
      <c r="CB26" s="257">
        <v>0</v>
      </c>
      <c r="CC26" s="261">
        <v>0</v>
      </c>
      <c r="CD26" s="258">
        <v>0</v>
      </c>
      <c r="CE26" s="260">
        <v>0</v>
      </c>
      <c r="CF26" s="261">
        <v>0</v>
      </c>
      <c r="CG26" s="261">
        <v>3</v>
      </c>
      <c r="CH26" s="261">
        <v>1</v>
      </c>
      <c r="CI26" s="261">
        <v>0</v>
      </c>
      <c r="CJ26" s="261">
        <v>0</v>
      </c>
      <c r="CK26" s="258">
        <v>4</v>
      </c>
      <c r="CL26" s="263">
        <v>4</v>
      </c>
      <c r="CM26" s="257">
        <v>0</v>
      </c>
      <c r="CN26" s="261">
        <v>0</v>
      </c>
      <c r="CO26" s="258">
        <v>0</v>
      </c>
      <c r="CP26" s="260">
        <v>0</v>
      </c>
      <c r="CQ26" s="261">
        <v>1</v>
      </c>
      <c r="CR26" s="261">
        <v>0</v>
      </c>
      <c r="CS26" s="261">
        <v>0</v>
      </c>
      <c r="CT26" s="261">
        <v>0</v>
      </c>
      <c r="CU26" s="261">
        <v>0</v>
      </c>
      <c r="CV26" s="258">
        <v>1</v>
      </c>
      <c r="CW26" s="263">
        <v>1</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10</v>
      </c>
      <c r="DU26" s="261">
        <v>7</v>
      </c>
      <c r="DV26" s="258">
        <v>17</v>
      </c>
      <c r="DW26" s="260">
        <v>0</v>
      </c>
      <c r="DX26" s="261">
        <v>14</v>
      </c>
      <c r="DY26" s="261">
        <v>20</v>
      </c>
      <c r="DZ26" s="261">
        <v>7</v>
      </c>
      <c r="EA26" s="261">
        <v>4</v>
      </c>
      <c r="EB26" s="261">
        <v>2</v>
      </c>
      <c r="EC26" s="258">
        <v>47</v>
      </c>
      <c r="ED26" s="263">
        <v>64</v>
      </c>
      <c r="EE26" s="257">
        <v>4</v>
      </c>
      <c r="EF26" s="261">
        <v>1</v>
      </c>
      <c r="EG26" s="258">
        <v>5</v>
      </c>
      <c r="EH26" s="260">
        <v>0</v>
      </c>
      <c r="EI26" s="261">
        <v>2</v>
      </c>
      <c r="EJ26" s="261">
        <v>2</v>
      </c>
      <c r="EK26" s="261">
        <v>3</v>
      </c>
      <c r="EL26" s="261">
        <v>4</v>
      </c>
      <c r="EM26" s="261">
        <v>2</v>
      </c>
      <c r="EN26" s="258">
        <v>13</v>
      </c>
      <c r="EO26" s="263">
        <v>18</v>
      </c>
      <c r="EP26" s="257">
        <v>12</v>
      </c>
      <c r="EQ26" s="261">
        <v>8</v>
      </c>
      <c r="ER26" s="258">
        <v>20</v>
      </c>
      <c r="ES26" s="260">
        <v>0</v>
      </c>
      <c r="ET26" s="261">
        <v>27</v>
      </c>
      <c r="EU26" s="261">
        <v>28</v>
      </c>
      <c r="EV26" s="261">
        <v>12</v>
      </c>
      <c r="EW26" s="261">
        <v>6</v>
      </c>
      <c r="EX26" s="261">
        <v>4</v>
      </c>
      <c r="EY26" s="258">
        <v>77</v>
      </c>
      <c r="EZ26" s="263">
        <v>97</v>
      </c>
    </row>
    <row r="27" spans="2:156" ht="21" customHeight="1" x14ac:dyDescent="0.2">
      <c r="B27" s="472" t="s">
        <v>25</v>
      </c>
      <c r="C27" s="257">
        <v>0</v>
      </c>
      <c r="D27" s="261">
        <v>0</v>
      </c>
      <c r="E27" s="358">
        <v>0</v>
      </c>
      <c r="F27" s="260">
        <v>0</v>
      </c>
      <c r="G27" s="261">
        <v>4</v>
      </c>
      <c r="H27" s="261">
        <v>1</v>
      </c>
      <c r="I27" s="261">
        <v>4</v>
      </c>
      <c r="J27" s="261">
        <v>3</v>
      </c>
      <c r="K27" s="261">
        <v>1</v>
      </c>
      <c r="L27" s="262">
        <v>13</v>
      </c>
      <c r="M27" s="263">
        <v>13</v>
      </c>
      <c r="N27" s="257">
        <v>0</v>
      </c>
      <c r="O27" s="261">
        <v>0</v>
      </c>
      <c r="P27" s="258">
        <v>0</v>
      </c>
      <c r="Q27" s="260">
        <v>0</v>
      </c>
      <c r="R27" s="261">
        <v>0</v>
      </c>
      <c r="S27" s="261">
        <v>0</v>
      </c>
      <c r="T27" s="261">
        <v>2</v>
      </c>
      <c r="U27" s="261">
        <v>0</v>
      </c>
      <c r="V27" s="261">
        <v>1</v>
      </c>
      <c r="W27" s="258">
        <v>3</v>
      </c>
      <c r="X27" s="263">
        <v>3</v>
      </c>
      <c r="Y27" s="257">
        <v>1</v>
      </c>
      <c r="Z27" s="261">
        <v>1</v>
      </c>
      <c r="AA27" s="258">
        <v>2</v>
      </c>
      <c r="AB27" s="260">
        <v>0</v>
      </c>
      <c r="AC27" s="261">
        <v>2</v>
      </c>
      <c r="AD27" s="261">
        <v>2</v>
      </c>
      <c r="AE27" s="261">
        <v>5</v>
      </c>
      <c r="AF27" s="261">
        <v>3</v>
      </c>
      <c r="AG27" s="261">
        <v>3</v>
      </c>
      <c r="AH27" s="258">
        <v>15</v>
      </c>
      <c r="AI27" s="263">
        <v>17</v>
      </c>
      <c r="AJ27" s="257">
        <v>0</v>
      </c>
      <c r="AK27" s="261">
        <v>2</v>
      </c>
      <c r="AL27" s="258">
        <v>2</v>
      </c>
      <c r="AM27" s="260">
        <v>0</v>
      </c>
      <c r="AN27" s="261">
        <v>0</v>
      </c>
      <c r="AO27" s="261">
        <v>0</v>
      </c>
      <c r="AP27" s="261">
        <v>2</v>
      </c>
      <c r="AQ27" s="261">
        <v>1</v>
      </c>
      <c r="AR27" s="261">
        <v>0</v>
      </c>
      <c r="AS27" s="258">
        <v>3</v>
      </c>
      <c r="AT27" s="263">
        <v>5</v>
      </c>
      <c r="AU27" s="257">
        <v>0</v>
      </c>
      <c r="AV27" s="261">
        <v>1</v>
      </c>
      <c r="AW27" s="258">
        <v>1</v>
      </c>
      <c r="AX27" s="260">
        <v>0</v>
      </c>
      <c r="AY27" s="261">
        <v>4</v>
      </c>
      <c r="AZ27" s="261">
        <v>3</v>
      </c>
      <c r="BA27" s="261">
        <v>5</v>
      </c>
      <c r="BB27" s="261">
        <v>4</v>
      </c>
      <c r="BC27" s="261">
        <v>2</v>
      </c>
      <c r="BD27" s="262">
        <v>18</v>
      </c>
      <c r="BE27" s="263">
        <v>19</v>
      </c>
      <c r="BF27" s="257">
        <v>0</v>
      </c>
      <c r="BG27" s="261">
        <v>0</v>
      </c>
      <c r="BH27" s="258">
        <v>0</v>
      </c>
      <c r="BI27" s="260">
        <v>0</v>
      </c>
      <c r="BJ27" s="261">
        <v>5</v>
      </c>
      <c r="BK27" s="261">
        <v>2</v>
      </c>
      <c r="BL27" s="261">
        <v>2</v>
      </c>
      <c r="BM27" s="261">
        <v>3</v>
      </c>
      <c r="BN27" s="261">
        <v>0</v>
      </c>
      <c r="BO27" s="258">
        <v>12</v>
      </c>
      <c r="BP27" s="263">
        <v>12</v>
      </c>
      <c r="BQ27" s="257">
        <v>4</v>
      </c>
      <c r="BR27" s="261">
        <v>1</v>
      </c>
      <c r="BS27" s="258">
        <v>5</v>
      </c>
      <c r="BT27" s="260">
        <v>0</v>
      </c>
      <c r="BU27" s="261">
        <v>3</v>
      </c>
      <c r="BV27" s="261">
        <v>4</v>
      </c>
      <c r="BW27" s="261">
        <v>3</v>
      </c>
      <c r="BX27" s="261">
        <v>2</v>
      </c>
      <c r="BY27" s="261">
        <v>1</v>
      </c>
      <c r="BZ27" s="258">
        <v>13</v>
      </c>
      <c r="CA27" s="263">
        <v>18</v>
      </c>
      <c r="CB27" s="257">
        <v>0</v>
      </c>
      <c r="CC27" s="261">
        <v>0</v>
      </c>
      <c r="CD27" s="258">
        <v>0</v>
      </c>
      <c r="CE27" s="260">
        <v>0</v>
      </c>
      <c r="CF27" s="261">
        <v>2</v>
      </c>
      <c r="CG27" s="261">
        <v>2</v>
      </c>
      <c r="CH27" s="261">
        <v>0</v>
      </c>
      <c r="CI27" s="261">
        <v>2</v>
      </c>
      <c r="CJ27" s="261">
        <v>0</v>
      </c>
      <c r="CK27" s="258">
        <v>6</v>
      </c>
      <c r="CL27" s="263">
        <v>6</v>
      </c>
      <c r="CM27" s="257">
        <v>0</v>
      </c>
      <c r="CN27" s="261">
        <v>0</v>
      </c>
      <c r="CO27" s="258">
        <v>0</v>
      </c>
      <c r="CP27" s="260">
        <v>0</v>
      </c>
      <c r="CQ27" s="261">
        <v>0</v>
      </c>
      <c r="CR27" s="261">
        <v>0</v>
      </c>
      <c r="CS27" s="261">
        <v>0</v>
      </c>
      <c r="CT27" s="261">
        <v>1</v>
      </c>
      <c r="CU27" s="261">
        <v>0</v>
      </c>
      <c r="CV27" s="258">
        <v>1</v>
      </c>
      <c r="CW27" s="263">
        <v>1</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5</v>
      </c>
      <c r="DU27" s="261">
        <v>8</v>
      </c>
      <c r="DV27" s="258">
        <v>13</v>
      </c>
      <c r="DW27" s="260">
        <v>0</v>
      </c>
      <c r="DX27" s="261">
        <v>6</v>
      </c>
      <c r="DY27" s="261">
        <v>7</v>
      </c>
      <c r="DZ27" s="261">
        <v>8</v>
      </c>
      <c r="EA27" s="261">
        <v>7</v>
      </c>
      <c r="EB27" s="261">
        <v>4</v>
      </c>
      <c r="EC27" s="258">
        <v>32</v>
      </c>
      <c r="ED27" s="263">
        <v>45</v>
      </c>
      <c r="EE27" s="257">
        <v>0</v>
      </c>
      <c r="EF27" s="261">
        <v>1</v>
      </c>
      <c r="EG27" s="258">
        <v>1</v>
      </c>
      <c r="EH27" s="260">
        <v>0</v>
      </c>
      <c r="EI27" s="261">
        <v>3</v>
      </c>
      <c r="EJ27" s="261">
        <v>1</v>
      </c>
      <c r="EK27" s="261">
        <v>1</v>
      </c>
      <c r="EL27" s="261">
        <v>2</v>
      </c>
      <c r="EM27" s="261">
        <v>1</v>
      </c>
      <c r="EN27" s="258">
        <v>8</v>
      </c>
      <c r="EO27" s="263">
        <v>9</v>
      </c>
      <c r="EP27" s="257">
        <v>8</v>
      </c>
      <c r="EQ27" s="261">
        <v>8</v>
      </c>
      <c r="ER27" s="258">
        <v>16</v>
      </c>
      <c r="ES27" s="260">
        <v>0</v>
      </c>
      <c r="ET27" s="261">
        <v>19</v>
      </c>
      <c r="EU27" s="261">
        <v>9</v>
      </c>
      <c r="EV27" s="261">
        <v>10</v>
      </c>
      <c r="EW27" s="261">
        <v>7</v>
      </c>
      <c r="EX27" s="261">
        <v>4</v>
      </c>
      <c r="EY27" s="258">
        <v>49</v>
      </c>
      <c r="EZ27" s="263">
        <v>65</v>
      </c>
    </row>
    <row r="28" spans="2:156" ht="21" customHeight="1" x14ac:dyDescent="0.2">
      <c r="B28" s="472" t="s">
        <v>26</v>
      </c>
      <c r="C28" s="257">
        <v>0</v>
      </c>
      <c r="D28" s="261">
        <v>0</v>
      </c>
      <c r="E28" s="358">
        <v>0</v>
      </c>
      <c r="F28" s="260">
        <v>0</v>
      </c>
      <c r="G28" s="261">
        <v>6</v>
      </c>
      <c r="H28" s="261">
        <v>6</v>
      </c>
      <c r="I28" s="261">
        <v>6</v>
      </c>
      <c r="J28" s="261">
        <v>2</v>
      </c>
      <c r="K28" s="261">
        <v>1</v>
      </c>
      <c r="L28" s="262">
        <v>21</v>
      </c>
      <c r="M28" s="263">
        <v>21</v>
      </c>
      <c r="N28" s="257">
        <v>0</v>
      </c>
      <c r="O28" s="261">
        <v>0</v>
      </c>
      <c r="P28" s="258">
        <v>0</v>
      </c>
      <c r="Q28" s="260">
        <v>0</v>
      </c>
      <c r="R28" s="261">
        <v>0</v>
      </c>
      <c r="S28" s="261">
        <v>0</v>
      </c>
      <c r="T28" s="261">
        <v>0</v>
      </c>
      <c r="U28" s="261">
        <v>1</v>
      </c>
      <c r="V28" s="261">
        <v>0</v>
      </c>
      <c r="W28" s="258">
        <v>1</v>
      </c>
      <c r="X28" s="263">
        <v>1</v>
      </c>
      <c r="Y28" s="257">
        <v>0</v>
      </c>
      <c r="Z28" s="261">
        <v>1</v>
      </c>
      <c r="AA28" s="258">
        <v>1</v>
      </c>
      <c r="AB28" s="260">
        <v>0</v>
      </c>
      <c r="AC28" s="261">
        <v>4</v>
      </c>
      <c r="AD28" s="261">
        <v>3</v>
      </c>
      <c r="AE28" s="261">
        <v>4</v>
      </c>
      <c r="AF28" s="261">
        <v>0</v>
      </c>
      <c r="AG28" s="261">
        <v>2</v>
      </c>
      <c r="AH28" s="258">
        <v>13</v>
      </c>
      <c r="AI28" s="263">
        <v>14</v>
      </c>
      <c r="AJ28" s="257">
        <v>0</v>
      </c>
      <c r="AK28" s="261">
        <v>0</v>
      </c>
      <c r="AL28" s="258">
        <v>0</v>
      </c>
      <c r="AM28" s="260">
        <v>0</v>
      </c>
      <c r="AN28" s="261">
        <v>0</v>
      </c>
      <c r="AO28" s="261">
        <v>1</v>
      </c>
      <c r="AP28" s="261">
        <v>0</v>
      </c>
      <c r="AQ28" s="261">
        <v>0</v>
      </c>
      <c r="AR28" s="261">
        <v>1</v>
      </c>
      <c r="AS28" s="258">
        <v>2</v>
      </c>
      <c r="AT28" s="263">
        <v>2</v>
      </c>
      <c r="AU28" s="257">
        <v>2</v>
      </c>
      <c r="AV28" s="261">
        <v>0</v>
      </c>
      <c r="AW28" s="258">
        <v>2</v>
      </c>
      <c r="AX28" s="260">
        <v>0</v>
      </c>
      <c r="AY28" s="261">
        <v>1</v>
      </c>
      <c r="AZ28" s="261">
        <v>5</v>
      </c>
      <c r="BA28" s="261">
        <v>8</v>
      </c>
      <c r="BB28" s="261">
        <v>3</v>
      </c>
      <c r="BC28" s="261">
        <v>2</v>
      </c>
      <c r="BD28" s="262">
        <v>19</v>
      </c>
      <c r="BE28" s="263">
        <v>21</v>
      </c>
      <c r="BF28" s="257">
        <v>0</v>
      </c>
      <c r="BG28" s="261">
        <v>0</v>
      </c>
      <c r="BH28" s="258">
        <v>0</v>
      </c>
      <c r="BI28" s="260">
        <v>0</v>
      </c>
      <c r="BJ28" s="261">
        <v>7</v>
      </c>
      <c r="BK28" s="261">
        <v>7</v>
      </c>
      <c r="BL28" s="261">
        <v>2</v>
      </c>
      <c r="BM28" s="261">
        <v>0</v>
      </c>
      <c r="BN28" s="261">
        <v>0</v>
      </c>
      <c r="BO28" s="258">
        <v>16</v>
      </c>
      <c r="BP28" s="263">
        <v>16</v>
      </c>
      <c r="BQ28" s="257">
        <v>0</v>
      </c>
      <c r="BR28" s="261">
        <v>0</v>
      </c>
      <c r="BS28" s="258">
        <v>0</v>
      </c>
      <c r="BT28" s="260">
        <v>0</v>
      </c>
      <c r="BU28" s="261">
        <v>3</v>
      </c>
      <c r="BV28" s="261">
        <v>2</v>
      </c>
      <c r="BW28" s="261">
        <v>1</v>
      </c>
      <c r="BX28" s="261">
        <v>1</v>
      </c>
      <c r="BY28" s="261">
        <v>0</v>
      </c>
      <c r="BZ28" s="258">
        <v>7</v>
      </c>
      <c r="CA28" s="263">
        <v>7</v>
      </c>
      <c r="CB28" s="257">
        <v>0</v>
      </c>
      <c r="CC28" s="261">
        <v>0</v>
      </c>
      <c r="CD28" s="258">
        <v>0</v>
      </c>
      <c r="CE28" s="260">
        <v>0</v>
      </c>
      <c r="CF28" s="261">
        <v>2</v>
      </c>
      <c r="CG28" s="261">
        <v>2</v>
      </c>
      <c r="CH28" s="261">
        <v>0</v>
      </c>
      <c r="CI28" s="261">
        <v>0</v>
      </c>
      <c r="CJ28" s="261">
        <v>1</v>
      </c>
      <c r="CK28" s="258">
        <v>5</v>
      </c>
      <c r="CL28" s="263">
        <v>5</v>
      </c>
      <c r="CM28" s="257">
        <v>0</v>
      </c>
      <c r="CN28" s="261">
        <v>0</v>
      </c>
      <c r="CO28" s="258">
        <v>0</v>
      </c>
      <c r="CP28" s="260">
        <v>0</v>
      </c>
      <c r="CQ28" s="261">
        <v>0</v>
      </c>
      <c r="CR28" s="261">
        <v>0</v>
      </c>
      <c r="CS28" s="261">
        <v>1</v>
      </c>
      <c r="CT28" s="261">
        <v>1</v>
      </c>
      <c r="CU28" s="261">
        <v>0</v>
      </c>
      <c r="CV28" s="258">
        <v>2</v>
      </c>
      <c r="CW28" s="263">
        <v>2</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8</v>
      </c>
      <c r="DU28" s="261">
        <v>4</v>
      </c>
      <c r="DV28" s="258">
        <v>12</v>
      </c>
      <c r="DW28" s="260">
        <v>0</v>
      </c>
      <c r="DX28" s="261">
        <v>14</v>
      </c>
      <c r="DY28" s="261">
        <v>12</v>
      </c>
      <c r="DZ28" s="261">
        <v>8</v>
      </c>
      <c r="EA28" s="261">
        <v>3</v>
      </c>
      <c r="EB28" s="261">
        <v>2</v>
      </c>
      <c r="EC28" s="258">
        <v>39</v>
      </c>
      <c r="ED28" s="263">
        <v>51</v>
      </c>
      <c r="EE28" s="257">
        <v>1</v>
      </c>
      <c r="EF28" s="261">
        <v>0</v>
      </c>
      <c r="EG28" s="258">
        <v>1</v>
      </c>
      <c r="EH28" s="260">
        <v>0</v>
      </c>
      <c r="EI28" s="261">
        <v>1</v>
      </c>
      <c r="EJ28" s="261">
        <v>1</v>
      </c>
      <c r="EK28" s="261">
        <v>1</v>
      </c>
      <c r="EL28" s="261">
        <v>0</v>
      </c>
      <c r="EM28" s="261">
        <v>0</v>
      </c>
      <c r="EN28" s="258">
        <v>3</v>
      </c>
      <c r="EO28" s="263">
        <v>4</v>
      </c>
      <c r="EP28" s="257">
        <v>8</v>
      </c>
      <c r="EQ28" s="261">
        <v>5</v>
      </c>
      <c r="ER28" s="258">
        <v>13</v>
      </c>
      <c r="ES28" s="260">
        <v>0</v>
      </c>
      <c r="ET28" s="261">
        <v>21</v>
      </c>
      <c r="EU28" s="261">
        <v>18</v>
      </c>
      <c r="EV28" s="261">
        <v>12</v>
      </c>
      <c r="EW28" s="261">
        <v>4</v>
      </c>
      <c r="EX28" s="261">
        <v>2</v>
      </c>
      <c r="EY28" s="258">
        <v>57</v>
      </c>
      <c r="EZ28" s="263">
        <v>70</v>
      </c>
    </row>
    <row r="29" spans="2:156" ht="21" customHeight="1" x14ac:dyDescent="0.2">
      <c r="B29" s="472" t="s">
        <v>27</v>
      </c>
      <c r="C29" s="257">
        <v>0</v>
      </c>
      <c r="D29" s="261">
        <v>0</v>
      </c>
      <c r="E29" s="358">
        <v>0</v>
      </c>
      <c r="F29" s="260">
        <v>0</v>
      </c>
      <c r="G29" s="261">
        <v>4</v>
      </c>
      <c r="H29" s="261">
        <v>5</v>
      </c>
      <c r="I29" s="261">
        <v>5</v>
      </c>
      <c r="J29" s="261">
        <v>1</v>
      </c>
      <c r="K29" s="261">
        <v>3</v>
      </c>
      <c r="L29" s="262">
        <v>18</v>
      </c>
      <c r="M29" s="263">
        <v>18</v>
      </c>
      <c r="N29" s="257">
        <v>0</v>
      </c>
      <c r="O29" s="261">
        <v>0</v>
      </c>
      <c r="P29" s="258">
        <v>0</v>
      </c>
      <c r="Q29" s="260">
        <v>0</v>
      </c>
      <c r="R29" s="261">
        <v>0</v>
      </c>
      <c r="S29" s="261">
        <v>1</v>
      </c>
      <c r="T29" s="261">
        <v>1</v>
      </c>
      <c r="U29" s="261">
        <v>1</v>
      </c>
      <c r="V29" s="261">
        <v>0</v>
      </c>
      <c r="W29" s="258">
        <v>3</v>
      </c>
      <c r="X29" s="263">
        <v>3</v>
      </c>
      <c r="Y29" s="257">
        <v>0</v>
      </c>
      <c r="Z29" s="261">
        <v>6</v>
      </c>
      <c r="AA29" s="258">
        <v>6</v>
      </c>
      <c r="AB29" s="260">
        <v>0</v>
      </c>
      <c r="AC29" s="261">
        <v>4</v>
      </c>
      <c r="AD29" s="261">
        <v>6</v>
      </c>
      <c r="AE29" s="261">
        <v>3</v>
      </c>
      <c r="AF29" s="261">
        <v>2</v>
      </c>
      <c r="AG29" s="261">
        <v>3</v>
      </c>
      <c r="AH29" s="258">
        <v>18</v>
      </c>
      <c r="AI29" s="263">
        <v>24</v>
      </c>
      <c r="AJ29" s="257">
        <v>0</v>
      </c>
      <c r="AK29" s="261">
        <v>0</v>
      </c>
      <c r="AL29" s="258">
        <v>0</v>
      </c>
      <c r="AM29" s="260">
        <v>0</v>
      </c>
      <c r="AN29" s="261">
        <v>0</v>
      </c>
      <c r="AO29" s="261">
        <v>1</v>
      </c>
      <c r="AP29" s="261">
        <v>0</v>
      </c>
      <c r="AQ29" s="261">
        <v>0</v>
      </c>
      <c r="AR29" s="261">
        <v>0</v>
      </c>
      <c r="AS29" s="258">
        <v>1</v>
      </c>
      <c r="AT29" s="263">
        <v>1</v>
      </c>
      <c r="AU29" s="257">
        <v>1</v>
      </c>
      <c r="AV29" s="261">
        <v>1</v>
      </c>
      <c r="AW29" s="258">
        <v>2</v>
      </c>
      <c r="AX29" s="260">
        <v>0</v>
      </c>
      <c r="AY29" s="261">
        <v>7</v>
      </c>
      <c r="AZ29" s="261">
        <v>7</v>
      </c>
      <c r="BA29" s="261">
        <v>4</v>
      </c>
      <c r="BB29" s="261">
        <v>5</v>
      </c>
      <c r="BC29" s="261">
        <v>3</v>
      </c>
      <c r="BD29" s="262">
        <v>26</v>
      </c>
      <c r="BE29" s="263">
        <v>28</v>
      </c>
      <c r="BF29" s="257">
        <v>0</v>
      </c>
      <c r="BG29" s="261">
        <v>0</v>
      </c>
      <c r="BH29" s="258">
        <v>0</v>
      </c>
      <c r="BI29" s="260">
        <v>0</v>
      </c>
      <c r="BJ29" s="261">
        <v>8</v>
      </c>
      <c r="BK29" s="261">
        <v>7</v>
      </c>
      <c r="BL29" s="261">
        <v>5</v>
      </c>
      <c r="BM29" s="261">
        <v>2</v>
      </c>
      <c r="BN29" s="261">
        <v>0</v>
      </c>
      <c r="BO29" s="258">
        <v>22</v>
      </c>
      <c r="BP29" s="263">
        <v>22</v>
      </c>
      <c r="BQ29" s="257">
        <v>0</v>
      </c>
      <c r="BR29" s="261">
        <v>2</v>
      </c>
      <c r="BS29" s="258">
        <v>2</v>
      </c>
      <c r="BT29" s="260">
        <v>0</v>
      </c>
      <c r="BU29" s="261">
        <v>2</v>
      </c>
      <c r="BV29" s="261">
        <v>3</v>
      </c>
      <c r="BW29" s="261">
        <v>2</v>
      </c>
      <c r="BX29" s="261">
        <v>0</v>
      </c>
      <c r="BY29" s="261">
        <v>0</v>
      </c>
      <c r="BZ29" s="258">
        <v>7</v>
      </c>
      <c r="CA29" s="263">
        <v>9</v>
      </c>
      <c r="CB29" s="257">
        <v>0</v>
      </c>
      <c r="CC29" s="261">
        <v>1</v>
      </c>
      <c r="CD29" s="258">
        <v>1</v>
      </c>
      <c r="CE29" s="260">
        <v>0</v>
      </c>
      <c r="CF29" s="261">
        <v>1</v>
      </c>
      <c r="CG29" s="261">
        <v>2</v>
      </c>
      <c r="CH29" s="261">
        <v>2</v>
      </c>
      <c r="CI29" s="261">
        <v>0</v>
      </c>
      <c r="CJ29" s="261">
        <v>0</v>
      </c>
      <c r="CK29" s="258">
        <v>5</v>
      </c>
      <c r="CL29" s="263">
        <v>6</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4</v>
      </c>
      <c r="DU29" s="261">
        <v>14</v>
      </c>
      <c r="DV29" s="258">
        <v>18</v>
      </c>
      <c r="DW29" s="260">
        <v>0</v>
      </c>
      <c r="DX29" s="261">
        <v>3</v>
      </c>
      <c r="DY29" s="261">
        <v>14</v>
      </c>
      <c r="DZ29" s="261">
        <v>13</v>
      </c>
      <c r="EA29" s="261">
        <v>1</v>
      </c>
      <c r="EB29" s="261">
        <v>3</v>
      </c>
      <c r="EC29" s="258">
        <v>34</v>
      </c>
      <c r="ED29" s="263">
        <v>52</v>
      </c>
      <c r="EE29" s="257">
        <v>1</v>
      </c>
      <c r="EF29" s="261">
        <v>0</v>
      </c>
      <c r="EG29" s="258">
        <v>1</v>
      </c>
      <c r="EH29" s="260">
        <v>0</v>
      </c>
      <c r="EI29" s="261">
        <v>2</v>
      </c>
      <c r="EJ29" s="261">
        <v>0</v>
      </c>
      <c r="EK29" s="261">
        <v>0</v>
      </c>
      <c r="EL29" s="261">
        <v>4</v>
      </c>
      <c r="EM29" s="261">
        <v>0</v>
      </c>
      <c r="EN29" s="258">
        <v>6</v>
      </c>
      <c r="EO29" s="263">
        <v>7</v>
      </c>
      <c r="EP29" s="257">
        <v>5</v>
      </c>
      <c r="EQ29" s="261">
        <v>19</v>
      </c>
      <c r="ER29" s="258">
        <v>24</v>
      </c>
      <c r="ES29" s="260">
        <v>0</v>
      </c>
      <c r="ET29" s="261">
        <v>12</v>
      </c>
      <c r="EU29" s="261">
        <v>15</v>
      </c>
      <c r="EV29" s="261">
        <v>12</v>
      </c>
      <c r="EW29" s="261">
        <v>3</v>
      </c>
      <c r="EX29" s="261">
        <v>3</v>
      </c>
      <c r="EY29" s="258">
        <v>45</v>
      </c>
      <c r="EZ29" s="263">
        <v>69</v>
      </c>
    </row>
    <row r="30" spans="2:156" ht="21" customHeight="1" x14ac:dyDescent="0.2">
      <c r="B30" s="472" t="s">
        <v>28</v>
      </c>
      <c r="C30" s="257">
        <v>0</v>
      </c>
      <c r="D30" s="261">
        <v>0</v>
      </c>
      <c r="E30" s="358">
        <v>0</v>
      </c>
      <c r="F30" s="260">
        <v>0</v>
      </c>
      <c r="G30" s="261">
        <v>0</v>
      </c>
      <c r="H30" s="261">
        <v>0</v>
      </c>
      <c r="I30" s="261">
        <v>2</v>
      </c>
      <c r="J30" s="261">
        <v>0</v>
      </c>
      <c r="K30" s="261">
        <v>0</v>
      </c>
      <c r="L30" s="262">
        <v>2</v>
      </c>
      <c r="M30" s="263">
        <v>2</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v>
      </c>
      <c r="AE30" s="261">
        <v>2</v>
      </c>
      <c r="AF30" s="261">
        <v>0</v>
      </c>
      <c r="AG30" s="261">
        <v>1</v>
      </c>
      <c r="AH30" s="258">
        <v>4</v>
      </c>
      <c r="AI30" s="263">
        <v>4</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3</v>
      </c>
      <c r="AZ30" s="261">
        <v>2</v>
      </c>
      <c r="BA30" s="261">
        <v>2</v>
      </c>
      <c r="BB30" s="261">
        <v>0</v>
      </c>
      <c r="BC30" s="261">
        <v>1</v>
      </c>
      <c r="BD30" s="262">
        <v>8</v>
      </c>
      <c r="BE30" s="263">
        <v>8</v>
      </c>
      <c r="BF30" s="257">
        <v>0</v>
      </c>
      <c r="BG30" s="261">
        <v>0</v>
      </c>
      <c r="BH30" s="258">
        <v>0</v>
      </c>
      <c r="BI30" s="260">
        <v>0</v>
      </c>
      <c r="BJ30" s="261">
        <v>1</v>
      </c>
      <c r="BK30" s="261">
        <v>3</v>
      </c>
      <c r="BL30" s="261">
        <v>0</v>
      </c>
      <c r="BM30" s="261">
        <v>0</v>
      </c>
      <c r="BN30" s="261">
        <v>0</v>
      </c>
      <c r="BO30" s="258">
        <v>4</v>
      </c>
      <c r="BP30" s="263">
        <v>4</v>
      </c>
      <c r="BQ30" s="257">
        <v>0</v>
      </c>
      <c r="BR30" s="261">
        <v>0</v>
      </c>
      <c r="BS30" s="258">
        <v>0</v>
      </c>
      <c r="BT30" s="260">
        <v>0</v>
      </c>
      <c r="BU30" s="261">
        <v>0</v>
      </c>
      <c r="BV30" s="261">
        <v>0</v>
      </c>
      <c r="BW30" s="261">
        <v>1</v>
      </c>
      <c r="BX30" s="261">
        <v>0</v>
      </c>
      <c r="BY30" s="261">
        <v>0</v>
      </c>
      <c r="BZ30" s="258">
        <v>1</v>
      </c>
      <c r="CA30" s="263">
        <v>1</v>
      </c>
      <c r="CB30" s="257">
        <v>0</v>
      </c>
      <c r="CC30" s="261">
        <v>0</v>
      </c>
      <c r="CD30" s="258">
        <v>0</v>
      </c>
      <c r="CE30" s="260">
        <v>0</v>
      </c>
      <c r="CF30" s="261">
        <v>0</v>
      </c>
      <c r="CG30" s="261">
        <v>1</v>
      </c>
      <c r="CH30" s="261">
        <v>0</v>
      </c>
      <c r="CI30" s="261">
        <v>0</v>
      </c>
      <c r="CJ30" s="261">
        <v>0</v>
      </c>
      <c r="CK30" s="258">
        <v>1</v>
      </c>
      <c r="CL30" s="263">
        <v>1</v>
      </c>
      <c r="CM30" s="257">
        <v>0</v>
      </c>
      <c r="CN30" s="261">
        <v>0</v>
      </c>
      <c r="CO30" s="258">
        <v>0</v>
      </c>
      <c r="CP30" s="260">
        <v>0</v>
      </c>
      <c r="CQ30" s="261">
        <v>0</v>
      </c>
      <c r="CR30" s="261">
        <v>0</v>
      </c>
      <c r="CS30" s="261">
        <v>1</v>
      </c>
      <c r="CT30" s="261">
        <v>0</v>
      </c>
      <c r="CU30" s="261">
        <v>0</v>
      </c>
      <c r="CV30" s="258">
        <v>1</v>
      </c>
      <c r="CW30" s="263">
        <v>1</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0</v>
      </c>
      <c r="DV30" s="258">
        <v>0</v>
      </c>
      <c r="DW30" s="260">
        <v>0</v>
      </c>
      <c r="DX30" s="261">
        <v>3</v>
      </c>
      <c r="DY30" s="261">
        <v>4</v>
      </c>
      <c r="DZ30" s="261">
        <v>1</v>
      </c>
      <c r="EA30" s="261">
        <v>0</v>
      </c>
      <c r="EB30" s="261">
        <v>0</v>
      </c>
      <c r="EC30" s="258">
        <v>8</v>
      </c>
      <c r="ED30" s="263">
        <v>8</v>
      </c>
      <c r="EE30" s="257">
        <v>0</v>
      </c>
      <c r="EF30" s="261">
        <v>0</v>
      </c>
      <c r="EG30" s="258">
        <v>0</v>
      </c>
      <c r="EH30" s="260">
        <v>0</v>
      </c>
      <c r="EI30" s="261">
        <v>3</v>
      </c>
      <c r="EJ30" s="261">
        <v>0</v>
      </c>
      <c r="EK30" s="261">
        <v>0</v>
      </c>
      <c r="EL30" s="261">
        <v>0</v>
      </c>
      <c r="EM30" s="261">
        <v>0</v>
      </c>
      <c r="EN30" s="258">
        <v>3</v>
      </c>
      <c r="EO30" s="263">
        <v>3</v>
      </c>
      <c r="EP30" s="257">
        <v>0</v>
      </c>
      <c r="EQ30" s="261">
        <v>0</v>
      </c>
      <c r="ER30" s="258">
        <v>0</v>
      </c>
      <c r="ES30" s="260">
        <v>0</v>
      </c>
      <c r="ET30" s="261">
        <v>6</v>
      </c>
      <c r="EU30" s="261">
        <v>6</v>
      </c>
      <c r="EV30" s="261">
        <v>3</v>
      </c>
      <c r="EW30" s="261">
        <v>0</v>
      </c>
      <c r="EX30" s="261">
        <v>0</v>
      </c>
      <c r="EY30" s="258">
        <v>15</v>
      </c>
      <c r="EZ30" s="263">
        <v>15</v>
      </c>
    </row>
    <row r="31" spans="2:156" ht="21" customHeight="1" x14ac:dyDescent="0.2">
      <c r="B31" s="472" t="s">
        <v>29</v>
      </c>
      <c r="C31" s="257">
        <v>0</v>
      </c>
      <c r="D31" s="261">
        <v>0</v>
      </c>
      <c r="E31" s="358">
        <v>0</v>
      </c>
      <c r="F31" s="260">
        <v>0</v>
      </c>
      <c r="G31" s="261">
        <v>0</v>
      </c>
      <c r="H31" s="261">
        <v>3</v>
      </c>
      <c r="I31" s="261">
        <v>0</v>
      </c>
      <c r="J31" s="261">
        <v>0</v>
      </c>
      <c r="K31" s="261">
        <v>0</v>
      </c>
      <c r="L31" s="262">
        <v>3</v>
      </c>
      <c r="M31" s="263">
        <v>3</v>
      </c>
      <c r="N31" s="257">
        <v>0</v>
      </c>
      <c r="O31" s="261">
        <v>0</v>
      </c>
      <c r="P31" s="258">
        <v>0</v>
      </c>
      <c r="Q31" s="260">
        <v>0</v>
      </c>
      <c r="R31" s="261">
        <v>0</v>
      </c>
      <c r="S31" s="261">
        <v>0</v>
      </c>
      <c r="T31" s="261">
        <v>0</v>
      </c>
      <c r="U31" s="261">
        <v>0</v>
      </c>
      <c r="V31" s="261">
        <v>1</v>
      </c>
      <c r="W31" s="258">
        <v>1</v>
      </c>
      <c r="X31" s="263">
        <v>1</v>
      </c>
      <c r="Y31" s="257">
        <v>0</v>
      </c>
      <c r="Z31" s="261">
        <v>1</v>
      </c>
      <c r="AA31" s="258">
        <v>1</v>
      </c>
      <c r="AB31" s="260">
        <v>0</v>
      </c>
      <c r="AC31" s="261">
        <v>1</v>
      </c>
      <c r="AD31" s="261">
        <v>3</v>
      </c>
      <c r="AE31" s="261">
        <v>0</v>
      </c>
      <c r="AF31" s="261">
        <v>0</v>
      </c>
      <c r="AG31" s="261">
        <v>0</v>
      </c>
      <c r="AH31" s="258">
        <v>4</v>
      </c>
      <c r="AI31" s="263">
        <v>5</v>
      </c>
      <c r="AJ31" s="257">
        <v>0</v>
      </c>
      <c r="AK31" s="261">
        <v>0</v>
      </c>
      <c r="AL31" s="258">
        <v>0</v>
      </c>
      <c r="AM31" s="260">
        <v>0</v>
      </c>
      <c r="AN31" s="261">
        <v>0</v>
      </c>
      <c r="AO31" s="261">
        <v>1</v>
      </c>
      <c r="AP31" s="261">
        <v>0</v>
      </c>
      <c r="AQ31" s="261">
        <v>0</v>
      </c>
      <c r="AR31" s="261">
        <v>0</v>
      </c>
      <c r="AS31" s="258">
        <v>1</v>
      </c>
      <c r="AT31" s="263">
        <v>1</v>
      </c>
      <c r="AU31" s="257">
        <v>0</v>
      </c>
      <c r="AV31" s="261">
        <v>0</v>
      </c>
      <c r="AW31" s="258">
        <v>0</v>
      </c>
      <c r="AX31" s="260">
        <v>0</v>
      </c>
      <c r="AY31" s="261">
        <v>0</v>
      </c>
      <c r="AZ31" s="261">
        <v>2</v>
      </c>
      <c r="BA31" s="261">
        <v>1</v>
      </c>
      <c r="BB31" s="261">
        <v>0</v>
      </c>
      <c r="BC31" s="261">
        <v>1</v>
      </c>
      <c r="BD31" s="262">
        <v>4</v>
      </c>
      <c r="BE31" s="263">
        <v>4</v>
      </c>
      <c r="BF31" s="257">
        <v>0</v>
      </c>
      <c r="BG31" s="261">
        <v>0</v>
      </c>
      <c r="BH31" s="258">
        <v>0</v>
      </c>
      <c r="BI31" s="260">
        <v>0</v>
      </c>
      <c r="BJ31" s="261">
        <v>1</v>
      </c>
      <c r="BK31" s="261">
        <v>4</v>
      </c>
      <c r="BL31" s="261">
        <v>2</v>
      </c>
      <c r="BM31" s="261">
        <v>0</v>
      </c>
      <c r="BN31" s="261">
        <v>0</v>
      </c>
      <c r="BO31" s="258">
        <v>7</v>
      </c>
      <c r="BP31" s="263">
        <v>7</v>
      </c>
      <c r="BQ31" s="257">
        <v>1</v>
      </c>
      <c r="BR31" s="261">
        <v>0</v>
      </c>
      <c r="BS31" s="258">
        <v>1</v>
      </c>
      <c r="BT31" s="260">
        <v>0</v>
      </c>
      <c r="BU31" s="261">
        <v>0</v>
      </c>
      <c r="BV31" s="261">
        <v>0</v>
      </c>
      <c r="BW31" s="261">
        <v>0</v>
      </c>
      <c r="BX31" s="261">
        <v>0</v>
      </c>
      <c r="BY31" s="261">
        <v>0</v>
      </c>
      <c r="BZ31" s="258">
        <v>0</v>
      </c>
      <c r="CA31" s="263">
        <v>1</v>
      </c>
      <c r="CB31" s="257">
        <v>0</v>
      </c>
      <c r="CC31" s="261">
        <v>0</v>
      </c>
      <c r="CD31" s="258">
        <v>0</v>
      </c>
      <c r="CE31" s="260">
        <v>0</v>
      </c>
      <c r="CF31" s="261">
        <v>0</v>
      </c>
      <c r="CG31" s="261">
        <v>0</v>
      </c>
      <c r="CH31" s="261">
        <v>1</v>
      </c>
      <c r="CI31" s="261">
        <v>0</v>
      </c>
      <c r="CJ31" s="261">
        <v>1</v>
      </c>
      <c r="CK31" s="258">
        <v>2</v>
      </c>
      <c r="CL31" s="263">
        <v>2</v>
      </c>
      <c r="CM31" s="257">
        <v>0</v>
      </c>
      <c r="CN31" s="261">
        <v>0</v>
      </c>
      <c r="CO31" s="258">
        <v>0</v>
      </c>
      <c r="CP31" s="260">
        <v>0</v>
      </c>
      <c r="CQ31" s="261">
        <v>0</v>
      </c>
      <c r="CR31" s="261">
        <v>0</v>
      </c>
      <c r="CS31" s="261">
        <v>0</v>
      </c>
      <c r="CT31" s="261">
        <v>0</v>
      </c>
      <c r="CU31" s="261">
        <v>1</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2</v>
      </c>
      <c r="DU31" s="261">
        <v>0</v>
      </c>
      <c r="DV31" s="258">
        <v>2</v>
      </c>
      <c r="DW31" s="260">
        <v>0</v>
      </c>
      <c r="DX31" s="261">
        <v>0</v>
      </c>
      <c r="DY31" s="261">
        <v>4</v>
      </c>
      <c r="DZ31" s="261">
        <v>3</v>
      </c>
      <c r="EA31" s="261">
        <v>0</v>
      </c>
      <c r="EB31" s="261">
        <v>1</v>
      </c>
      <c r="EC31" s="258">
        <v>8</v>
      </c>
      <c r="ED31" s="263">
        <v>10</v>
      </c>
      <c r="EE31" s="257">
        <v>0</v>
      </c>
      <c r="EF31" s="261">
        <v>0</v>
      </c>
      <c r="EG31" s="258">
        <v>0</v>
      </c>
      <c r="EH31" s="260">
        <v>0</v>
      </c>
      <c r="EI31" s="261">
        <v>0</v>
      </c>
      <c r="EJ31" s="261">
        <v>2</v>
      </c>
      <c r="EK31" s="261">
        <v>0</v>
      </c>
      <c r="EL31" s="261">
        <v>0</v>
      </c>
      <c r="EM31" s="261">
        <v>0</v>
      </c>
      <c r="EN31" s="258">
        <v>2</v>
      </c>
      <c r="EO31" s="263">
        <v>2</v>
      </c>
      <c r="EP31" s="257">
        <v>4</v>
      </c>
      <c r="EQ31" s="261">
        <v>1</v>
      </c>
      <c r="ER31" s="258">
        <v>5</v>
      </c>
      <c r="ES31" s="260">
        <v>0</v>
      </c>
      <c r="ET31" s="261">
        <v>3</v>
      </c>
      <c r="EU31" s="261">
        <v>6</v>
      </c>
      <c r="EV31" s="261">
        <v>3</v>
      </c>
      <c r="EW31" s="261">
        <v>0</v>
      </c>
      <c r="EX31" s="261">
        <v>1</v>
      </c>
      <c r="EY31" s="258">
        <v>13</v>
      </c>
      <c r="EZ31" s="263">
        <v>18</v>
      </c>
    </row>
    <row r="32" spans="2:156" ht="21" customHeight="1" x14ac:dyDescent="0.2">
      <c r="B32" s="472" t="s">
        <v>30</v>
      </c>
      <c r="C32" s="257">
        <v>0</v>
      </c>
      <c r="D32" s="261">
        <v>0</v>
      </c>
      <c r="E32" s="358">
        <v>0</v>
      </c>
      <c r="F32" s="260">
        <v>0</v>
      </c>
      <c r="G32" s="261">
        <v>2</v>
      </c>
      <c r="H32" s="261">
        <v>1</v>
      </c>
      <c r="I32" s="261">
        <v>1</v>
      </c>
      <c r="J32" s="261">
        <v>1</v>
      </c>
      <c r="K32" s="261">
        <v>1</v>
      </c>
      <c r="L32" s="262">
        <v>6</v>
      </c>
      <c r="M32" s="263">
        <v>6</v>
      </c>
      <c r="N32" s="257">
        <v>0</v>
      </c>
      <c r="O32" s="261">
        <v>0</v>
      </c>
      <c r="P32" s="258">
        <v>0</v>
      </c>
      <c r="Q32" s="260">
        <v>0</v>
      </c>
      <c r="R32" s="261">
        <v>0</v>
      </c>
      <c r="S32" s="261">
        <v>0</v>
      </c>
      <c r="T32" s="261">
        <v>0</v>
      </c>
      <c r="U32" s="261">
        <v>0</v>
      </c>
      <c r="V32" s="261">
        <v>0</v>
      </c>
      <c r="W32" s="258">
        <v>0</v>
      </c>
      <c r="X32" s="263">
        <v>0</v>
      </c>
      <c r="Y32" s="257">
        <v>0</v>
      </c>
      <c r="Z32" s="261">
        <v>2</v>
      </c>
      <c r="AA32" s="258">
        <v>2</v>
      </c>
      <c r="AB32" s="260">
        <v>0</v>
      </c>
      <c r="AC32" s="261">
        <v>2</v>
      </c>
      <c r="AD32" s="261">
        <v>0</v>
      </c>
      <c r="AE32" s="261">
        <v>0</v>
      </c>
      <c r="AF32" s="261">
        <v>1</v>
      </c>
      <c r="AG32" s="261">
        <v>0</v>
      </c>
      <c r="AH32" s="258">
        <v>3</v>
      </c>
      <c r="AI32" s="263">
        <v>5</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2</v>
      </c>
      <c r="AZ32" s="261">
        <v>0</v>
      </c>
      <c r="BA32" s="261">
        <v>1</v>
      </c>
      <c r="BB32" s="261">
        <v>2</v>
      </c>
      <c r="BC32" s="261">
        <v>0</v>
      </c>
      <c r="BD32" s="262">
        <v>5</v>
      </c>
      <c r="BE32" s="263">
        <v>5</v>
      </c>
      <c r="BF32" s="257">
        <v>0</v>
      </c>
      <c r="BG32" s="261">
        <v>0</v>
      </c>
      <c r="BH32" s="258">
        <v>0</v>
      </c>
      <c r="BI32" s="260">
        <v>0</v>
      </c>
      <c r="BJ32" s="261">
        <v>1</v>
      </c>
      <c r="BK32" s="261">
        <v>0</v>
      </c>
      <c r="BL32" s="261">
        <v>0</v>
      </c>
      <c r="BM32" s="261">
        <v>1</v>
      </c>
      <c r="BN32" s="261">
        <v>0</v>
      </c>
      <c r="BO32" s="258">
        <v>2</v>
      </c>
      <c r="BP32" s="263">
        <v>2</v>
      </c>
      <c r="BQ32" s="257">
        <v>1</v>
      </c>
      <c r="BR32" s="261">
        <v>0</v>
      </c>
      <c r="BS32" s="258">
        <v>1</v>
      </c>
      <c r="BT32" s="260">
        <v>0</v>
      </c>
      <c r="BU32" s="261">
        <v>0</v>
      </c>
      <c r="BV32" s="261">
        <v>0</v>
      </c>
      <c r="BW32" s="261">
        <v>0</v>
      </c>
      <c r="BX32" s="261">
        <v>0</v>
      </c>
      <c r="BY32" s="261">
        <v>0</v>
      </c>
      <c r="BZ32" s="258">
        <v>0</v>
      </c>
      <c r="CA32" s="263">
        <v>1</v>
      </c>
      <c r="CB32" s="257">
        <v>0</v>
      </c>
      <c r="CC32" s="261">
        <v>0</v>
      </c>
      <c r="CD32" s="258">
        <v>0</v>
      </c>
      <c r="CE32" s="260">
        <v>0</v>
      </c>
      <c r="CF32" s="261">
        <v>0</v>
      </c>
      <c r="CG32" s="261">
        <v>0</v>
      </c>
      <c r="CH32" s="261">
        <v>1</v>
      </c>
      <c r="CI32" s="261">
        <v>1</v>
      </c>
      <c r="CJ32" s="261">
        <v>0</v>
      </c>
      <c r="CK32" s="258">
        <v>2</v>
      </c>
      <c r="CL32" s="263">
        <v>2</v>
      </c>
      <c r="CM32" s="257">
        <v>0</v>
      </c>
      <c r="CN32" s="261">
        <v>0</v>
      </c>
      <c r="CO32" s="258">
        <v>0</v>
      </c>
      <c r="CP32" s="260">
        <v>0</v>
      </c>
      <c r="CQ32" s="261">
        <v>0</v>
      </c>
      <c r="CR32" s="261">
        <v>0</v>
      </c>
      <c r="CS32" s="261">
        <v>1</v>
      </c>
      <c r="CT32" s="261">
        <v>0</v>
      </c>
      <c r="CU32" s="261">
        <v>0</v>
      </c>
      <c r="CV32" s="258">
        <v>1</v>
      </c>
      <c r="CW32" s="263">
        <v>1</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1</v>
      </c>
      <c r="DU32" s="261">
        <v>1</v>
      </c>
      <c r="DV32" s="258">
        <v>2</v>
      </c>
      <c r="DW32" s="260">
        <v>0</v>
      </c>
      <c r="DX32" s="261">
        <v>2</v>
      </c>
      <c r="DY32" s="261">
        <v>0</v>
      </c>
      <c r="DZ32" s="261">
        <v>2</v>
      </c>
      <c r="EA32" s="261">
        <v>1</v>
      </c>
      <c r="EB32" s="261">
        <v>1</v>
      </c>
      <c r="EC32" s="258">
        <v>6</v>
      </c>
      <c r="ED32" s="263">
        <v>8</v>
      </c>
      <c r="EE32" s="257">
        <v>0</v>
      </c>
      <c r="EF32" s="261">
        <v>0</v>
      </c>
      <c r="EG32" s="258">
        <v>0</v>
      </c>
      <c r="EH32" s="260">
        <v>0</v>
      </c>
      <c r="EI32" s="261">
        <v>1</v>
      </c>
      <c r="EJ32" s="261">
        <v>0</v>
      </c>
      <c r="EK32" s="261">
        <v>0</v>
      </c>
      <c r="EL32" s="261">
        <v>0</v>
      </c>
      <c r="EM32" s="261">
        <v>0</v>
      </c>
      <c r="EN32" s="258">
        <v>1</v>
      </c>
      <c r="EO32" s="263">
        <v>1</v>
      </c>
      <c r="EP32" s="257">
        <v>3</v>
      </c>
      <c r="EQ32" s="261">
        <v>2</v>
      </c>
      <c r="ER32" s="258">
        <v>5</v>
      </c>
      <c r="ES32" s="260">
        <v>0</v>
      </c>
      <c r="ET32" s="261">
        <v>4</v>
      </c>
      <c r="EU32" s="261">
        <v>1</v>
      </c>
      <c r="EV32" s="261">
        <v>3</v>
      </c>
      <c r="EW32" s="261">
        <v>1</v>
      </c>
      <c r="EX32" s="261">
        <v>1</v>
      </c>
      <c r="EY32" s="258">
        <v>10</v>
      </c>
      <c r="EZ32" s="263">
        <v>15</v>
      </c>
    </row>
    <row r="33" spans="2:156" ht="21" customHeight="1" x14ac:dyDescent="0.2">
      <c r="B33" s="472" t="s">
        <v>31</v>
      </c>
      <c r="C33" s="257">
        <v>0</v>
      </c>
      <c r="D33" s="261">
        <v>0</v>
      </c>
      <c r="E33" s="358">
        <v>0</v>
      </c>
      <c r="F33" s="260">
        <v>0</v>
      </c>
      <c r="G33" s="261">
        <v>0</v>
      </c>
      <c r="H33" s="261">
        <v>0</v>
      </c>
      <c r="I33" s="261">
        <v>0</v>
      </c>
      <c r="J33" s="261">
        <v>0</v>
      </c>
      <c r="K33" s="261">
        <v>0</v>
      </c>
      <c r="L33" s="262">
        <v>0</v>
      </c>
      <c r="M33" s="263">
        <v>0</v>
      </c>
      <c r="N33" s="257">
        <v>0</v>
      </c>
      <c r="O33" s="261">
        <v>0</v>
      </c>
      <c r="P33" s="258">
        <v>0</v>
      </c>
      <c r="Q33" s="260">
        <v>0</v>
      </c>
      <c r="R33" s="261">
        <v>0</v>
      </c>
      <c r="S33" s="261">
        <v>1</v>
      </c>
      <c r="T33" s="261">
        <v>1</v>
      </c>
      <c r="U33" s="261">
        <v>0</v>
      </c>
      <c r="V33" s="261">
        <v>0</v>
      </c>
      <c r="W33" s="258">
        <v>2</v>
      </c>
      <c r="X33" s="263">
        <v>2</v>
      </c>
      <c r="Y33" s="257">
        <v>1</v>
      </c>
      <c r="Z33" s="261">
        <v>0</v>
      </c>
      <c r="AA33" s="258">
        <v>1</v>
      </c>
      <c r="AB33" s="260">
        <v>0</v>
      </c>
      <c r="AC33" s="261">
        <v>0</v>
      </c>
      <c r="AD33" s="261">
        <v>0</v>
      </c>
      <c r="AE33" s="261">
        <v>3</v>
      </c>
      <c r="AF33" s="261">
        <v>0</v>
      </c>
      <c r="AG33" s="261">
        <v>0</v>
      </c>
      <c r="AH33" s="258">
        <v>3</v>
      </c>
      <c r="AI33" s="263">
        <v>4</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0</v>
      </c>
      <c r="BA33" s="261">
        <v>1</v>
      </c>
      <c r="BB33" s="261">
        <v>1</v>
      </c>
      <c r="BC33" s="261">
        <v>1</v>
      </c>
      <c r="BD33" s="262">
        <v>3</v>
      </c>
      <c r="BE33" s="263">
        <v>3</v>
      </c>
      <c r="BF33" s="257">
        <v>0</v>
      </c>
      <c r="BG33" s="261">
        <v>0</v>
      </c>
      <c r="BH33" s="258">
        <v>0</v>
      </c>
      <c r="BI33" s="260">
        <v>0</v>
      </c>
      <c r="BJ33" s="261">
        <v>1</v>
      </c>
      <c r="BK33" s="261">
        <v>1</v>
      </c>
      <c r="BL33" s="261">
        <v>1</v>
      </c>
      <c r="BM33" s="261">
        <v>0</v>
      </c>
      <c r="BN33" s="261">
        <v>0</v>
      </c>
      <c r="BO33" s="258">
        <v>3</v>
      </c>
      <c r="BP33" s="263">
        <v>3</v>
      </c>
      <c r="BQ33" s="257">
        <v>0</v>
      </c>
      <c r="BR33" s="261">
        <v>0</v>
      </c>
      <c r="BS33" s="258">
        <v>0</v>
      </c>
      <c r="BT33" s="260">
        <v>0</v>
      </c>
      <c r="BU33" s="261">
        <v>1</v>
      </c>
      <c r="BV33" s="261">
        <v>1</v>
      </c>
      <c r="BW33" s="261">
        <v>2</v>
      </c>
      <c r="BX33" s="261">
        <v>0</v>
      </c>
      <c r="BY33" s="261">
        <v>0</v>
      </c>
      <c r="BZ33" s="258">
        <v>4</v>
      </c>
      <c r="CA33" s="263">
        <v>4</v>
      </c>
      <c r="CB33" s="257">
        <v>0</v>
      </c>
      <c r="CC33" s="261">
        <v>0</v>
      </c>
      <c r="CD33" s="258">
        <v>0</v>
      </c>
      <c r="CE33" s="260">
        <v>0</v>
      </c>
      <c r="CF33" s="261">
        <v>0</v>
      </c>
      <c r="CG33" s="261">
        <v>0</v>
      </c>
      <c r="CH33" s="261">
        <v>1</v>
      </c>
      <c r="CI33" s="261">
        <v>1</v>
      </c>
      <c r="CJ33" s="261">
        <v>0</v>
      </c>
      <c r="CK33" s="258">
        <v>2</v>
      </c>
      <c r="CL33" s="263">
        <v>2</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v>
      </c>
      <c r="DU33" s="261">
        <v>0</v>
      </c>
      <c r="DV33" s="258">
        <v>2</v>
      </c>
      <c r="DW33" s="260">
        <v>0</v>
      </c>
      <c r="DX33" s="261">
        <v>1</v>
      </c>
      <c r="DY33" s="261">
        <v>4</v>
      </c>
      <c r="DZ33" s="261">
        <v>4</v>
      </c>
      <c r="EA33" s="261">
        <v>1</v>
      </c>
      <c r="EB33" s="261">
        <v>0</v>
      </c>
      <c r="EC33" s="258">
        <v>10</v>
      </c>
      <c r="ED33" s="263">
        <v>12</v>
      </c>
      <c r="EE33" s="257">
        <v>0</v>
      </c>
      <c r="EF33" s="261">
        <v>0</v>
      </c>
      <c r="EG33" s="258">
        <v>0</v>
      </c>
      <c r="EH33" s="260">
        <v>0</v>
      </c>
      <c r="EI33" s="261">
        <v>0</v>
      </c>
      <c r="EJ33" s="261">
        <v>0</v>
      </c>
      <c r="EK33" s="261">
        <v>1</v>
      </c>
      <c r="EL33" s="261">
        <v>0</v>
      </c>
      <c r="EM33" s="261">
        <v>0</v>
      </c>
      <c r="EN33" s="258">
        <v>1</v>
      </c>
      <c r="EO33" s="263">
        <v>1</v>
      </c>
      <c r="EP33" s="257">
        <v>3</v>
      </c>
      <c r="EQ33" s="261">
        <v>0</v>
      </c>
      <c r="ER33" s="258">
        <v>3</v>
      </c>
      <c r="ES33" s="260">
        <v>0</v>
      </c>
      <c r="ET33" s="261">
        <v>4</v>
      </c>
      <c r="EU33" s="261">
        <v>5</v>
      </c>
      <c r="EV33" s="261">
        <v>6</v>
      </c>
      <c r="EW33" s="261">
        <v>1</v>
      </c>
      <c r="EX33" s="261">
        <v>0</v>
      </c>
      <c r="EY33" s="258">
        <v>16</v>
      </c>
      <c r="EZ33" s="263">
        <v>19</v>
      </c>
    </row>
    <row r="34" spans="2:156" ht="21" customHeight="1" x14ac:dyDescent="0.2">
      <c r="B34" s="472" t="s">
        <v>32</v>
      </c>
      <c r="C34" s="257">
        <v>0</v>
      </c>
      <c r="D34" s="261">
        <v>0</v>
      </c>
      <c r="E34" s="358">
        <v>0</v>
      </c>
      <c r="F34" s="260">
        <v>0</v>
      </c>
      <c r="G34" s="261">
        <v>2</v>
      </c>
      <c r="H34" s="261">
        <v>1</v>
      </c>
      <c r="I34" s="261">
        <v>0</v>
      </c>
      <c r="J34" s="261">
        <v>1</v>
      </c>
      <c r="K34" s="261">
        <v>1</v>
      </c>
      <c r="L34" s="262">
        <v>5</v>
      </c>
      <c r="M34" s="263">
        <v>5</v>
      </c>
      <c r="N34" s="257">
        <v>0</v>
      </c>
      <c r="O34" s="261">
        <v>0</v>
      </c>
      <c r="P34" s="258">
        <v>0</v>
      </c>
      <c r="Q34" s="260">
        <v>0</v>
      </c>
      <c r="R34" s="261">
        <v>0</v>
      </c>
      <c r="S34" s="261">
        <v>0</v>
      </c>
      <c r="T34" s="261">
        <v>0</v>
      </c>
      <c r="U34" s="261">
        <v>0</v>
      </c>
      <c r="V34" s="261">
        <v>1</v>
      </c>
      <c r="W34" s="258">
        <v>1</v>
      </c>
      <c r="X34" s="263">
        <v>1</v>
      </c>
      <c r="Y34" s="257">
        <v>0</v>
      </c>
      <c r="Z34" s="261">
        <v>1</v>
      </c>
      <c r="AA34" s="258">
        <v>1</v>
      </c>
      <c r="AB34" s="260">
        <v>0</v>
      </c>
      <c r="AC34" s="261">
        <v>3</v>
      </c>
      <c r="AD34" s="261">
        <v>5</v>
      </c>
      <c r="AE34" s="261">
        <v>0</v>
      </c>
      <c r="AF34" s="261">
        <v>0</v>
      </c>
      <c r="AG34" s="261">
        <v>0</v>
      </c>
      <c r="AH34" s="258">
        <v>8</v>
      </c>
      <c r="AI34" s="263">
        <v>9</v>
      </c>
      <c r="AJ34" s="257">
        <v>0</v>
      </c>
      <c r="AK34" s="261">
        <v>0</v>
      </c>
      <c r="AL34" s="258">
        <v>0</v>
      </c>
      <c r="AM34" s="260">
        <v>0</v>
      </c>
      <c r="AN34" s="261">
        <v>0</v>
      </c>
      <c r="AO34" s="261">
        <v>1</v>
      </c>
      <c r="AP34" s="261">
        <v>0</v>
      </c>
      <c r="AQ34" s="261">
        <v>0</v>
      </c>
      <c r="AR34" s="261">
        <v>0</v>
      </c>
      <c r="AS34" s="258">
        <v>1</v>
      </c>
      <c r="AT34" s="263">
        <v>1</v>
      </c>
      <c r="AU34" s="257">
        <v>0</v>
      </c>
      <c r="AV34" s="261">
        <v>0</v>
      </c>
      <c r="AW34" s="258">
        <v>0</v>
      </c>
      <c r="AX34" s="260">
        <v>0</v>
      </c>
      <c r="AY34" s="261">
        <v>1</v>
      </c>
      <c r="AZ34" s="261">
        <v>2</v>
      </c>
      <c r="BA34" s="261">
        <v>1</v>
      </c>
      <c r="BB34" s="261">
        <v>2</v>
      </c>
      <c r="BC34" s="261">
        <v>2</v>
      </c>
      <c r="BD34" s="262">
        <v>8</v>
      </c>
      <c r="BE34" s="263">
        <v>8</v>
      </c>
      <c r="BF34" s="257">
        <v>0</v>
      </c>
      <c r="BG34" s="261">
        <v>0</v>
      </c>
      <c r="BH34" s="258">
        <v>0</v>
      </c>
      <c r="BI34" s="260">
        <v>0</v>
      </c>
      <c r="BJ34" s="261">
        <v>1</v>
      </c>
      <c r="BK34" s="261">
        <v>4</v>
      </c>
      <c r="BL34" s="261">
        <v>2</v>
      </c>
      <c r="BM34" s="261">
        <v>0</v>
      </c>
      <c r="BN34" s="261">
        <v>0</v>
      </c>
      <c r="BO34" s="258">
        <v>7</v>
      </c>
      <c r="BP34" s="263">
        <v>7</v>
      </c>
      <c r="BQ34" s="257">
        <v>0</v>
      </c>
      <c r="BR34" s="261">
        <v>0</v>
      </c>
      <c r="BS34" s="258">
        <v>0</v>
      </c>
      <c r="BT34" s="260">
        <v>0</v>
      </c>
      <c r="BU34" s="261">
        <v>0</v>
      </c>
      <c r="BV34" s="261">
        <v>2</v>
      </c>
      <c r="BW34" s="261">
        <v>0</v>
      </c>
      <c r="BX34" s="261">
        <v>0</v>
      </c>
      <c r="BY34" s="261">
        <v>0</v>
      </c>
      <c r="BZ34" s="258">
        <v>2</v>
      </c>
      <c r="CA34" s="263">
        <v>2</v>
      </c>
      <c r="CB34" s="257">
        <v>0</v>
      </c>
      <c r="CC34" s="261">
        <v>0</v>
      </c>
      <c r="CD34" s="258">
        <v>0</v>
      </c>
      <c r="CE34" s="260">
        <v>0</v>
      </c>
      <c r="CF34" s="261">
        <v>0</v>
      </c>
      <c r="CG34" s="261">
        <v>1</v>
      </c>
      <c r="CH34" s="261">
        <v>0</v>
      </c>
      <c r="CI34" s="261">
        <v>0</v>
      </c>
      <c r="CJ34" s="261">
        <v>0</v>
      </c>
      <c r="CK34" s="258">
        <v>1</v>
      </c>
      <c r="CL34" s="263">
        <v>1</v>
      </c>
      <c r="CM34" s="257">
        <v>0</v>
      </c>
      <c r="CN34" s="261">
        <v>0</v>
      </c>
      <c r="CO34" s="258">
        <v>0</v>
      </c>
      <c r="CP34" s="260">
        <v>0</v>
      </c>
      <c r="CQ34" s="261">
        <v>0</v>
      </c>
      <c r="CR34" s="261">
        <v>0</v>
      </c>
      <c r="CS34" s="261">
        <v>1</v>
      </c>
      <c r="CT34" s="261">
        <v>0</v>
      </c>
      <c r="CU34" s="261">
        <v>0</v>
      </c>
      <c r="CV34" s="258">
        <v>1</v>
      </c>
      <c r="CW34" s="263">
        <v>1</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0</v>
      </c>
      <c r="DU34" s="261">
        <v>3</v>
      </c>
      <c r="DV34" s="258">
        <v>3</v>
      </c>
      <c r="DW34" s="260">
        <v>0</v>
      </c>
      <c r="DX34" s="261">
        <v>4</v>
      </c>
      <c r="DY34" s="261">
        <v>9</v>
      </c>
      <c r="DZ34" s="261">
        <v>4</v>
      </c>
      <c r="EA34" s="261">
        <v>1</v>
      </c>
      <c r="EB34" s="261">
        <v>1</v>
      </c>
      <c r="EC34" s="258">
        <v>19</v>
      </c>
      <c r="ED34" s="263">
        <v>22</v>
      </c>
      <c r="EE34" s="257">
        <v>0</v>
      </c>
      <c r="EF34" s="261">
        <v>0</v>
      </c>
      <c r="EG34" s="258">
        <v>0</v>
      </c>
      <c r="EH34" s="260">
        <v>0</v>
      </c>
      <c r="EI34" s="261">
        <v>1</v>
      </c>
      <c r="EJ34" s="261">
        <v>2</v>
      </c>
      <c r="EK34" s="261">
        <v>1</v>
      </c>
      <c r="EL34" s="261">
        <v>1</v>
      </c>
      <c r="EM34" s="261">
        <v>2</v>
      </c>
      <c r="EN34" s="258">
        <v>7</v>
      </c>
      <c r="EO34" s="263">
        <v>7</v>
      </c>
      <c r="EP34" s="257">
        <v>0</v>
      </c>
      <c r="EQ34" s="261">
        <v>3</v>
      </c>
      <c r="ER34" s="258">
        <v>3</v>
      </c>
      <c r="ES34" s="260">
        <v>0</v>
      </c>
      <c r="ET34" s="261">
        <v>8</v>
      </c>
      <c r="EU34" s="261">
        <v>12</v>
      </c>
      <c r="EV34" s="261">
        <v>4</v>
      </c>
      <c r="EW34" s="261">
        <v>1</v>
      </c>
      <c r="EX34" s="261">
        <v>1</v>
      </c>
      <c r="EY34" s="258">
        <v>26</v>
      </c>
      <c r="EZ34" s="263">
        <v>29</v>
      </c>
    </row>
    <row r="35" spans="2:156" ht="21" customHeight="1" x14ac:dyDescent="0.2">
      <c r="B35" s="472" t="s">
        <v>33</v>
      </c>
      <c r="C35" s="257">
        <v>0</v>
      </c>
      <c r="D35" s="261">
        <v>0</v>
      </c>
      <c r="E35" s="358">
        <v>0</v>
      </c>
      <c r="F35" s="260">
        <v>0</v>
      </c>
      <c r="G35" s="261">
        <v>1</v>
      </c>
      <c r="H35" s="261">
        <v>0</v>
      </c>
      <c r="I35" s="261">
        <v>1</v>
      </c>
      <c r="J35" s="261">
        <v>0</v>
      </c>
      <c r="K35" s="261">
        <v>0</v>
      </c>
      <c r="L35" s="262">
        <v>2</v>
      </c>
      <c r="M35" s="263">
        <v>2</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0</v>
      </c>
      <c r="AG35" s="261">
        <v>0</v>
      </c>
      <c r="AH35" s="258">
        <v>2</v>
      </c>
      <c r="AI35" s="263">
        <v>2</v>
      </c>
      <c r="AJ35" s="257">
        <v>2</v>
      </c>
      <c r="AK35" s="261">
        <v>2</v>
      </c>
      <c r="AL35" s="258">
        <v>4</v>
      </c>
      <c r="AM35" s="260">
        <v>0</v>
      </c>
      <c r="AN35" s="261">
        <v>0</v>
      </c>
      <c r="AO35" s="261">
        <v>0</v>
      </c>
      <c r="AP35" s="261">
        <v>2</v>
      </c>
      <c r="AQ35" s="261">
        <v>0</v>
      </c>
      <c r="AR35" s="261">
        <v>0</v>
      </c>
      <c r="AS35" s="258">
        <v>2</v>
      </c>
      <c r="AT35" s="263">
        <v>6</v>
      </c>
      <c r="AU35" s="257">
        <v>0</v>
      </c>
      <c r="AV35" s="261">
        <v>0</v>
      </c>
      <c r="AW35" s="258">
        <v>0</v>
      </c>
      <c r="AX35" s="260">
        <v>0</v>
      </c>
      <c r="AY35" s="261">
        <v>1</v>
      </c>
      <c r="AZ35" s="261">
        <v>1</v>
      </c>
      <c r="BA35" s="261">
        <v>2</v>
      </c>
      <c r="BB35" s="261">
        <v>0</v>
      </c>
      <c r="BC35" s="261">
        <v>0</v>
      </c>
      <c r="BD35" s="262">
        <v>4</v>
      </c>
      <c r="BE35" s="263">
        <v>4</v>
      </c>
      <c r="BF35" s="257">
        <v>0</v>
      </c>
      <c r="BG35" s="261">
        <v>0</v>
      </c>
      <c r="BH35" s="258">
        <v>0</v>
      </c>
      <c r="BI35" s="260">
        <v>0</v>
      </c>
      <c r="BJ35" s="261">
        <v>0</v>
      </c>
      <c r="BK35" s="261">
        <v>1</v>
      </c>
      <c r="BL35" s="261">
        <v>0</v>
      </c>
      <c r="BM35" s="261">
        <v>0</v>
      </c>
      <c r="BN35" s="261">
        <v>0</v>
      </c>
      <c r="BO35" s="258">
        <v>1</v>
      </c>
      <c r="BP35" s="263">
        <v>1</v>
      </c>
      <c r="BQ35" s="257">
        <v>0</v>
      </c>
      <c r="BR35" s="261">
        <v>0</v>
      </c>
      <c r="BS35" s="258">
        <v>0</v>
      </c>
      <c r="BT35" s="260">
        <v>0</v>
      </c>
      <c r="BU35" s="261">
        <v>1</v>
      </c>
      <c r="BV35" s="261">
        <v>0</v>
      </c>
      <c r="BW35" s="261">
        <v>0</v>
      </c>
      <c r="BX35" s="261">
        <v>0</v>
      </c>
      <c r="BY35" s="261">
        <v>0</v>
      </c>
      <c r="BZ35" s="258">
        <v>1</v>
      </c>
      <c r="CA35" s="263">
        <v>1</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0</v>
      </c>
      <c r="DU35" s="261">
        <v>1</v>
      </c>
      <c r="DV35" s="258">
        <v>1</v>
      </c>
      <c r="DW35" s="260">
        <v>0</v>
      </c>
      <c r="DX35" s="261">
        <v>2</v>
      </c>
      <c r="DY35" s="261">
        <v>1</v>
      </c>
      <c r="DZ35" s="261">
        <v>1</v>
      </c>
      <c r="EA35" s="261">
        <v>0</v>
      </c>
      <c r="EB35" s="261">
        <v>0</v>
      </c>
      <c r="EC35" s="258">
        <v>4</v>
      </c>
      <c r="ED35" s="263">
        <v>5</v>
      </c>
      <c r="EE35" s="257">
        <v>0</v>
      </c>
      <c r="EF35" s="261">
        <v>1</v>
      </c>
      <c r="EG35" s="258">
        <v>1</v>
      </c>
      <c r="EH35" s="260">
        <v>0</v>
      </c>
      <c r="EI35" s="261">
        <v>0</v>
      </c>
      <c r="EJ35" s="261">
        <v>1</v>
      </c>
      <c r="EK35" s="261">
        <v>0</v>
      </c>
      <c r="EL35" s="261">
        <v>0</v>
      </c>
      <c r="EM35" s="261">
        <v>0</v>
      </c>
      <c r="EN35" s="258">
        <v>1</v>
      </c>
      <c r="EO35" s="263">
        <v>2</v>
      </c>
      <c r="EP35" s="257">
        <v>2</v>
      </c>
      <c r="EQ35" s="261">
        <v>2</v>
      </c>
      <c r="ER35" s="258">
        <v>4</v>
      </c>
      <c r="ES35" s="260">
        <v>0</v>
      </c>
      <c r="ET35" s="261">
        <v>3</v>
      </c>
      <c r="EU35" s="261">
        <v>2</v>
      </c>
      <c r="EV35" s="261">
        <v>2</v>
      </c>
      <c r="EW35" s="261">
        <v>0</v>
      </c>
      <c r="EX35" s="261">
        <v>0</v>
      </c>
      <c r="EY35" s="258">
        <v>7</v>
      </c>
      <c r="EZ35" s="263">
        <v>11</v>
      </c>
    </row>
    <row r="36" spans="2:156"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1</v>
      </c>
      <c r="AE36" s="261">
        <v>0</v>
      </c>
      <c r="AF36" s="261">
        <v>1</v>
      </c>
      <c r="AG36" s="261">
        <v>0</v>
      </c>
      <c r="AH36" s="258">
        <v>2</v>
      </c>
      <c r="AI36" s="263">
        <v>2</v>
      </c>
      <c r="AJ36" s="257">
        <v>0</v>
      </c>
      <c r="AK36" s="261">
        <v>0</v>
      </c>
      <c r="AL36" s="258">
        <v>0</v>
      </c>
      <c r="AM36" s="260">
        <v>0</v>
      </c>
      <c r="AN36" s="261">
        <v>0</v>
      </c>
      <c r="AO36" s="261">
        <v>1</v>
      </c>
      <c r="AP36" s="261">
        <v>0</v>
      </c>
      <c r="AQ36" s="261">
        <v>0</v>
      </c>
      <c r="AR36" s="261">
        <v>0</v>
      </c>
      <c r="AS36" s="258">
        <v>1</v>
      </c>
      <c r="AT36" s="263">
        <v>1</v>
      </c>
      <c r="AU36" s="257">
        <v>0</v>
      </c>
      <c r="AV36" s="261">
        <v>0</v>
      </c>
      <c r="AW36" s="258">
        <v>0</v>
      </c>
      <c r="AX36" s="260">
        <v>0</v>
      </c>
      <c r="AY36" s="261">
        <v>1</v>
      </c>
      <c r="AZ36" s="261">
        <v>2</v>
      </c>
      <c r="BA36" s="261">
        <v>0</v>
      </c>
      <c r="BB36" s="261">
        <v>0</v>
      </c>
      <c r="BC36" s="261">
        <v>2</v>
      </c>
      <c r="BD36" s="262">
        <v>5</v>
      </c>
      <c r="BE36" s="263">
        <v>5</v>
      </c>
      <c r="BF36" s="257">
        <v>0</v>
      </c>
      <c r="BG36" s="261">
        <v>0</v>
      </c>
      <c r="BH36" s="258">
        <v>0</v>
      </c>
      <c r="BI36" s="260">
        <v>0</v>
      </c>
      <c r="BJ36" s="261">
        <v>0</v>
      </c>
      <c r="BK36" s="261">
        <v>1</v>
      </c>
      <c r="BL36" s="261">
        <v>0</v>
      </c>
      <c r="BM36" s="261">
        <v>0</v>
      </c>
      <c r="BN36" s="261">
        <v>0</v>
      </c>
      <c r="BO36" s="258">
        <v>1</v>
      </c>
      <c r="BP36" s="263">
        <v>1</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1</v>
      </c>
      <c r="CJ36" s="261">
        <v>0</v>
      </c>
      <c r="CK36" s="258">
        <v>1</v>
      </c>
      <c r="CL36" s="263">
        <v>1</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1</v>
      </c>
      <c r="DV36" s="258">
        <v>1</v>
      </c>
      <c r="DW36" s="260">
        <v>0</v>
      </c>
      <c r="DX36" s="261">
        <v>1</v>
      </c>
      <c r="DY36" s="261">
        <v>4</v>
      </c>
      <c r="DZ36" s="261">
        <v>1</v>
      </c>
      <c r="EA36" s="261">
        <v>2</v>
      </c>
      <c r="EB36" s="261">
        <v>0</v>
      </c>
      <c r="EC36" s="258">
        <v>8</v>
      </c>
      <c r="ED36" s="263">
        <v>9</v>
      </c>
      <c r="EE36" s="257">
        <v>0</v>
      </c>
      <c r="EF36" s="261">
        <v>0</v>
      </c>
      <c r="EG36" s="258">
        <v>0</v>
      </c>
      <c r="EH36" s="260">
        <v>0</v>
      </c>
      <c r="EI36" s="261">
        <v>1</v>
      </c>
      <c r="EJ36" s="261">
        <v>0</v>
      </c>
      <c r="EK36" s="261">
        <v>0</v>
      </c>
      <c r="EL36" s="261">
        <v>0</v>
      </c>
      <c r="EM36" s="261">
        <v>2</v>
      </c>
      <c r="EN36" s="258">
        <v>3</v>
      </c>
      <c r="EO36" s="263">
        <v>3</v>
      </c>
      <c r="EP36" s="257">
        <v>0</v>
      </c>
      <c r="EQ36" s="261">
        <v>1</v>
      </c>
      <c r="ER36" s="258">
        <v>1</v>
      </c>
      <c r="ES36" s="260">
        <v>0</v>
      </c>
      <c r="ET36" s="261">
        <v>1</v>
      </c>
      <c r="EU36" s="261">
        <v>5</v>
      </c>
      <c r="EV36" s="261">
        <v>0</v>
      </c>
      <c r="EW36" s="261">
        <v>2</v>
      </c>
      <c r="EX36" s="261">
        <v>0</v>
      </c>
      <c r="EY36" s="258">
        <v>8</v>
      </c>
      <c r="EZ36" s="263">
        <v>9</v>
      </c>
    </row>
    <row r="37" spans="2:156" ht="21" customHeight="1" x14ac:dyDescent="0.2">
      <c r="B37" s="472" t="s">
        <v>35</v>
      </c>
      <c r="C37" s="257">
        <v>0</v>
      </c>
      <c r="D37" s="261">
        <v>0</v>
      </c>
      <c r="E37" s="358">
        <v>0</v>
      </c>
      <c r="F37" s="260">
        <v>0</v>
      </c>
      <c r="G37" s="261">
        <v>3</v>
      </c>
      <c r="H37" s="261">
        <v>0</v>
      </c>
      <c r="I37" s="261">
        <v>1</v>
      </c>
      <c r="J37" s="261">
        <v>1</v>
      </c>
      <c r="K37" s="261">
        <v>1</v>
      </c>
      <c r="L37" s="262">
        <v>6</v>
      </c>
      <c r="M37" s="263">
        <v>6</v>
      </c>
      <c r="N37" s="257">
        <v>0</v>
      </c>
      <c r="O37" s="261">
        <v>0</v>
      </c>
      <c r="P37" s="258">
        <v>0</v>
      </c>
      <c r="Q37" s="260">
        <v>0</v>
      </c>
      <c r="R37" s="261">
        <v>0</v>
      </c>
      <c r="S37" s="261">
        <v>0</v>
      </c>
      <c r="T37" s="261">
        <v>0</v>
      </c>
      <c r="U37" s="261">
        <v>1</v>
      </c>
      <c r="V37" s="261">
        <v>1</v>
      </c>
      <c r="W37" s="258">
        <v>2</v>
      </c>
      <c r="X37" s="263">
        <v>2</v>
      </c>
      <c r="Y37" s="257">
        <v>0</v>
      </c>
      <c r="Z37" s="261">
        <v>0</v>
      </c>
      <c r="AA37" s="258">
        <v>0</v>
      </c>
      <c r="AB37" s="260">
        <v>0</v>
      </c>
      <c r="AC37" s="261">
        <v>1</v>
      </c>
      <c r="AD37" s="261">
        <v>0</v>
      </c>
      <c r="AE37" s="261">
        <v>0</v>
      </c>
      <c r="AF37" s="261">
        <v>0</v>
      </c>
      <c r="AG37" s="261">
        <v>0</v>
      </c>
      <c r="AH37" s="258">
        <v>1</v>
      </c>
      <c r="AI37" s="263">
        <v>1</v>
      </c>
      <c r="AJ37" s="257">
        <v>1</v>
      </c>
      <c r="AK37" s="261">
        <v>1</v>
      </c>
      <c r="AL37" s="258">
        <v>2</v>
      </c>
      <c r="AM37" s="260">
        <v>0</v>
      </c>
      <c r="AN37" s="261">
        <v>1</v>
      </c>
      <c r="AO37" s="261">
        <v>0</v>
      </c>
      <c r="AP37" s="261">
        <v>0</v>
      </c>
      <c r="AQ37" s="261">
        <v>0</v>
      </c>
      <c r="AR37" s="261">
        <v>0</v>
      </c>
      <c r="AS37" s="258">
        <v>1</v>
      </c>
      <c r="AT37" s="263">
        <v>3</v>
      </c>
      <c r="AU37" s="257">
        <v>1</v>
      </c>
      <c r="AV37" s="261">
        <v>1</v>
      </c>
      <c r="AW37" s="258">
        <v>2</v>
      </c>
      <c r="AX37" s="260">
        <v>0</v>
      </c>
      <c r="AY37" s="261">
        <v>11</v>
      </c>
      <c r="AZ37" s="261">
        <v>2</v>
      </c>
      <c r="BA37" s="261">
        <v>3</v>
      </c>
      <c r="BB37" s="261">
        <v>4</v>
      </c>
      <c r="BC37" s="261">
        <v>2</v>
      </c>
      <c r="BD37" s="262">
        <v>22</v>
      </c>
      <c r="BE37" s="263">
        <v>24</v>
      </c>
      <c r="BF37" s="257">
        <v>0</v>
      </c>
      <c r="BG37" s="261">
        <v>0</v>
      </c>
      <c r="BH37" s="258">
        <v>0</v>
      </c>
      <c r="BI37" s="260">
        <v>0</v>
      </c>
      <c r="BJ37" s="261">
        <v>5</v>
      </c>
      <c r="BK37" s="261">
        <v>2</v>
      </c>
      <c r="BL37" s="261">
        <v>3</v>
      </c>
      <c r="BM37" s="261">
        <v>0</v>
      </c>
      <c r="BN37" s="261">
        <v>0</v>
      </c>
      <c r="BO37" s="258">
        <v>10</v>
      </c>
      <c r="BP37" s="263">
        <v>10</v>
      </c>
      <c r="BQ37" s="257">
        <v>1</v>
      </c>
      <c r="BR37" s="261">
        <v>1</v>
      </c>
      <c r="BS37" s="258">
        <v>2</v>
      </c>
      <c r="BT37" s="260">
        <v>0</v>
      </c>
      <c r="BU37" s="261">
        <v>0</v>
      </c>
      <c r="BV37" s="261">
        <v>0</v>
      </c>
      <c r="BW37" s="261">
        <v>1</v>
      </c>
      <c r="BX37" s="261">
        <v>1</v>
      </c>
      <c r="BY37" s="261">
        <v>0</v>
      </c>
      <c r="BZ37" s="258">
        <v>2</v>
      </c>
      <c r="CA37" s="263">
        <v>4</v>
      </c>
      <c r="CB37" s="257">
        <v>0</v>
      </c>
      <c r="CC37" s="261">
        <v>0</v>
      </c>
      <c r="CD37" s="258">
        <v>0</v>
      </c>
      <c r="CE37" s="260">
        <v>0</v>
      </c>
      <c r="CF37" s="261">
        <v>1</v>
      </c>
      <c r="CG37" s="261">
        <v>0</v>
      </c>
      <c r="CH37" s="261">
        <v>1</v>
      </c>
      <c r="CI37" s="261">
        <v>0</v>
      </c>
      <c r="CJ37" s="261">
        <v>0</v>
      </c>
      <c r="CK37" s="258">
        <v>2</v>
      </c>
      <c r="CL37" s="263">
        <v>2</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0</v>
      </c>
      <c r="DU37" s="261">
        <v>1</v>
      </c>
      <c r="DV37" s="258">
        <v>1</v>
      </c>
      <c r="DW37" s="260">
        <v>0</v>
      </c>
      <c r="DX37" s="261">
        <v>11</v>
      </c>
      <c r="DY37" s="261">
        <v>3</v>
      </c>
      <c r="DZ37" s="261">
        <v>3</v>
      </c>
      <c r="EA37" s="261">
        <v>2</v>
      </c>
      <c r="EB37" s="261">
        <v>1</v>
      </c>
      <c r="EC37" s="258">
        <v>20</v>
      </c>
      <c r="ED37" s="263">
        <v>21</v>
      </c>
      <c r="EE37" s="257">
        <v>2</v>
      </c>
      <c r="EF37" s="261">
        <v>1</v>
      </c>
      <c r="EG37" s="258">
        <v>3</v>
      </c>
      <c r="EH37" s="260">
        <v>0</v>
      </c>
      <c r="EI37" s="261">
        <v>7</v>
      </c>
      <c r="EJ37" s="261">
        <v>1</v>
      </c>
      <c r="EK37" s="261">
        <v>2</v>
      </c>
      <c r="EL37" s="261">
        <v>2</v>
      </c>
      <c r="EM37" s="261">
        <v>1</v>
      </c>
      <c r="EN37" s="258">
        <v>13</v>
      </c>
      <c r="EO37" s="263">
        <v>16</v>
      </c>
      <c r="EP37" s="257">
        <v>2</v>
      </c>
      <c r="EQ37" s="261">
        <v>3</v>
      </c>
      <c r="ER37" s="258">
        <v>5</v>
      </c>
      <c r="ES37" s="260">
        <v>0</v>
      </c>
      <c r="ET37" s="261">
        <v>13</v>
      </c>
      <c r="EU37" s="261">
        <v>4</v>
      </c>
      <c r="EV37" s="261">
        <v>4</v>
      </c>
      <c r="EW37" s="261">
        <v>2</v>
      </c>
      <c r="EX37" s="261">
        <v>1</v>
      </c>
      <c r="EY37" s="258">
        <v>24</v>
      </c>
      <c r="EZ37" s="263">
        <v>29</v>
      </c>
    </row>
    <row r="38" spans="2:156" ht="21" customHeight="1" x14ac:dyDescent="0.2">
      <c r="B38" s="472" t="s">
        <v>36</v>
      </c>
      <c r="C38" s="257">
        <v>0</v>
      </c>
      <c r="D38" s="261">
        <v>0</v>
      </c>
      <c r="E38" s="358">
        <v>0</v>
      </c>
      <c r="F38" s="260">
        <v>0</v>
      </c>
      <c r="G38" s="261">
        <v>0</v>
      </c>
      <c r="H38" s="261">
        <v>0</v>
      </c>
      <c r="I38" s="261">
        <v>1</v>
      </c>
      <c r="J38" s="261">
        <v>2</v>
      </c>
      <c r="K38" s="261">
        <v>1</v>
      </c>
      <c r="L38" s="262">
        <v>4</v>
      </c>
      <c r="M38" s="263">
        <v>4</v>
      </c>
      <c r="N38" s="257">
        <v>0</v>
      </c>
      <c r="O38" s="261">
        <v>0</v>
      </c>
      <c r="P38" s="258">
        <v>0</v>
      </c>
      <c r="Q38" s="260">
        <v>0</v>
      </c>
      <c r="R38" s="261">
        <v>0</v>
      </c>
      <c r="S38" s="261">
        <v>0</v>
      </c>
      <c r="T38" s="261">
        <v>0</v>
      </c>
      <c r="U38" s="261">
        <v>1</v>
      </c>
      <c r="V38" s="261">
        <v>0</v>
      </c>
      <c r="W38" s="258">
        <v>1</v>
      </c>
      <c r="X38" s="263">
        <v>1</v>
      </c>
      <c r="Y38" s="257">
        <v>1</v>
      </c>
      <c r="Z38" s="261">
        <v>0</v>
      </c>
      <c r="AA38" s="258">
        <v>1</v>
      </c>
      <c r="AB38" s="260">
        <v>0</v>
      </c>
      <c r="AC38" s="261">
        <v>2</v>
      </c>
      <c r="AD38" s="261">
        <v>0</v>
      </c>
      <c r="AE38" s="261">
        <v>1</v>
      </c>
      <c r="AF38" s="261">
        <v>1</v>
      </c>
      <c r="AG38" s="261">
        <v>1</v>
      </c>
      <c r="AH38" s="258">
        <v>5</v>
      </c>
      <c r="AI38" s="263">
        <v>6</v>
      </c>
      <c r="AJ38" s="257">
        <v>0</v>
      </c>
      <c r="AK38" s="261">
        <v>1</v>
      </c>
      <c r="AL38" s="258">
        <v>1</v>
      </c>
      <c r="AM38" s="260">
        <v>0</v>
      </c>
      <c r="AN38" s="261">
        <v>0</v>
      </c>
      <c r="AO38" s="261">
        <v>1</v>
      </c>
      <c r="AP38" s="261">
        <v>0</v>
      </c>
      <c r="AQ38" s="261">
        <v>0</v>
      </c>
      <c r="AR38" s="261">
        <v>0</v>
      </c>
      <c r="AS38" s="258">
        <v>1</v>
      </c>
      <c r="AT38" s="263">
        <v>2</v>
      </c>
      <c r="AU38" s="257">
        <v>0</v>
      </c>
      <c r="AV38" s="261">
        <v>0</v>
      </c>
      <c r="AW38" s="258">
        <v>0</v>
      </c>
      <c r="AX38" s="260">
        <v>0</v>
      </c>
      <c r="AY38" s="261">
        <v>1</v>
      </c>
      <c r="AZ38" s="261">
        <v>1</v>
      </c>
      <c r="BA38" s="261">
        <v>2</v>
      </c>
      <c r="BB38" s="261">
        <v>4</v>
      </c>
      <c r="BC38" s="261">
        <v>2</v>
      </c>
      <c r="BD38" s="262">
        <v>10</v>
      </c>
      <c r="BE38" s="263">
        <v>10</v>
      </c>
      <c r="BF38" s="257">
        <v>0</v>
      </c>
      <c r="BG38" s="261">
        <v>0</v>
      </c>
      <c r="BH38" s="258">
        <v>0</v>
      </c>
      <c r="BI38" s="260">
        <v>0</v>
      </c>
      <c r="BJ38" s="261">
        <v>0</v>
      </c>
      <c r="BK38" s="261">
        <v>2</v>
      </c>
      <c r="BL38" s="261">
        <v>0</v>
      </c>
      <c r="BM38" s="261">
        <v>0</v>
      </c>
      <c r="BN38" s="261">
        <v>0</v>
      </c>
      <c r="BO38" s="258">
        <v>2</v>
      </c>
      <c r="BP38" s="263">
        <v>2</v>
      </c>
      <c r="BQ38" s="257">
        <v>1</v>
      </c>
      <c r="BR38" s="261">
        <v>1</v>
      </c>
      <c r="BS38" s="258">
        <v>2</v>
      </c>
      <c r="BT38" s="260">
        <v>0</v>
      </c>
      <c r="BU38" s="261">
        <v>0</v>
      </c>
      <c r="BV38" s="261">
        <v>0</v>
      </c>
      <c r="BW38" s="261">
        <v>0</v>
      </c>
      <c r="BX38" s="261">
        <v>1</v>
      </c>
      <c r="BY38" s="261">
        <v>0</v>
      </c>
      <c r="BZ38" s="258">
        <v>1</v>
      </c>
      <c r="CA38" s="263">
        <v>3</v>
      </c>
      <c r="CB38" s="257">
        <v>0</v>
      </c>
      <c r="CC38" s="261">
        <v>0</v>
      </c>
      <c r="CD38" s="258">
        <v>0</v>
      </c>
      <c r="CE38" s="260">
        <v>0</v>
      </c>
      <c r="CF38" s="261">
        <v>0</v>
      </c>
      <c r="CG38" s="261">
        <v>1</v>
      </c>
      <c r="CH38" s="261">
        <v>0</v>
      </c>
      <c r="CI38" s="261">
        <v>0</v>
      </c>
      <c r="CJ38" s="261">
        <v>0</v>
      </c>
      <c r="CK38" s="258">
        <v>1</v>
      </c>
      <c r="CL38" s="263">
        <v>1</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0</v>
      </c>
      <c r="DU38" s="261">
        <v>0</v>
      </c>
      <c r="DV38" s="258">
        <v>0</v>
      </c>
      <c r="DW38" s="260">
        <v>0</v>
      </c>
      <c r="DX38" s="261">
        <v>4</v>
      </c>
      <c r="DY38" s="261">
        <v>4</v>
      </c>
      <c r="DZ38" s="261">
        <v>1</v>
      </c>
      <c r="EA38" s="261">
        <v>5</v>
      </c>
      <c r="EB38" s="261">
        <v>1</v>
      </c>
      <c r="EC38" s="258">
        <v>15</v>
      </c>
      <c r="ED38" s="263">
        <v>15</v>
      </c>
      <c r="EE38" s="257">
        <v>0</v>
      </c>
      <c r="EF38" s="261">
        <v>0</v>
      </c>
      <c r="EG38" s="258">
        <v>0</v>
      </c>
      <c r="EH38" s="260">
        <v>0</v>
      </c>
      <c r="EI38" s="261">
        <v>0</v>
      </c>
      <c r="EJ38" s="261">
        <v>1</v>
      </c>
      <c r="EK38" s="261">
        <v>1</v>
      </c>
      <c r="EL38" s="261">
        <v>0</v>
      </c>
      <c r="EM38" s="261">
        <v>1</v>
      </c>
      <c r="EN38" s="258">
        <v>3</v>
      </c>
      <c r="EO38" s="263">
        <v>3</v>
      </c>
      <c r="EP38" s="257">
        <v>1</v>
      </c>
      <c r="EQ38" s="261">
        <v>2</v>
      </c>
      <c r="ER38" s="258">
        <v>3</v>
      </c>
      <c r="ES38" s="260">
        <v>0</v>
      </c>
      <c r="ET38" s="261">
        <v>7</v>
      </c>
      <c r="EU38" s="261">
        <v>5</v>
      </c>
      <c r="EV38" s="261">
        <v>2</v>
      </c>
      <c r="EW38" s="261">
        <v>5</v>
      </c>
      <c r="EX38" s="261">
        <v>2</v>
      </c>
      <c r="EY38" s="258">
        <v>21</v>
      </c>
      <c r="EZ38" s="263">
        <v>24</v>
      </c>
    </row>
    <row r="39" spans="2:156"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0</v>
      </c>
      <c r="BD39" s="269">
        <v>1</v>
      </c>
      <c r="BE39" s="270">
        <v>1</v>
      </c>
      <c r="BF39" s="264">
        <v>0</v>
      </c>
      <c r="BG39" s="268">
        <v>0</v>
      </c>
      <c r="BH39" s="265">
        <v>0</v>
      </c>
      <c r="BI39" s="267">
        <v>0</v>
      </c>
      <c r="BJ39" s="268">
        <v>0</v>
      </c>
      <c r="BK39" s="268">
        <v>1</v>
      </c>
      <c r="BL39" s="268">
        <v>0</v>
      </c>
      <c r="BM39" s="268">
        <v>0</v>
      </c>
      <c r="BN39" s="268">
        <v>0</v>
      </c>
      <c r="BO39" s="265">
        <v>1</v>
      </c>
      <c r="BP39" s="270">
        <v>1</v>
      </c>
      <c r="BQ39" s="264">
        <v>0</v>
      </c>
      <c r="BR39" s="268">
        <v>1</v>
      </c>
      <c r="BS39" s="265">
        <v>1</v>
      </c>
      <c r="BT39" s="267">
        <v>0</v>
      </c>
      <c r="BU39" s="268">
        <v>0</v>
      </c>
      <c r="BV39" s="268">
        <v>0</v>
      </c>
      <c r="BW39" s="268">
        <v>0</v>
      </c>
      <c r="BX39" s="268">
        <v>0</v>
      </c>
      <c r="BY39" s="268">
        <v>0</v>
      </c>
      <c r="BZ39" s="265">
        <v>0</v>
      </c>
      <c r="CA39" s="270">
        <v>1</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1</v>
      </c>
      <c r="DV39" s="265">
        <v>1</v>
      </c>
      <c r="DW39" s="267">
        <v>0</v>
      </c>
      <c r="DX39" s="268">
        <v>0</v>
      </c>
      <c r="DY39" s="268">
        <v>1</v>
      </c>
      <c r="DZ39" s="268">
        <v>0</v>
      </c>
      <c r="EA39" s="268">
        <v>0</v>
      </c>
      <c r="EB39" s="268">
        <v>0</v>
      </c>
      <c r="EC39" s="265">
        <v>1</v>
      </c>
      <c r="ED39" s="270">
        <v>2</v>
      </c>
      <c r="EE39" s="264">
        <v>0</v>
      </c>
      <c r="EF39" s="268">
        <v>0</v>
      </c>
      <c r="EG39" s="265">
        <v>0</v>
      </c>
      <c r="EH39" s="267">
        <v>0</v>
      </c>
      <c r="EI39" s="268">
        <v>0</v>
      </c>
      <c r="EJ39" s="268">
        <v>0</v>
      </c>
      <c r="EK39" s="268">
        <v>0</v>
      </c>
      <c r="EL39" s="268">
        <v>1</v>
      </c>
      <c r="EM39" s="268">
        <v>0</v>
      </c>
      <c r="EN39" s="265">
        <v>1</v>
      </c>
      <c r="EO39" s="270">
        <v>1</v>
      </c>
      <c r="EP39" s="264">
        <v>0</v>
      </c>
      <c r="EQ39" s="268">
        <v>1</v>
      </c>
      <c r="ER39" s="265">
        <v>1</v>
      </c>
      <c r="ES39" s="267">
        <v>0</v>
      </c>
      <c r="ET39" s="268">
        <v>0</v>
      </c>
      <c r="EU39" s="268">
        <v>1</v>
      </c>
      <c r="EV39" s="268">
        <v>0</v>
      </c>
      <c r="EW39" s="268">
        <v>0</v>
      </c>
      <c r="EX39" s="268">
        <v>0</v>
      </c>
      <c r="EY39" s="265">
        <v>1</v>
      </c>
      <c r="EZ39" s="270">
        <v>2</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501">
        <f>第１表!F2</f>
        <v>5</v>
      </c>
      <c r="J1" s="501"/>
      <c r="K1" s="235">
        <f>第１表!G2</f>
        <v>10</v>
      </c>
      <c r="L1" s="505">
        <f>IF(K1&lt;3,K1+12-2,K1-2)</f>
        <v>8</v>
      </c>
      <c r="M1" s="505"/>
    </row>
    <row r="2" spans="2:156" ht="24" customHeight="1" thickBot="1" x14ac:dyDescent="0.25">
      <c r="B2" s="271" t="s">
        <v>153</v>
      </c>
      <c r="G2" s="234"/>
      <c r="H2" s="235"/>
      <c r="J2" s="326"/>
      <c r="K2" s="326"/>
    </row>
    <row r="3" spans="2:156" ht="21" customHeight="1" thickBot="1" x14ac:dyDescent="0.25">
      <c r="B3" s="518"/>
      <c r="C3" s="509" t="s">
        <v>70</v>
      </c>
      <c r="D3" s="510"/>
      <c r="E3" s="510"/>
      <c r="F3" s="510"/>
      <c r="G3" s="510"/>
      <c r="H3" s="510"/>
      <c r="I3" s="510"/>
      <c r="J3" s="510"/>
      <c r="K3" s="510"/>
      <c r="L3" s="510"/>
      <c r="M3" s="511"/>
      <c r="N3" s="509" t="s">
        <v>71</v>
      </c>
      <c r="O3" s="510"/>
      <c r="P3" s="510"/>
      <c r="Q3" s="510"/>
      <c r="R3" s="510"/>
      <c r="S3" s="510"/>
      <c r="T3" s="510"/>
      <c r="U3" s="510"/>
      <c r="V3" s="510"/>
      <c r="W3" s="510"/>
      <c r="X3" s="511"/>
      <c r="Y3" s="509" t="s">
        <v>72</v>
      </c>
      <c r="Z3" s="510"/>
      <c r="AA3" s="510"/>
      <c r="AB3" s="510"/>
      <c r="AC3" s="510"/>
      <c r="AD3" s="510"/>
      <c r="AE3" s="510"/>
      <c r="AF3" s="510"/>
      <c r="AG3" s="510"/>
      <c r="AH3" s="510"/>
      <c r="AI3" s="511"/>
      <c r="AJ3" s="509" t="s">
        <v>73</v>
      </c>
      <c r="AK3" s="510"/>
      <c r="AL3" s="510"/>
      <c r="AM3" s="510"/>
      <c r="AN3" s="510"/>
      <c r="AO3" s="510"/>
      <c r="AP3" s="510"/>
      <c r="AQ3" s="510"/>
      <c r="AR3" s="510"/>
      <c r="AS3" s="510"/>
      <c r="AT3" s="511"/>
      <c r="AU3" s="509" t="s">
        <v>74</v>
      </c>
      <c r="AV3" s="510"/>
      <c r="AW3" s="510"/>
      <c r="AX3" s="510"/>
      <c r="AY3" s="510"/>
      <c r="AZ3" s="510"/>
      <c r="BA3" s="510"/>
      <c r="BB3" s="510"/>
      <c r="BC3" s="510"/>
      <c r="BD3" s="510"/>
      <c r="BE3" s="511"/>
      <c r="BF3" s="509" t="s">
        <v>75</v>
      </c>
      <c r="BG3" s="510"/>
      <c r="BH3" s="510"/>
      <c r="BI3" s="510"/>
      <c r="BJ3" s="510"/>
      <c r="BK3" s="510"/>
      <c r="BL3" s="510"/>
      <c r="BM3" s="510"/>
      <c r="BN3" s="510"/>
      <c r="BO3" s="510"/>
      <c r="BP3" s="511"/>
      <c r="BQ3" s="509" t="s">
        <v>76</v>
      </c>
      <c r="BR3" s="510"/>
      <c r="BS3" s="510"/>
      <c r="BT3" s="510"/>
      <c r="BU3" s="510"/>
      <c r="BV3" s="510"/>
      <c r="BW3" s="510"/>
      <c r="BX3" s="510"/>
      <c r="BY3" s="510"/>
      <c r="BZ3" s="510"/>
      <c r="CA3" s="511"/>
      <c r="CB3" s="509" t="s">
        <v>77</v>
      </c>
      <c r="CC3" s="510"/>
      <c r="CD3" s="510"/>
      <c r="CE3" s="510"/>
      <c r="CF3" s="510"/>
      <c r="CG3" s="510"/>
      <c r="CH3" s="510"/>
      <c r="CI3" s="510"/>
      <c r="CJ3" s="510"/>
      <c r="CK3" s="510"/>
      <c r="CL3" s="511"/>
      <c r="CM3" s="509" t="s">
        <v>78</v>
      </c>
      <c r="CN3" s="510"/>
      <c r="CO3" s="510"/>
      <c r="CP3" s="510"/>
      <c r="CQ3" s="510"/>
      <c r="CR3" s="510"/>
      <c r="CS3" s="510"/>
      <c r="CT3" s="510"/>
      <c r="CU3" s="510"/>
      <c r="CV3" s="510"/>
      <c r="CW3" s="511"/>
      <c r="CX3" s="509" t="s">
        <v>79</v>
      </c>
      <c r="CY3" s="510"/>
      <c r="CZ3" s="510"/>
      <c r="DA3" s="510"/>
      <c r="DB3" s="510"/>
      <c r="DC3" s="510"/>
      <c r="DD3" s="510"/>
      <c r="DE3" s="510"/>
      <c r="DF3" s="510"/>
      <c r="DG3" s="510"/>
      <c r="DH3" s="511"/>
      <c r="DI3" s="509" t="s">
        <v>151</v>
      </c>
      <c r="DJ3" s="510"/>
      <c r="DK3" s="510"/>
      <c r="DL3" s="510"/>
      <c r="DM3" s="510"/>
      <c r="DN3" s="510"/>
      <c r="DO3" s="510"/>
      <c r="DP3" s="510"/>
      <c r="DQ3" s="510"/>
      <c r="DR3" s="510"/>
      <c r="DS3" s="511"/>
      <c r="DT3" s="509" t="s">
        <v>80</v>
      </c>
      <c r="DU3" s="510"/>
      <c r="DV3" s="510"/>
      <c r="DW3" s="510"/>
      <c r="DX3" s="510"/>
      <c r="DY3" s="510"/>
      <c r="DZ3" s="510"/>
      <c r="EA3" s="510"/>
      <c r="EB3" s="510"/>
      <c r="EC3" s="510"/>
      <c r="ED3" s="511"/>
      <c r="EE3" s="509" t="s">
        <v>68</v>
      </c>
      <c r="EF3" s="510"/>
      <c r="EG3" s="510"/>
      <c r="EH3" s="510"/>
      <c r="EI3" s="510"/>
      <c r="EJ3" s="510"/>
      <c r="EK3" s="510"/>
      <c r="EL3" s="510"/>
      <c r="EM3" s="510"/>
      <c r="EN3" s="510"/>
      <c r="EO3" s="511"/>
      <c r="EP3" s="506" t="s">
        <v>69</v>
      </c>
      <c r="EQ3" s="507"/>
      <c r="ER3" s="507"/>
      <c r="ES3" s="507"/>
      <c r="ET3" s="507"/>
      <c r="EU3" s="507"/>
      <c r="EV3" s="507"/>
      <c r="EW3" s="507"/>
      <c r="EX3" s="507"/>
      <c r="EY3" s="507"/>
      <c r="EZ3" s="508"/>
    </row>
    <row r="4" spans="2:156" ht="21" customHeight="1" x14ac:dyDescent="0.2">
      <c r="B4" s="519"/>
      <c r="C4" s="517" t="s">
        <v>61</v>
      </c>
      <c r="D4" s="513"/>
      <c r="E4" s="514"/>
      <c r="F4" s="512" t="s">
        <v>62</v>
      </c>
      <c r="G4" s="513"/>
      <c r="H4" s="513"/>
      <c r="I4" s="513"/>
      <c r="J4" s="513"/>
      <c r="K4" s="513"/>
      <c r="L4" s="521"/>
      <c r="M4" s="515" t="s">
        <v>52</v>
      </c>
      <c r="N4" s="517" t="s">
        <v>61</v>
      </c>
      <c r="O4" s="513"/>
      <c r="P4" s="514"/>
      <c r="Q4" s="512" t="s">
        <v>62</v>
      </c>
      <c r="R4" s="513"/>
      <c r="S4" s="513"/>
      <c r="T4" s="513"/>
      <c r="U4" s="513"/>
      <c r="V4" s="513"/>
      <c r="W4" s="514"/>
      <c r="X4" s="515" t="s">
        <v>52</v>
      </c>
      <c r="Y4" s="517" t="s">
        <v>61</v>
      </c>
      <c r="Z4" s="513"/>
      <c r="AA4" s="514"/>
      <c r="AB4" s="512" t="s">
        <v>62</v>
      </c>
      <c r="AC4" s="513"/>
      <c r="AD4" s="513"/>
      <c r="AE4" s="513"/>
      <c r="AF4" s="513"/>
      <c r="AG4" s="513"/>
      <c r="AH4" s="514"/>
      <c r="AI4" s="515" t="s">
        <v>52</v>
      </c>
      <c r="AJ4" s="517" t="s">
        <v>61</v>
      </c>
      <c r="AK4" s="513"/>
      <c r="AL4" s="514"/>
      <c r="AM4" s="512" t="s">
        <v>62</v>
      </c>
      <c r="AN4" s="513"/>
      <c r="AO4" s="513"/>
      <c r="AP4" s="513"/>
      <c r="AQ4" s="513"/>
      <c r="AR4" s="513"/>
      <c r="AS4" s="514"/>
      <c r="AT4" s="515" t="s">
        <v>52</v>
      </c>
      <c r="AU4" s="517" t="s">
        <v>61</v>
      </c>
      <c r="AV4" s="513"/>
      <c r="AW4" s="514"/>
      <c r="AX4" s="512" t="s">
        <v>62</v>
      </c>
      <c r="AY4" s="513"/>
      <c r="AZ4" s="513"/>
      <c r="BA4" s="513"/>
      <c r="BB4" s="513"/>
      <c r="BC4" s="513"/>
      <c r="BD4" s="521"/>
      <c r="BE4" s="515" t="s">
        <v>52</v>
      </c>
      <c r="BF4" s="517" t="s">
        <v>61</v>
      </c>
      <c r="BG4" s="513"/>
      <c r="BH4" s="514"/>
      <c r="BI4" s="512" t="s">
        <v>62</v>
      </c>
      <c r="BJ4" s="513"/>
      <c r="BK4" s="513"/>
      <c r="BL4" s="513"/>
      <c r="BM4" s="513"/>
      <c r="BN4" s="513"/>
      <c r="BO4" s="514"/>
      <c r="BP4" s="515" t="s">
        <v>52</v>
      </c>
      <c r="BQ4" s="517" t="s">
        <v>61</v>
      </c>
      <c r="BR4" s="513"/>
      <c r="BS4" s="514"/>
      <c r="BT4" s="512" t="s">
        <v>62</v>
      </c>
      <c r="BU4" s="513"/>
      <c r="BV4" s="513"/>
      <c r="BW4" s="513"/>
      <c r="BX4" s="513"/>
      <c r="BY4" s="513"/>
      <c r="BZ4" s="514"/>
      <c r="CA4" s="515" t="s">
        <v>52</v>
      </c>
      <c r="CB4" s="517" t="s">
        <v>61</v>
      </c>
      <c r="CC4" s="513"/>
      <c r="CD4" s="514"/>
      <c r="CE4" s="512" t="s">
        <v>62</v>
      </c>
      <c r="CF4" s="513"/>
      <c r="CG4" s="513"/>
      <c r="CH4" s="513"/>
      <c r="CI4" s="513"/>
      <c r="CJ4" s="513"/>
      <c r="CK4" s="514"/>
      <c r="CL4" s="515" t="s">
        <v>52</v>
      </c>
      <c r="CM4" s="517" t="s">
        <v>61</v>
      </c>
      <c r="CN4" s="513"/>
      <c r="CO4" s="514"/>
      <c r="CP4" s="512" t="s">
        <v>62</v>
      </c>
      <c r="CQ4" s="513"/>
      <c r="CR4" s="513"/>
      <c r="CS4" s="513"/>
      <c r="CT4" s="513"/>
      <c r="CU4" s="513"/>
      <c r="CV4" s="514"/>
      <c r="CW4" s="515" t="s">
        <v>52</v>
      </c>
      <c r="CX4" s="517" t="s">
        <v>61</v>
      </c>
      <c r="CY4" s="513"/>
      <c r="CZ4" s="514"/>
      <c r="DA4" s="512" t="s">
        <v>62</v>
      </c>
      <c r="DB4" s="513"/>
      <c r="DC4" s="513"/>
      <c r="DD4" s="513"/>
      <c r="DE4" s="513"/>
      <c r="DF4" s="513"/>
      <c r="DG4" s="514"/>
      <c r="DH4" s="515" t="s">
        <v>52</v>
      </c>
      <c r="DI4" s="517" t="s">
        <v>61</v>
      </c>
      <c r="DJ4" s="513"/>
      <c r="DK4" s="514"/>
      <c r="DL4" s="512" t="s">
        <v>62</v>
      </c>
      <c r="DM4" s="513"/>
      <c r="DN4" s="513"/>
      <c r="DO4" s="513"/>
      <c r="DP4" s="513"/>
      <c r="DQ4" s="513"/>
      <c r="DR4" s="514"/>
      <c r="DS4" s="515" t="s">
        <v>52</v>
      </c>
      <c r="DT4" s="517" t="s">
        <v>61</v>
      </c>
      <c r="DU4" s="513"/>
      <c r="DV4" s="514"/>
      <c r="DW4" s="512" t="s">
        <v>62</v>
      </c>
      <c r="DX4" s="513"/>
      <c r="DY4" s="513"/>
      <c r="DZ4" s="513"/>
      <c r="EA4" s="513"/>
      <c r="EB4" s="513"/>
      <c r="EC4" s="514"/>
      <c r="ED4" s="515" t="s">
        <v>52</v>
      </c>
      <c r="EE4" s="517" t="s">
        <v>61</v>
      </c>
      <c r="EF4" s="513"/>
      <c r="EG4" s="514"/>
      <c r="EH4" s="512" t="s">
        <v>62</v>
      </c>
      <c r="EI4" s="513"/>
      <c r="EJ4" s="513"/>
      <c r="EK4" s="513"/>
      <c r="EL4" s="513"/>
      <c r="EM4" s="513"/>
      <c r="EN4" s="514"/>
      <c r="EO4" s="515" t="s">
        <v>52</v>
      </c>
      <c r="EP4" s="517" t="s">
        <v>61</v>
      </c>
      <c r="EQ4" s="513"/>
      <c r="ER4" s="514"/>
      <c r="ES4" s="512" t="s">
        <v>62</v>
      </c>
      <c r="ET4" s="513"/>
      <c r="EU4" s="513"/>
      <c r="EV4" s="513"/>
      <c r="EW4" s="513"/>
      <c r="EX4" s="513"/>
      <c r="EY4" s="514"/>
      <c r="EZ4" s="515" t="s">
        <v>52</v>
      </c>
    </row>
    <row r="5" spans="2:156" ht="30" customHeight="1" thickBot="1" x14ac:dyDescent="0.25">
      <c r="B5" s="520"/>
      <c r="C5" s="327" t="s">
        <v>43</v>
      </c>
      <c r="D5" s="243" t="s">
        <v>161</v>
      </c>
      <c r="E5" s="356" t="s">
        <v>45</v>
      </c>
      <c r="F5" s="248" t="s">
        <v>83</v>
      </c>
      <c r="G5" s="243" t="s">
        <v>47</v>
      </c>
      <c r="H5" s="243" t="s">
        <v>48</v>
      </c>
      <c r="I5" s="243" t="s">
        <v>49</v>
      </c>
      <c r="J5" s="243" t="s">
        <v>50</v>
      </c>
      <c r="K5" s="243" t="s">
        <v>51</v>
      </c>
      <c r="L5" s="249" t="s">
        <v>45</v>
      </c>
      <c r="M5" s="516"/>
      <c r="N5" s="327" t="s">
        <v>43</v>
      </c>
      <c r="O5" s="243" t="s">
        <v>44</v>
      </c>
      <c r="P5" s="246" t="s">
        <v>45</v>
      </c>
      <c r="Q5" s="248" t="s">
        <v>83</v>
      </c>
      <c r="R5" s="243" t="s">
        <v>47</v>
      </c>
      <c r="S5" s="243" t="s">
        <v>48</v>
      </c>
      <c r="T5" s="243" t="s">
        <v>49</v>
      </c>
      <c r="U5" s="243" t="s">
        <v>50</v>
      </c>
      <c r="V5" s="243" t="s">
        <v>51</v>
      </c>
      <c r="W5" s="246" t="s">
        <v>45</v>
      </c>
      <c r="X5" s="516"/>
      <c r="Y5" s="327" t="s">
        <v>43</v>
      </c>
      <c r="Z5" s="243" t="s">
        <v>44</v>
      </c>
      <c r="AA5" s="246" t="s">
        <v>45</v>
      </c>
      <c r="AB5" s="248" t="s">
        <v>83</v>
      </c>
      <c r="AC5" s="243" t="s">
        <v>47</v>
      </c>
      <c r="AD5" s="243" t="s">
        <v>48</v>
      </c>
      <c r="AE5" s="243" t="s">
        <v>49</v>
      </c>
      <c r="AF5" s="243" t="s">
        <v>50</v>
      </c>
      <c r="AG5" s="243" t="s">
        <v>51</v>
      </c>
      <c r="AH5" s="246" t="s">
        <v>45</v>
      </c>
      <c r="AI5" s="516"/>
      <c r="AJ5" s="327" t="s">
        <v>43</v>
      </c>
      <c r="AK5" s="243" t="s">
        <v>44</v>
      </c>
      <c r="AL5" s="246" t="s">
        <v>45</v>
      </c>
      <c r="AM5" s="248" t="s">
        <v>83</v>
      </c>
      <c r="AN5" s="243" t="s">
        <v>47</v>
      </c>
      <c r="AO5" s="243" t="s">
        <v>48</v>
      </c>
      <c r="AP5" s="243" t="s">
        <v>49</v>
      </c>
      <c r="AQ5" s="243" t="s">
        <v>50</v>
      </c>
      <c r="AR5" s="243" t="s">
        <v>51</v>
      </c>
      <c r="AS5" s="246" t="s">
        <v>45</v>
      </c>
      <c r="AT5" s="516"/>
      <c r="AU5" s="327" t="s">
        <v>43</v>
      </c>
      <c r="AV5" s="243" t="s">
        <v>44</v>
      </c>
      <c r="AW5" s="246" t="s">
        <v>45</v>
      </c>
      <c r="AX5" s="248" t="s">
        <v>83</v>
      </c>
      <c r="AY5" s="243" t="s">
        <v>47</v>
      </c>
      <c r="AZ5" s="243" t="s">
        <v>48</v>
      </c>
      <c r="BA5" s="243" t="s">
        <v>49</v>
      </c>
      <c r="BB5" s="243" t="s">
        <v>50</v>
      </c>
      <c r="BC5" s="243" t="s">
        <v>51</v>
      </c>
      <c r="BD5" s="249" t="s">
        <v>45</v>
      </c>
      <c r="BE5" s="516"/>
      <c r="BF5" s="327" t="s">
        <v>43</v>
      </c>
      <c r="BG5" s="243" t="s">
        <v>44</v>
      </c>
      <c r="BH5" s="246" t="s">
        <v>45</v>
      </c>
      <c r="BI5" s="248" t="s">
        <v>83</v>
      </c>
      <c r="BJ5" s="243" t="s">
        <v>47</v>
      </c>
      <c r="BK5" s="243" t="s">
        <v>48</v>
      </c>
      <c r="BL5" s="243" t="s">
        <v>49</v>
      </c>
      <c r="BM5" s="243" t="s">
        <v>50</v>
      </c>
      <c r="BN5" s="243" t="s">
        <v>51</v>
      </c>
      <c r="BO5" s="246" t="s">
        <v>45</v>
      </c>
      <c r="BP5" s="516"/>
      <c r="BQ5" s="327" t="s">
        <v>43</v>
      </c>
      <c r="BR5" s="243" t="s">
        <v>44</v>
      </c>
      <c r="BS5" s="246" t="s">
        <v>45</v>
      </c>
      <c r="BT5" s="248" t="s">
        <v>83</v>
      </c>
      <c r="BU5" s="243" t="s">
        <v>47</v>
      </c>
      <c r="BV5" s="243" t="s">
        <v>48</v>
      </c>
      <c r="BW5" s="243" t="s">
        <v>49</v>
      </c>
      <c r="BX5" s="243" t="s">
        <v>50</v>
      </c>
      <c r="BY5" s="243" t="s">
        <v>51</v>
      </c>
      <c r="BZ5" s="246" t="s">
        <v>45</v>
      </c>
      <c r="CA5" s="516"/>
      <c r="CB5" s="327" t="s">
        <v>43</v>
      </c>
      <c r="CC5" s="243" t="s">
        <v>44</v>
      </c>
      <c r="CD5" s="246" t="s">
        <v>45</v>
      </c>
      <c r="CE5" s="248" t="s">
        <v>83</v>
      </c>
      <c r="CF5" s="243" t="s">
        <v>47</v>
      </c>
      <c r="CG5" s="243" t="s">
        <v>48</v>
      </c>
      <c r="CH5" s="243" t="s">
        <v>49</v>
      </c>
      <c r="CI5" s="243" t="s">
        <v>50</v>
      </c>
      <c r="CJ5" s="243" t="s">
        <v>51</v>
      </c>
      <c r="CK5" s="246" t="s">
        <v>45</v>
      </c>
      <c r="CL5" s="516"/>
      <c r="CM5" s="327" t="s">
        <v>43</v>
      </c>
      <c r="CN5" s="243" t="s">
        <v>44</v>
      </c>
      <c r="CO5" s="246" t="s">
        <v>45</v>
      </c>
      <c r="CP5" s="248" t="s">
        <v>83</v>
      </c>
      <c r="CQ5" s="243" t="s">
        <v>47</v>
      </c>
      <c r="CR5" s="243" t="s">
        <v>48</v>
      </c>
      <c r="CS5" s="243" t="s">
        <v>49</v>
      </c>
      <c r="CT5" s="243" t="s">
        <v>50</v>
      </c>
      <c r="CU5" s="243" t="s">
        <v>51</v>
      </c>
      <c r="CV5" s="246" t="s">
        <v>45</v>
      </c>
      <c r="CW5" s="516"/>
      <c r="CX5" s="327" t="s">
        <v>43</v>
      </c>
      <c r="CY5" s="243" t="s">
        <v>44</v>
      </c>
      <c r="CZ5" s="246" t="s">
        <v>45</v>
      </c>
      <c r="DA5" s="248" t="s">
        <v>83</v>
      </c>
      <c r="DB5" s="243" t="s">
        <v>47</v>
      </c>
      <c r="DC5" s="243" t="s">
        <v>48</v>
      </c>
      <c r="DD5" s="243" t="s">
        <v>49</v>
      </c>
      <c r="DE5" s="243" t="s">
        <v>50</v>
      </c>
      <c r="DF5" s="243" t="s">
        <v>51</v>
      </c>
      <c r="DG5" s="246" t="s">
        <v>45</v>
      </c>
      <c r="DH5" s="516"/>
      <c r="DI5" s="327" t="s">
        <v>43</v>
      </c>
      <c r="DJ5" s="243" t="s">
        <v>44</v>
      </c>
      <c r="DK5" s="246" t="s">
        <v>45</v>
      </c>
      <c r="DL5" s="248" t="s">
        <v>83</v>
      </c>
      <c r="DM5" s="243" t="s">
        <v>47</v>
      </c>
      <c r="DN5" s="243" t="s">
        <v>48</v>
      </c>
      <c r="DO5" s="243" t="s">
        <v>49</v>
      </c>
      <c r="DP5" s="243" t="s">
        <v>50</v>
      </c>
      <c r="DQ5" s="243" t="s">
        <v>51</v>
      </c>
      <c r="DR5" s="246" t="s">
        <v>45</v>
      </c>
      <c r="DS5" s="516"/>
      <c r="DT5" s="327" t="s">
        <v>43</v>
      </c>
      <c r="DU5" s="243" t="s">
        <v>44</v>
      </c>
      <c r="DV5" s="246" t="s">
        <v>45</v>
      </c>
      <c r="DW5" s="248" t="s">
        <v>83</v>
      </c>
      <c r="DX5" s="243" t="s">
        <v>47</v>
      </c>
      <c r="DY5" s="243" t="s">
        <v>48</v>
      </c>
      <c r="DZ5" s="243" t="s">
        <v>49</v>
      </c>
      <c r="EA5" s="243" t="s">
        <v>50</v>
      </c>
      <c r="EB5" s="243" t="s">
        <v>51</v>
      </c>
      <c r="EC5" s="246" t="s">
        <v>45</v>
      </c>
      <c r="ED5" s="516"/>
      <c r="EE5" s="327" t="s">
        <v>43</v>
      </c>
      <c r="EF5" s="243" t="s">
        <v>44</v>
      </c>
      <c r="EG5" s="246" t="s">
        <v>45</v>
      </c>
      <c r="EH5" s="248" t="s">
        <v>83</v>
      </c>
      <c r="EI5" s="243" t="s">
        <v>47</v>
      </c>
      <c r="EJ5" s="243" t="s">
        <v>48</v>
      </c>
      <c r="EK5" s="243" t="s">
        <v>49</v>
      </c>
      <c r="EL5" s="243" t="s">
        <v>50</v>
      </c>
      <c r="EM5" s="243" t="s">
        <v>51</v>
      </c>
      <c r="EN5" s="246" t="s">
        <v>45</v>
      </c>
      <c r="EO5" s="516"/>
      <c r="EP5" s="327" t="s">
        <v>43</v>
      </c>
      <c r="EQ5" s="243" t="s">
        <v>44</v>
      </c>
      <c r="ER5" s="246" t="s">
        <v>45</v>
      </c>
      <c r="ES5" s="248" t="s">
        <v>83</v>
      </c>
      <c r="ET5" s="243" t="s">
        <v>47</v>
      </c>
      <c r="EU5" s="243" t="s">
        <v>48</v>
      </c>
      <c r="EV5" s="243" t="s">
        <v>49</v>
      </c>
      <c r="EW5" s="243" t="s">
        <v>50</v>
      </c>
      <c r="EX5" s="243" t="s">
        <v>51</v>
      </c>
      <c r="EY5" s="246" t="s">
        <v>45</v>
      </c>
      <c r="EZ5" s="516"/>
    </row>
    <row r="6" spans="2:156" ht="21" customHeight="1" x14ac:dyDescent="0.2">
      <c r="B6" s="470" t="s">
        <v>4</v>
      </c>
      <c r="C6" s="250">
        <v>0</v>
      </c>
      <c r="D6" s="254">
        <v>0</v>
      </c>
      <c r="E6" s="357">
        <v>0</v>
      </c>
      <c r="F6" s="253">
        <v>0</v>
      </c>
      <c r="G6" s="254">
        <v>1140</v>
      </c>
      <c r="H6" s="254">
        <v>1210</v>
      </c>
      <c r="I6" s="254">
        <v>644</v>
      </c>
      <c r="J6" s="254">
        <v>577</v>
      </c>
      <c r="K6" s="254">
        <v>417</v>
      </c>
      <c r="L6" s="255">
        <v>3988</v>
      </c>
      <c r="M6" s="256">
        <v>3988</v>
      </c>
      <c r="N6" s="250">
        <v>0</v>
      </c>
      <c r="O6" s="254">
        <v>2</v>
      </c>
      <c r="P6" s="251">
        <v>2</v>
      </c>
      <c r="Q6" s="253">
        <v>0</v>
      </c>
      <c r="R6" s="254">
        <v>12</v>
      </c>
      <c r="S6" s="254">
        <v>41</v>
      </c>
      <c r="T6" s="254">
        <v>46</v>
      </c>
      <c r="U6" s="254">
        <v>133</v>
      </c>
      <c r="V6" s="254">
        <v>208</v>
      </c>
      <c r="W6" s="251">
        <v>440</v>
      </c>
      <c r="X6" s="256">
        <v>442</v>
      </c>
      <c r="Y6" s="250">
        <v>216</v>
      </c>
      <c r="Z6" s="254">
        <v>440</v>
      </c>
      <c r="AA6" s="251">
        <v>656</v>
      </c>
      <c r="AB6" s="253">
        <v>0</v>
      </c>
      <c r="AC6" s="254">
        <v>892</v>
      </c>
      <c r="AD6" s="254">
        <v>1208</v>
      </c>
      <c r="AE6" s="254">
        <v>714</v>
      </c>
      <c r="AF6" s="254">
        <v>602</v>
      </c>
      <c r="AG6" s="254">
        <v>394</v>
      </c>
      <c r="AH6" s="251">
        <v>3810</v>
      </c>
      <c r="AI6" s="256">
        <v>4466</v>
      </c>
      <c r="AJ6" s="250">
        <v>21</v>
      </c>
      <c r="AK6" s="254">
        <v>59</v>
      </c>
      <c r="AL6" s="251">
        <v>80</v>
      </c>
      <c r="AM6" s="253">
        <v>0</v>
      </c>
      <c r="AN6" s="254">
        <v>96</v>
      </c>
      <c r="AO6" s="254">
        <v>146</v>
      </c>
      <c r="AP6" s="254">
        <v>81</v>
      </c>
      <c r="AQ6" s="254">
        <v>80</v>
      </c>
      <c r="AR6" s="254">
        <v>44</v>
      </c>
      <c r="AS6" s="251">
        <v>447</v>
      </c>
      <c r="AT6" s="256">
        <v>527</v>
      </c>
      <c r="AU6" s="250">
        <v>288</v>
      </c>
      <c r="AV6" s="254">
        <v>339</v>
      </c>
      <c r="AW6" s="251">
        <v>627</v>
      </c>
      <c r="AX6" s="253">
        <v>0</v>
      </c>
      <c r="AY6" s="254">
        <v>1202</v>
      </c>
      <c r="AZ6" s="254">
        <v>1525</v>
      </c>
      <c r="BA6" s="254">
        <v>1346</v>
      </c>
      <c r="BB6" s="254">
        <v>1452</v>
      </c>
      <c r="BC6" s="254">
        <v>1004</v>
      </c>
      <c r="BD6" s="255">
        <v>6529</v>
      </c>
      <c r="BE6" s="256">
        <v>7156</v>
      </c>
      <c r="BF6" s="250">
        <v>0</v>
      </c>
      <c r="BG6" s="254">
        <v>0</v>
      </c>
      <c r="BH6" s="251">
        <v>0</v>
      </c>
      <c r="BI6" s="253">
        <v>0</v>
      </c>
      <c r="BJ6" s="254">
        <v>1320</v>
      </c>
      <c r="BK6" s="254">
        <v>1159</v>
      </c>
      <c r="BL6" s="254">
        <v>586</v>
      </c>
      <c r="BM6" s="254">
        <v>312</v>
      </c>
      <c r="BN6" s="254">
        <v>151</v>
      </c>
      <c r="BO6" s="251">
        <v>3528</v>
      </c>
      <c r="BP6" s="256">
        <v>3528</v>
      </c>
      <c r="BQ6" s="250">
        <v>120</v>
      </c>
      <c r="BR6" s="254">
        <v>177</v>
      </c>
      <c r="BS6" s="251">
        <v>297</v>
      </c>
      <c r="BT6" s="253">
        <v>0</v>
      </c>
      <c r="BU6" s="254">
        <v>333</v>
      </c>
      <c r="BV6" s="254">
        <v>485</v>
      </c>
      <c r="BW6" s="254">
        <v>255</v>
      </c>
      <c r="BX6" s="254">
        <v>181</v>
      </c>
      <c r="BY6" s="254">
        <v>75</v>
      </c>
      <c r="BZ6" s="251">
        <v>1329</v>
      </c>
      <c r="CA6" s="256">
        <v>1626</v>
      </c>
      <c r="CB6" s="250">
        <v>2</v>
      </c>
      <c r="CC6" s="254">
        <v>22</v>
      </c>
      <c r="CD6" s="251">
        <v>24</v>
      </c>
      <c r="CE6" s="253">
        <v>0</v>
      </c>
      <c r="CF6" s="254">
        <v>151</v>
      </c>
      <c r="CG6" s="254">
        <v>234</v>
      </c>
      <c r="CH6" s="254">
        <v>265</v>
      </c>
      <c r="CI6" s="254">
        <v>192</v>
      </c>
      <c r="CJ6" s="254">
        <v>96</v>
      </c>
      <c r="CK6" s="251">
        <v>938</v>
      </c>
      <c r="CL6" s="256">
        <v>962</v>
      </c>
      <c r="CM6" s="250">
        <v>1</v>
      </c>
      <c r="CN6" s="254">
        <v>3</v>
      </c>
      <c r="CO6" s="251">
        <v>4</v>
      </c>
      <c r="CP6" s="253">
        <v>0</v>
      </c>
      <c r="CQ6" s="254">
        <v>29</v>
      </c>
      <c r="CR6" s="254">
        <v>56</v>
      </c>
      <c r="CS6" s="254">
        <v>43</v>
      </c>
      <c r="CT6" s="254">
        <v>41</v>
      </c>
      <c r="CU6" s="254">
        <v>27</v>
      </c>
      <c r="CV6" s="251">
        <v>196</v>
      </c>
      <c r="CW6" s="256">
        <v>200</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598</v>
      </c>
      <c r="DU6" s="254">
        <v>1241</v>
      </c>
      <c r="DV6" s="251">
        <v>1839</v>
      </c>
      <c r="DW6" s="253">
        <v>0</v>
      </c>
      <c r="DX6" s="254">
        <v>1563</v>
      </c>
      <c r="DY6" s="254">
        <v>2657</v>
      </c>
      <c r="DZ6" s="254">
        <v>1519</v>
      </c>
      <c r="EA6" s="254">
        <v>1188</v>
      </c>
      <c r="EB6" s="254">
        <v>720</v>
      </c>
      <c r="EC6" s="251">
        <v>7647</v>
      </c>
      <c r="ED6" s="256">
        <v>9486</v>
      </c>
      <c r="EE6" s="250">
        <v>202</v>
      </c>
      <c r="EF6" s="254">
        <v>158</v>
      </c>
      <c r="EG6" s="251">
        <v>360</v>
      </c>
      <c r="EH6" s="253">
        <v>0</v>
      </c>
      <c r="EI6" s="254">
        <v>610</v>
      </c>
      <c r="EJ6" s="254">
        <v>624</v>
      </c>
      <c r="EK6" s="254">
        <v>571</v>
      </c>
      <c r="EL6" s="254">
        <v>645</v>
      </c>
      <c r="EM6" s="254">
        <v>381</v>
      </c>
      <c r="EN6" s="251">
        <v>2831</v>
      </c>
      <c r="EO6" s="256">
        <v>3191</v>
      </c>
      <c r="EP6" s="250">
        <v>894</v>
      </c>
      <c r="EQ6" s="254">
        <v>1670</v>
      </c>
      <c r="ER6" s="251">
        <v>2564</v>
      </c>
      <c r="ES6" s="253">
        <v>0</v>
      </c>
      <c r="ET6" s="254">
        <v>3759</v>
      </c>
      <c r="EU6" s="254">
        <v>3869</v>
      </c>
      <c r="EV6" s="254">
        <v>1919</v>
      </c>
      <c r="EW6" s="254">
        <v>1347</v>
      </c>
      <c r="EX6" s="254">
        <v>786</v>
      </c>
      <c r="EY6" s="251">
        <v>11680</v>
      </c>
      <c r="EZ6" s="256">
        <v>14244</v>
      </c>
    </row>
    <row r="7" spans="2:156" ht="21" customHeight="1" x14ac:dyDescent="0.2">
      <c r="B7" s="471" t="s">
        <v>5</v>
      </c>
      <c r="C7" s="257">
        <v>0</v>
      </c>
      <c r="D7" s="261">
        <v>0</v>
      </c>
      <c r="E7" s="358">
        <v>0</v>
      </c>
      <c r="F7" s="260">
        <v>0</v>
      </c>
      <c r="G7" s="261">
        <v>456</v>
      </c>
      <c r="H7" s="261">
        <v>634</v>
      </c>
      <c r="I7" s="261">
        <v>297</v>
      </c>
      <c r="J7" s="261">
        <v>255</v>
      </c>
      <c r="K7" s="261">
        <v>182</v>
      </c>
      <c r="L7" s="262">
        <v>1824</v>
      </c>
      <c r="M7" s="263">
        <v>1824</v>
      </c>
      <c r="N7" s="257">
        <v>0</v>
      </c>
      <c r="O7" s="261">
        <v>2</v>
      </c>
      <c r="P7" s="258">
        <v>2</v>
      </c>
      <c r="Q7" s="260">
        <v>0</v>
      </c>
      <c r="R7" s="261">
        <v>4</v>
      </c>
      <c r="S7" s="261">
        <v>14</v>
      </c>
      <c r="T7" s="261">
        <v>22</v>
      </c>
      <c r="U7" s="261">
        <v>51</v>
      </c>
      <c r="V7" s="261">
        <v>100</v>
      </c>
      <c r="W7" s="258">
        <v>191</v>
      </c>
      <c r="X7" s="263">
        <v>193</v>
      </c>
      <c r="Y7" s="257">
        <v>107</v>
      </c>
      <c r="Z7" s="261">
        <v>225</v>
      </c>
      <c r="AA7" s="258">
        <v>332</v>
      </c>
      <c r="AB7" s="260">
        <v>0</v>
      </c>
      <c r="AC7" s="261">
        <v>323</v>
      </c>
      <c r="AD7" s="261">
        <v>653</v>
      </c>
      <c r="AE7" s="261">
        <v>340</v>
      </c>
      <c r="AF7" s="261">
        <v>269</v>
      </c>
      <c r="AG7" s="261">
        <v>182</v>
      </c>
      <c r="AH7" s="258">
        <v>1767</v>
      </c>
      <c r="AI7" s="263">
        <v>2099</v>
      </c>
      <c r="AJ7" s="257">
        <v>9</v>
      </c>
      <c r="AK7" s="261">
        <v>35</v>
      </c>
      <c r="AL7" s="258">
        <v>44</v>
      </c>
      <c r="AM7" s="260">
        <v>0</v>
      </c>
      <c r="AN7" s="261">
        <v>37</v>
      </c>
      <c r="AO7" s="261">
        <v>69</v>
      </c>
      <c r="AP7" s="261">
        <v>30</v>
      </c>
      <c r="AQ7" s="261">
        <v>40</v>
      </c>
      <c r="AR7" s="261">
        <v>16</v>
      </c>
      <c r="AS7" s="258">
        <v>192</v>
      </c>
      <c r="AT7" s="263">
        <v>236</v>
      </c>
      <c r="AU7" s="257">
        <v>124</v>
      </c>
      <c r="AV7" s="261">
        <v>175</v>
      </c>
      <c r="AW7" s="258">
        <v>299</v>
      </c>
      <c r="AX7" s="260">
        <v>0</v>
      </c>
      <c r="AY7" s="261">
        <v>472</v>
      </c>
      <c r="AZ7" s="261">
        <v>750</v>
      </c>
      <c r="BA7" s="261">
        <v>591</v>
      </c>
      <c r="BB7" s="261">
        <v>649</v>
      </c>
      <c r="BC7" s="261">
        <v>432</v>
      </c>
      <c r="BD7" s="262">
        <v>2894</v>
      </c>
      <c r="BE7" s="263">
        <v>3193</v>
      </c>
      <c r="BF7" s="257">
        <v>0</v>
      </c>
      <c r="BG7" s="261">
        <v>0</v>
      </c>
      <c r="BH7" s="258">
        <v>0</v>
      </c>
      <c r="BI7" s="260">
        <v>0</v>
      </c>
      <c r="BJ7" s="261">
        <v>425</v>
      </c>
      <c r="BK7" s="261">
        <v>510</v>
      </c>
      <c r="BL7" s="261">
        <v>222</v>
      </c>
      <c r="BM7" s="261">
        <v>111</v>
      </c>
      <c r="BN7" s="261">
        <v>64</v>
      </c>
      <c r="BO7" s="258">
        <v>1332</v>
      </c>
      <c r="BP7" s="263">
        <v>1332</v>
      </c>
      <c r="BQ7" s="257">
        <v>58</v>
      </c>
      <c r="BR7" s="261">
        <v>96</v>
      </c>
      <c r="BS7" s="258">
        <v>154</v>
      </c>
      <c r="BT7" s="260">
        <v>0</v>
      </c>
      <c r="BU7" s="261">
        <v>119</v>
      </c>
      <c r="BV7" s="261">
        <v>238</v>
      </c>
      <c r="BW7" s="261">
        <v>115</v>
      </c>
      <c r="BX7" s="261">
        <v>76</v>
      </c>
      <c r="BY7" s="261">
        <v>35</v>
      </c>
      <c r="BZ7" s="258">
        <v>583</v>
      </c>
      <c r="CA7" s="263">
        <v>737</v>
      </c>
      <c r="CB7" s="257">
        <v>1</v>
      </c>
      <c r="CC7" s="261">
        <v>9</v>
      </c>
      <c r="CD7" s="258">
        <v>10</v>
      </c>
      <c r="CE7" s="260">
        <v>0</v>
      </c>
      <c r="CF7" s="261">
        <v>42</v>
      </c>
      <c r="CG7" s="261">
        <v>96</v>
      </c>
      <c r="CH7" s="261">
        <v>106</v>
      </c>
      <c r="CI7" s="261">
        <v>55</v>
      </c>
      <c r="CJ7" s="261">
        <v>39</v>
      </c>
      <c r="CK7" s="258">
        <v>338</v>
      </c>
      <c r="CL7" s="263">
        <v>348</v>
      </c>
      <c r="CM7" s="257">
        <v>1</v>
      </c>
      <c r="CN7" s="261">
        <v>3</v>
      </c>
      <c r="CO7" s="258">
        <v>4</v>
      </c>
      <c r="CP7" s="260">
        <v>0</v>
      </c>
      <c r="CQ7" s="261">
        <v>13</v>
      </c>
      <c r="CR7" s="261">
        <v>35</v>
      </c>
      <c r="CS7" s="261">
        <v>26</v>
      </c>
      <c r="CT7" s="261">
        <v>24</v>
      </c>
      <c r="CU7" s="261">
        <v>16</v>
      </c>
      <c r="CV7" s="258">
        <v>114</v>
      </c>
      <c r="CW7" s="263">
        <v>118</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30</v>
      </c>
      <c r="DU7" s="261">
        <v>570</v>
      </c>
      <c r="DV7" s="258">
        <v>800</v>
      </c>
      <c r="DW7" s="260">
        <v>0</v>
      </c>
      <c r="DX7" s="261">
        <v>472</v>
      </c>
      <c r="DY7" s="261">
        <v>1259</v>
      </c>
      <c r="DZ7" s="261">
        <v>646</v>
      </c>
      <c r="EA7" s="261">
        <v>515</v>
      </c>
      <c r="EB7" s="261">
        <v>310</v>
      </c>
      <c r="EC7" s="258">
        <v>3202</v>
      </c>
      <c r="ED7" s="263">
        <v>4002</v>
      </c>
      <c r="EE7" s="257">
        <v>91</v>
      </c>
      <c r="EF7" s="261">
        <v>80</v>
      </c>
      <c r="EG7" s="258">
        <v>171</v>
      </c>
      <c r="EH7" s="260">
        <v>0</v>
      </c>
      <c r="EI7" s="261">
        <v>260</v>
      </c>
      <c r="EJ7" s="261">
        <v>323</v>
      </c>
      <c r="EK7" s="261">
        <v>265</v>
      </c>
      <c r="EL7" s="261">
        <v>290</v>
      </c>
      <c r="EM7" s="261">
        <v>160</v>
      </c>
      <c r="EN7" s="258">
        <v>1298</v>
      </c>
      <c r="EO7" s="263">
        <v>1469</v>
      </c>
      <c r="EP7" s="257">
        <v>365</v>
      </c>
      <c r="EQ7" s="261">
        <v>805</v>
      </c>
      <c r="ER7" s="258">
        <v>1170</v>
      </c>
      <c r="ES7" s="260">
        <v>0</v>
      </c>
      <c r="ET7" s="261">
        <v>1328</v>
      </c>
      <c r="EU7" s="261">
        <v>1875</v>
      </c>
      <c r="EV7" s="261">
        <v>832</v>
      </c>
      <c r="EW7" s="261">
        <v>583</v>
      </c>
      <c r="EX7" s="261">
        <v>352</v>
      </c>
      <c r="EY7" s="258">
        <v>4970</v>
      </c>
      <c r="EZ7" s="263">
        <v>6140</v>
      </c>
    </row>
    <row r="8" spans="2:156" ht="21" customHeight="1" x14ac:dyDescent="0.2">
      <c r="B8" s="472" t="s">
        <v>6</v>
      </c>
      <c r="C8" s="257">
        <v>0</v>
      </c>
      <c r="D8" s="261">
        <v>0</v>
      </c>
      <c r="E8" s="358">
        <v>0</v>
      </c>
      <c r="F8" s="260">
        <v>0</v>
      </c>
      <c r="G8" s="261">
        <v>206</v>
      </c>
      <c r="H8" s="261">
        <v>176</v>
      </c>
      <c r="I8" s="261">
        <v>101</v>
      </c>
      <c r="J8" s="261">
        <v>100</v>
      </c>
      <c r="K8" s="261">
        <v>71</v>
      </c>
      <c r="L8" s="262">
        <v>654</v>
      </c>
      <c r="M8" s="263">
        <v>654</v>
      </c>
      <c r="N8" s="257">
        <v>0</v>
      </c>
      <c r="O8" s="261">
        <v>0</v>
      </c>
      <c r="P8" s="258">
        <v>0</v>
      </c>
      <c r="Q8" s="260">
        <v>0</v>
      </c>
      <c r="R8" s="261">
        <v>3</v>
      </c>
      <c r="S8" s="261">
        <v>10</v>
      </c>
      <c r="T8" s="261">
        <v>12</v>
      </c>
      <c r="U8" s="261">
        <v>23</v>
      </c>
      <c r="V8" s="261">
        <v>23</v>
      </c>
      <c r="W8" s="258">
        <v>71</v>
      </c>
      <c r="X8" s="263">
        <v>71</v>
      </c>
      <c r="Y8" s="257">
        <v>33</v>
      </c>
      <c r="Z8" s="261">
        <v>82</v>
      </c>
      <c r="AA8" s="258">
        <v>115</v>
      </c>
      <c r="AB8" s="260">
        <v>0</v>
      </c>
      <c r="AC8" s="261">
        <v>204</v>
      </c>
      <c r="AD8" s="261">
        <v>179</v>
      </c>
      <c r="AE8" s="261">
        <v>140</v>
      </c>
      <c r="AF8" s="261">
        <v>107</v>
      </c>
      <c r="AG8" s="261">
        <v>59</v>
      </c>
      <c r="AH8" s="258">
        <v>689</v>
      </c>
      <c r="AI8" s="263">
        <v>804</v>
      </c>
      <c r="AJ8" s="257">
        <v>4</v>
      </c>
      <c r="AK8" s="261">
        <v>3</v>
      </c>
      <c r="AL8" s="258">
        <v>7</v>
      </c>
      <c r="AM8" s="260">
        <v>0</v>
      </c>
      <c r="AN8" s="261">
        <v>14</v>
      </c>
      <c r="AO8" s="261">
        <v>17</v>
      </c>
      <c r="AP8" s="261">
        <v>15</v>
      </c>
      <c r="AQ8" s="261">
        <v>11</v>
      </c>
      <c r="AR8" s="261">
        <v>6</v>
      </c>
      <c r="AS8" s="258">
        <v>63</v>
      </c>
      <c r="AT8" s="263">
        <v>70</v>
      </c>
      <c r="AU8" s="257">
        <v>48</v>
      </c>
      <c r="AV8" s="261">
        <v>52</v>
      </c>
      <c r="AW8" s="258">
        <v>100</v>
      </c>
      <c r="AX8" s="260">
        <v>0</v>
      </c>
      <c r="AY8" s="261">
        <v>239</v>
      </c>
      <c r="AZ8" s="261">
        <v>267</v>
      </c>
      <c r="BA8" s="261">
        <v>240</v>
      </c>
      <c r="BB8" s="261">
        <v>270</v>
      </c>
      <c r="BC8" s="261">
        <v>179</v>
      </c>
      <c r="BD8" s="262">
        <v>1195</v>
      </c>
      <c r="BE8" s="263">
        <v>1295</v>
      </c>
      <c r="BF8" s="257">
        <v>0</v>
      </c>
      <c r="BG8" s="261">
        <v>0</v>
      </c>
      <c r="BH8" s="258">
        <v>0</v>
      </c>
      <c r="BI8" s="260">
        <v>0</v>
      </c>
      <c r="BJ8" s="261">
        <v>260</v>
      </c>
      <c r="BK8" s="261">
        <v>175</v>
      </c>
      <c r="BL8" s="261">
        <v>103</v>
      </c>
      <c r="BM8" s="261">
        <v>54</v>
      </c>
      <c r="BN8" s="261">
        <v>25</v>
      </c>
      <c r="BO8" s="258">
        <v>617</v>
      </c>
      <c r="BP8" s="263">
        <v>617</v>
      </c>
      <c r="BQ8" s="257">
        <v>11</v>
      </c>
      <c r="BR8" s="261">
        <v>17</v>
      </c>
      <c r="BS8" s="258">
        <v>28</v>
      </c>
      <c r="BT8" s="260">
        <v>0</v>
      </c>
      <c r="BU8" s="261">
        <v>54</v>
      </c>
      <c r="BV8" s="261">
        <v>59</v>
      </c>
      <c r="BW8" s="261">
        <v>32</v>
      </c>
      <c r="BX8" s="261">
        <v>33</v>
      </c>
      <c r="BY8" s="261">
        <v>12</v>
      </c>
      <c r="BZ8" s="258">
        <v>190</v>
      </c>
      <c r="CA8" s="263">
        <v>218</v>
      </c>
      <c r="CB8" s="257">
        <v>1</v>
      </c>
      <c r="CC8" s="261">
        <v>1</v>
      </c>
      <c r="CD8" s="258">
        <v>2</v>
      </c>
      <c r="CE8" s="260">
        <v>0</v>
      </c>
      <c r="CF8" s="261">
        <v>26</v>
      </c>
      <c r="CG8" s="261">
        <v>33</v>
      </c>
      <c r="CH8" s="261">
        <v>44</v>
      </c>
      <c r="CI8" s="261">
        <v>34</v>
      </c>
      <c r="CJ8" s="261">
        <v>9</v>
      </c>
      <c r="CK8" s="258">
        <v>146</v>
      </c>
      <c r="CL8" s="263">
        <v>148</v>
      </c>
      <c r="CM8" s="257">
        <v>0</v>
      </c>
      <c r="CN8" s="261">
        <v>0</v>
      </c>
      <c r="CO8" s="258">
        <v>0</v>
      </c>
      <c r="CP8" s="260">
        <v>0</v>
      </c>
      <c r="CQ8" s="261">
        <v>4</v>
      </c>
      <c r="CR8" s="261">
        <v>10</v>
      </c>
      <c r="CS8" s="261">
        <v>7</v>
      </c>
      <c r="CT8" s="261">
        <v>8</v>
      </c>
      <c r="CU8" s="261">
        <v>5</v>
      </c>
      <c r="CV8" s="258">
        <v>34</v>
      </c>
      <c r="CW8" s="263">
        <v>34</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17</v>
      </c>
      <c r="DU8" s="261">
        <v>186</v>
      </c>
      <c r="DV8" s="258">
        <v>303</v>
      </c>
      <c r="DW8" s="260">
        <v>0</v>
      </c>
      <c r="DX8" s="261">
        <v>319</v>
      </c>
      <c r="DY8" s="261">
        <v>397</v>
      </c>
      <c r="DZ8" s="261">
        <v>263</v>
      </c>
      <c r="EA8" s="261">
        <v>201</v>
      </c>
      <c r="EB8" s="261">
        <v>118</v>
      </c>
      <c r="EC8" s="258">
        <v>1298</v>
      </c>
      <c r="ED8" s="263">
        <v>1601</v>
      </c>
      <c r="EE8" s="257">
        <v>33</v>
      </c>
      <c r="EF8" s="261">
        <v>18</v>
      </c>
      <c r="EG8" s="258">
        <v>51</v>
      </c>
      <c r="EH8" s="260">
        <v>0</v>
      </c>
      <c r="EI8" s="261">
        <v>115</v>
      </c>
      <c r="EJ8" s="261">
        <v>95</v>
      </c>
      <c r="EK8" s="261">
        <v>89</v>
      </c>
      <c r="EL8" s="261">
        <v>115</v>
      </c>
      <c r="EM8" s="261">
        <v>68</v>
      </c>
      <c r="EN8" s="258">
        <v>482</v>
      </c>
      <c r="EO8" s="263">
        <v>533</v>
      </c>
      <c r="EP8" s="257">
        <v>155</v>
      </c>
      <c r="EQ8" s="261">
        <v>244</v>
      </c>
      <c r="ER8" s="258">
        <v>399</v>
      </c>
      <c r="ES8" s="260">
        <v>0</v>
      </c>
      <c r="ET8" s="261">
        <v>723</v>
      </c>
      <c r="EU8" s="261">
        <v>559</v>
      </c>
      <c r="EV8" s="261">
        <v>326</v>
      </c>
      <c r="EW8" s="261">
        <v>225</v>
      </c>
      <c r="EX8" s="261">
        <v>128</v>
      </c>
      <c r="EY8" s="258">
        <v>1961</v>
      </c>
      <c r="EZ8" s="263">
        <v>2360</v>
      </c>
    </row>
    <row r="9" spans="2:156" ht="21" customHeight="1" x14ac:dyDescent="0.2">
      <c r="B9" s="472" t="s">
        <v>14</v>
      </c>
      <c r="C9" s="257">
        <v>0</v>
      </c>
      <c r="D9" s="261">
        <v>0</v>
      </c>
      <c r="E9" s="358">
        <v>0</v>
      </c>
      <c r="F9" s="260">
        <v>0</v>
      </c>
      <c r="G9" s="261">
        <v>50</v>
      </c>
      <c r="H9" s="261">
        <v>68</v>
      </c>
      <c r="I9" s="261">
        <v>41</v>
      </c>
      <c r="J9" s="261">
        <v>39</v>
      </c>
      <c r="K9" s="261">
        <v>27</v>
      </c>
      <c r="L9" s="262">
        <v>225</v>
      </c>
      <c r="M9" s="263">
        <v>225</v>
      </c>
      <c r="N9" s="257">
        <v>0</v>
      </c>
      <c r="O9" s="261">
        <v>0</v>
      </c>
      <c r="P9" s="258">
        <v>0</v>
      </c>
      <c r="Q9" s="260">
        <v>0</v>
      </c>
      <c r="R9" s="261">
        <v>0</v>
      </c>
      <c r="S9" s="261">
        <v>5</v>
      </c>
      <c r="T9" s="261">
        <v>1</v>
      </c>
      <c r="U9" s="261">
        <v>16</v>
      </c>
      <c r="V9" s="261">
        <v>13</v>
      </c>
      <c r="W9" s="258">
        <v>35</v>
      </c>
      <c r="X9" s="263">
        <v>35</v>
      </c>
      <c r="Y9" s="257">
        <v>2</v>
      </c>
      <c r="Z9" s="261">
        <v>21</v>
      </c>
      <c r="AA9" s="258">
        <v>23</v>
      </c>
      <c r="AB9" s="260">
        <v>0</v>
      </c>
      <c r="AC9" s="261">
        <v>32</v>
      </c>
      <c r="AD9" s="261">
        <v>68</v>
      </c>
      <c r="AE9" s="261">
        <v>37</v>
      </c>
      <c r="AF9" s="261">
        <v>38</v>
      </c>
      <c r="AG9" s="261">
        <v>30</v>
      </c>
      <c r="AH9" s="258">
        <v>205</v>
      </c>
      <c r="AI9" s="263">
        <v>228</v>
      </c>
      <c r="AJ9" s="257">
        <v>0</v>
      </c>
      <c r="AK9" s="261">
        <v>4</v>
      </c>
      <c r="AL9" s="258">
        <v>4</v>
      </c>
      <c r="AM9" s="260">
        <v>0</v>
      </c>
      <c r="AN9" s="261">
        <v>4</v>
      </c>
      <c r="AO9" s="261">
        <v>4</v>
      </c>
      <c r="AP9" s="261">
        <v>3</v>
      </c>
      <c r="AQ9" s="261">
        <v>0</v>
      </c>
      <c r="AR9" s="261">
        <v>1</v>
      </c>
      <c r="AS9" s="258">
        <v>12</v>
      </c>
      <c r="AT9" s="263">
        <v>16</v>
      </c>
      <c r="AU9" s="257">
        <v>13</v>
      </c>
      <c r="AV9" s="261">
        <v>19</v>
      </c>
      <c r="AW9" s="258">
        <v>32</v>
      </c>
      <c r="AX9" s="260">
        <v>0</v>
      </c>
      <c r="AY9" s="261">
        <v>65</v>
      </c>
      <c r="AZ9" s="261">
        <v>85</v>
      </c>
      <c r="BA9" s="261">
        <v>80</v>
      </c>
      <c r="BB9" s="261">
        <v>87</v>
      </c>
      <c r="BC9" s="261">
        <v>61</v>
      </c>
      <c r="BD9" s="262">
        <v>378</v>
      </c>
      <c r="BE9" s="263">
        <v>410</v>
      </c>
      <c r="BF9" s="257">
        <v>0</v>
      </c>
      <c r="BG9" s="261">
        <v>0</v>
      </c>
      <c r="BH9" s="258">
        <v>0</v>
      </c>
      <c r="BI9" s="260">
        <v>0</v>
      </c>
      <c r="BJ9" s="261">
        <v>93</v>
      </c>
      <c r="BK9" s="261">
        <v>88</v>
      </c>
      <c r="BL9" s="261">
        <v>62</v>
      </c>
      <c r="BM9" s="261">
        <v>17</v>
      </c>
      <c r="BN9" s="261">
        <v>11</v>
      </c>
      <c r="BO9" s="258">
        <v>271</v>
      </c>
      <c r="BP9" s="263">
        <v>271</v>
      </c>
      <c r="BQ9" s="257">
        <v>5</v>
      </c>
      <c r="BR9" s="261">
        <v>7</v>
      </c>
      <c r="BS9" s="258">
        <v>12</v>
      </c>
      <c r="BT9" s="260">
        <v>0</v>
      </c>
      <c r="BU9" s="261">
        <v>10</v>
      </c>
      <c r="BV9" s="261">
        <v>23</v>
      </c>
      <c r="BW9" s="261">
        <v>12</v>
      </c>
      <c r="BX9" s="261">
        <v>8</v>
      </c>
      <c r="BY9" s="261">
        <v>0</v>
      </c>
      <c r="BZ9" s="258">
        <v>53</v>
      </c>
      <c r="CA9" s="263">
        <v>65</v>
      </c>
      <c r="CB9" s="257">
        <v>0</v>
      </c>
      <c r="CC9" s="261">
        <v>1</v>
      </c>
      <c r="CD9" s="258">
        <v>1</v>
      </c>
      <c r="CE9" s="260">
        <v>0</v>
      </c>
      <c r="CF9" s="261">
        <v>9</v>
      </c>
      <c r="CG9" s="261">
        <v>22</v>
      </c>
      <c r="CH9" s="261">
        <v>17</v>
      </c>
      <c r="CI9" s="261">
        <v>15</v>
      </c>
      <c r="CJ9" s="261">
        <v>12</v>
      </c>
      <c r="CK9" s="258">
        <v>75</v>
      </c>
      <c r="CL9" s="263">
        <v>76</v>
      </c>
      <c r="CM9" s="257">
        <v>0</v>
      </c>
      <c r="CN9" s="261">
        <v>0</v>
      </c>
      <c r="CO9" s="258">
        <v>0</v>
      </c>
      <c r="CP9" s="260">
        <v>0</v>
      </c>
      <c r="CQ9" s="261">
        <v>1</v>
      </c>
      <c r="CR9" s="261">
        <v>0</v>
      </c>
      <c r="CS9" s="261">
        <v>1</v>
      </c>
      <c r="CT9" s="261">
        <v>1</v>
      </c>
      <c r="CU9" s="261">
        <v>0</v>
      </c>
      <c r="CV9" s="258">
        <v>3</v>
      </c>
      <c r="CW9" s="263">
        <v>3</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29</v>
      </c>
      <c r="DU9" s="261">
        <v>76</v>
      </c>
      <c r="DV9" s="258">
        <v>105</v>
      </c>
      <c r="DW9" s="260">
        <v>0</v>
      </c>
      <c r="DX9" s="261">
        <v>73</v>
      </c>
      <c r="DY9" s="261">
        <v>187</v>
      </c>
      <c r="DZ9" s="261">
        <v>114</v>
      </c>
      <c r="EA9" s="261">
        <v>70</v>
      </c>
      <c r="EB9" s="261">
        <v>48</v>
      </c>
      <c r="EC9" s="258">
        <v>492</v>
      </c>
      <c r="ED9" s="263">
        <v>597</v>
      </c>
      <c r="EE9" s="257">
        <v>7</v>
      </c>
      <c r="EF9" s="261">
        <v>12</v>
      </c>
      <c r="EG9" s="258">
        <v>19</v>
      </c>
      <c r="EH9" s="260">
        <v>0</v>
      </c>
      <c r="EI9" s="261">
        <v>31</v>
      </c>
      <c r="EJ9" s="261">
        <v>25</v>
      </c>
      <c r="EK9" s="261">
        <v>32</v>
      </c>
      <c r="EL9" s="261">
        <v>32</v>
      </c>
      <c r="EM9" s="261">
        <v>18</v>
      </c>
      <c r="EN9" s="258">
        <v>138</v>
      </c>
      <c r="EO9" s="263">
        <v>157</v>
      </c>
      <c r="EP9" s="257">
        <v>35</v>
      </c>
      <c r="EQ9" s="261">
        <v>98</v>
      </c>
      <c r="ER9" s="258">
        <v>133</v>
      </c>
      <c r="ES9" s="260">
        <v>0</v>
      </c>
      <c r="ET9" s="261">
        <v>189</v>
      </c>
      <c r="EU9" s="261">
        <v>281</v>
      </c>
      <c r="EV9" s="261">
        <v>138</v>
      </c>
      <c r="EW9" s="261">
        <v>83</v>
      </c>
      <c r="EX9" s="261">
        <v>49</v>
      </c>
      <c r="EY9" s="258">
        <v>740</v>
      </c>
      <c r="EZ9" s="263">
        <v>873</v>
      </c>
    </row>
    <row r="10" spans="2:156" ht="21" customHeight="1" x14ac:dyDescent="0.2">
      <c r="B10" s="472" t="s">
        <v>7</v>
      </c>
      <c r="C10" s="257">
        <v>0</v>
      </c>
      <c r="D10" s="261">
        <v>0</v>
      </c>
      <c r="E10" s="358">
        <v>0</v>
      </c>
      <c r="F10" s="260">
        <v>0</v>
      </c>
      <c r="G10" s="261">
        <v>53</v>
      </c>
      <c r="H10" s="261">
        <v>30</v>
      </c>
      <c r="I10" s="261">
        <v>15</v>
      </c>
      <c r="J10" s="261">
        <v>19</v>
      </c>
      <c r="K10" s="261">
        <v>12</v>
      </c>
      <c r="L10" s="262">
        <v>129</v>
      </c>
      <c r="M10" s="263">
        <v>129</v>
      </c>
      <c r="N10" s="257">
        <v>0</v>
      </c>
      <c r="O10" s="261">
        <v>0</v>
      </c>
      <c r="P10" s="258">
        <v>0</v>
      </c>
      <c r="Q10" s="260">
        <v>0</v>
      </c>
      <c r="R10" s="261">
        <v>1</v>
      </c>
      <c r="S10" s="261">
        <v>1</v>
      </c>
      <c r="T10" s="261">
        <v>1</v>
      </c>
      <c r="U10" s="261">
        <v>3</v>
      </c>
      <c r="V10" s="261">
        <v>7</v>
      </c>
      <c r="W10" s="258">
        <v>13</v>
      </c>
      <c r="X10" s="263">
        <v>13</v>
      </c>
      <c r="Y10" s="257">
        <v>1</v>
      </c>
      <c r="Z10" s="261">
        <v>1</v>
      </c>
      <c r="AA10" s="258">
        <v>2</v>
      </c>
      <c r="AB10" s="260">
        <v>0</v>
      </c>
      <c r="AC10" s="261">
        <v>29</v>
      </c>
      <c r="AD10" s="261">
        <v>27</v>
      </c>
      <c r="AE10" s="261">
        <v>13</v>
      </c>
      <c r="AF10" s="261">
        <v>19</v>
      </c>
      <c r="AG10" s="261">
        <v>9</v>
      </c>
      <c r="AH10" s="258">
        <v>97</v>
      </c>
      <c r="AI10" s="263">
        <v>99</v>
      </c>
      <c r="AJ10" s="257">
        <v>1</v>
      </c>
      <c r="AK10" s="261">
        <v>0</v>
      </c>
      <c r="AL10" s="258">
        <v>1</v>
      </c>
      <c r="AM10" s="260">
        <v>0</v>
      </c>
      <c r="AN10" s="261">
        <v>2</v>
      </c>
      <c r="AO10" s="261">
        <v>7</v>
      </c>
      <c r="AP10" s="261">
        <v>1</v>
      </c>
      <c r="AQ10" s="261">
        <v>2</v>
      </c>
      <c r="AR10" s="261">
        <v>0</v>
      </c>
      <c r="AS10" s="258">
        <v>12</v>
      </c>
      <c r="AT10" s="263">
        <v>13</v>
      </c>
      <c r="AU10" s="257">
        <v>17</v>
      </c>
      <c r="AV10" s="261">
        <v>7</v>
      </c>
      <c r="AW10" s="258">
        <v>24</v>
      </c>
      <c r="AX10" s="260">
        <v>0</v>
      </c>
      <c r="AY10" s="261">
        <v>66</v>
      </c>
      <c r="AZ10" s="261">
        <v>41</v>
      </c>
      <c r="BA10" s="261">
        <v>39</v>
      </c>
      <c r="BB10" s="261">
        <v>42</v>
      </c>
      <c r="BC10" s="261">
        <v>32</v>
      </c>
      <c r="BD10" s="262">
        <v>220</v>
      </c>
      <c r="BE10" s="263">
        <v>244</v>
      </c>
      <c r="BF10" s="257">
        <v>0</v>
      </c>
      <c r="BG10" s="261">
        <v>0</v>
      </c>
      <c r="BH10" s="258">
        <v>0</v>
      </c>
      <c r="BI10" s="260">
        <v>0</v>
      </c>
      <c r="BJ10" s="261">
        <v>67</v>
      </c>
      <c r="BK10" s="261">
        <v>33</v>
      </c>
      <c r="BL10" s="261">
        <v>21</v>
      </c>
      <c r="BM10" s="261">
        <v>9</v>
      </c>
      <c r="BN10" s="261">
        <v>5</v>
      </c>
      <c r="BO10" s="258">
        <v>135</v>
      </c>
      <c r="BP10" s="263">
        <v>135</v>
      </c>
      <c r="BQ10" s="257">
        <v>3</v>
      </c>
      <c r="BR10" s="261">
        <v>3</v>
      </c>
      <c r="BS10" s="258">
        <v>6</v>
      </c>
      <c r="BT10" s="260">
        <v>0</v>
      </c>
      <c r="BU10" s="261">
        <v>15</v>
      </c>
      <c r="BV10" s="261">
        <v>7</v>
      </c>
      <c r="BW10" s="261">
        <v>9</v>
      </c>
      <c r="BX10" s="261">
        <v>7</v>
      </c>
      <c r="BY10" s="261">
        <v>2</v>
      </c>
      <c r="BZ10" s="258">
        <v>40</v>
      </c>
      <c r="CA10" s="263">
        <v>46</v>
      </c>
      <c r="CB10" s="257">
        <v>0</v>
      </c>
      <c r="CC10" s="261">
        <v>0</v>
      </c>
      <c r="CD10" s="258">
        <v>0</v>
      </c>
      <c r="CE10" s="260">
        <v>0</v>
      </c>
      <c r="CF10" s="261">
        <v>6</v>
      </c>
      <c r="CG10" s="261">
        <v>9</v>
      </c>
      <c r="CH10" s="261">
        <v>6</v>
      </c>
      <c r="CI10" s="261">
        <v>10</v>
      </c>
      <c r="CJ10" s="261">
        <v>6</v>
      </c>
      <c r="CK10" s="258">
        <v>37</v>
      </c>
      <c r="CL10" s="263">
        <v>37</v>
      </c>
      <c r="CM10" s="257">
        <v>0</v>
      </c>
      <c r="CN10" s="261">
        <v>0</v>
      </c>
      <c r="CO10" s="258">
        <v>0</v>
      </c>
      <c r="CP10" s="260">
        <v>0</v>
      </c>
      <c r="CQ10" s="261">
        <v>1</v>
      </c>
      <c r="CR10" s="261">
        <v>0</v>
      </c>
      <c r="CS10" s="261">
        <v>1</v>
      </c>
      <c r="CT10" s="261">
        <v>0</v>
      </c>
      <c r="CU10" s="261">
        <v>0</v>
      </c>
      <c r="CV10" s="258">
        <v>2</v>
      </c>
      <c r="CW10" s="263">
        <v>2</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13</v>
      </c>
      <c r="DU10" s="261">
        <v>25</v>
      </c>
      <c r="DV10" s="258">
        <v>38</v>
      </c>
      <c r="DW10" s="260">
        <v>0</v>
      </c>
      <c r="DX10" s="261">
        <v>72</v>
      </c>
      <c r="DY10" s="261">
        <v>86</v>
      </c>
      <c r="DZ10" s="261">
        <v>43</v>
      </c>
      <c r="EA10" s="261">
        <v>36</v>
      </c>
      <c r="EB10" s="261">
        <v>20</v>
      </c>
      <c r="EC10" s="258">
        <v>257</v>
      </c>
      <c r="ED10" s="263">
        <v>295</v>
      </c>
      <c r="EE10" s="257">
        <v>12</v>
      </c>
      <c r="EF10" s="261">
        <v>4</v>
      </c>
      <c r="EG10" s="258">
        <v>16</v>
      </c>
      <c r="EH10" s="260">
        <v>0</v>
      </c>
      <c r="EI10" s="261">
        <v>32</v>
      </c>
      <c r="EJ10" s="261">
        <v>19</v>
      </c>
      <c r="EK10" s="261">
        <v>16</v>
      </c>
      <c r="EL10" s="261">
        <v>18</v>
      </c>
      <c r="EM10" s="261">
        <v>12</v>
      </c>
      <c r="EN10" s="258">
        <v>97</v>
      </c>
      <c r="EO10" s="263">
        <v>113</v>
      </c>
      <c r="EP10" s="257">
        <v>18</v>
      </c>
      <c r="EQ10" s="261">
        <v>28</v>
      </c>
      <c r="ER10" s="258">
        <v>46</v>
      </c>
      <c r="ES10" s="260">
        <v>0</v>
      </c>
      <c r="ET10" s="261">
        <v>169</v>
      </c>
      <c r="EU10" s="261">
        <v>119</v>
      </c>
      <c r="EV10" s="261">
        <v>56</v>
      </c>
      <c r="EW10" s="261">
        <v>42</v>
      </c>
      <c r="EX10" s="261">
        <v>22</v>
      </c>
      <c r="EY10" s="258">
        <v>408</v>
      </c>
      <c r="EZ10" s="263">
        <v>454</v>
      </c>
    </row>
    <row r="11" spans="2:156" ht="21" customHeight="1" x14ac:dyDescent="0.2">
      <c r="B11" s="472" t="s">
        <v>8</v>
      </c>
      <c r="C11" s="257">
        <v>0</v>
      </c>
      <c r="D11" s="261">
        <v>0</v>
      </c>
      <c r="E11" s="358">
        <v>0</v>
      </c>
      <c r="F11" s="260">
        <v>0</v>
      </c>
      <c r="G11" s="261">
        <v>21</v>
      </c>
      <c r="H11" s="261">
        <v>21</v>
      </c>
      <c r="I11" s="261">
        <v>17</v>
      </c>
      <c r="J11" s="261">
        <v>12</v>
      </c>
      <c r="K11" s="261">
        <v>5</v>
      </c>
      <c r="L11" s="262">
        <v>76</v>
      </c>
      <c r="M11" s="263">
        <v>76</v>
      </c>
      <c r="N11" s="257">
        <v>0</v>
      </c>
      <c r="O11" s="261">
        <v>0</v>
      </c>
      <c r="P11" s="258">
        <v>0</v>
      </c>
      <c r="Q11" s="260">
        <v>0</v>
      </c>
      <c r="R11" s="261">
        <v>0</v>
      </c>
      <c r="S11" s="261">
        <v>1</v>
      </c>
      <c r="T11" s="261">
        <v>2</v>
      </c>
      <c r="U11" s="261">
        <v>3</v>
      </c>
      <c r="V11" s="261">
        <v>2</v>
      </c>
      <c r="W11" s="258">
        <v>8</v>
      </c>
      <c r="X11" s="263">
        <v>8</v>
      </c>
      <c r="Y11" s="257">
        <v>5</v>
      </c>
      <c r="Z11" s="261">
        <v>2</v>
      </c>
      <c r="AA11" s="258">
        <v>7</v>
      </c>
      <c r="AB11" s="260">
        <v>0</v>
      </c>
      <c r="AC11" s="261">
        <v>19</v>
      </c>
      <c r="AD11" s="261">
        <v>20</v>
      </c>
      <c r="AE11" s="261">
        <v>12</v>
      </c>
      <c r="AF11" s="261">
        <v>15</v>
      </c>
      <c r="AG11" s="261">
        <v>4</v>
      </c>
      <c r="AH11" s="258">
        <v>70</v>
      </c>
      <c r="AI11" s="263">
        <v>77</v>
      </c>
      <c r="AJ11" s="257">
        <v>0</v>
      </c>
      <c r="AK11" s="261">
        <v>2</v>
      </c>
      <c r="AL11" s="258">
        <v>2</v>
      </c>
      <c r="AM11" s="260">
        <v>0</v>
      </c>
      <c r="AN11" s="261">
        <v>4</v>
      </c>
      <c r="AO11" s="261">
        <v>4</v>
      </c>
      <c r="AP11" s="261">
        <v>6</v>
      </c>
      <c r="AQ11" s="261">
        <v>3</v>
      </c>
      <c r="AR11" s="261">
        <v>2</v>
      </c>
      <c r="AS11" s="258">
        <v>19</v>
      </c>
      <c r="AT11" s="263">
        <v>21</v>
      </c>
      <c r="AU11" s="257">
        <v>7</v>
      </c>
      <c r="AV11" s="261">
        <v>3</v>
      </c>
      <c r="AW11" s="258">
        <v>10</v>
      </c>
      <c r="AX11" s="260">
        <v>0</v>
      </c>
      <c r="AY11" s="261">
        <v>25</v>
      </c>
      <c r="AZ11" s="261">
        <v>25</v>
      </c>
      <c r="BA11" s="261">
        <v>22</v>
      </c>
      <c r="BB11" s="261">
        <v>32</v>
      </c>
      <c r="BC11" s="261">
        <v>16</v>
      </c>
      <c r="BD11" s="262">
        <v>120</v>
      </c>
      <c r="BE11" s="263">
        <v>130</v>
      </c>
      <c r="BF11" s="257">
        <v>0</v>
      </c>
      <c r="BG11" s="261">
        <v>0</v>
      </c>
      <c r="BH11" s="258">
        <v>0</v>
      </c>
      <c r="BI11" s="260">
        <v>0</v>
      </c>
      <c r="BJ11" s="261">
        <v>33</v>
      </c>
      <c r="BK11" s="261">
        <v>27</v>
      </c>
      <c r="BL11" s="261">
        <v>13</v>
      </c>
      <c r="BM11" s="261">
        <v>11</v>
      </c>
      <c r="BN11" s="261">
        <v>3</v>
      </c>
      <c r="BO11" s="258">
        <v>87</v>
      </c>
      <c r="BP11" s="263">
        <v>87</v>
      </c>
      <c r="BQ11" s="257">
        <v>2</v>
      </c>
      <c r="BR11" s="261">
        <v>4</v>
      </c>
      <c r="BS11" s="258">
        <v>6</v>
      </c>
      <c r="BT11" s="260">
        <v>0</v>
      </c>
      <c r="BU11" s="261">
        <v>13</v>
      </c>
      <c r="BV11" s="261">
        <v>7</v>
      </c>
      <c r="BW11" s="261">
        <v>12</v>
      </c>
      <c r="BX11" s="261">
        <v>6</v>
      </c>
      <c r="BY11" s="261">
        <v>2</v>
      </c>
      <c r="BZ11" s="258">
        <v>40</v>
      </c>
      <c r="CA11" s="263">
        <v>46</v>
      </c>
      <c r="CB11" s="257">
        <v>0</v>
      </c>
      <c r="CC11" s="261">
        <v>1</v>
      </c>
      <c r="CD11" s="258">
        <v>1</v>
      </c>
      <c r="CE11" s="260">
        <v>0</v>
      </c>
      <c r="CF11" s="261">
        <v>7</v>
      </c>
      <c r="CG11" s="261">
        <v>11</v>
      </c>
      <c r="CH11" s="261">
        <v>7</v>
      </c>
      <c r="CI11" s="261">
        <v>9</v>
      </c>
      <c r="CJ11" s="261">
        <v>0</v>
      </c>
      <c r="CK11" s="258">
        <v>34</v>
      </c>
      <c r="CL11" s="263">
        <v>35</v>
      </c>
      <c r="CM11" s="257">
        <v>0</v>
      </c>
      <c r="CN11" s="261">
        <v>0</v>
      </c>
      <c r="CO11" s="258">
        <v>0</v>
      </c>
      <c r="CP11" s="260">
        <v>0</v>
      </c>
      <c r="CQ11" s="261">
        <v>0</v>
      </c>
      <c r="CR11" s="261">
        <v>0</v>
      </c>
      <c r="CS11" s="261">
        <v>0</v>
      </c>
      <c r="CT11" s="261">
        <v>2</v>
      </c>
      <c r="CU11" s="261">
        <v>0</v>
      </c>
      <c r="CV11" s="258">
        <v>2</v>
      </c>
      <c r="CW11" s="263">
        <v>2</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14</v>
      </c>
      <c r="DU11" s="261">
        <v>16</v>
      </c>
      <c r="DV11" s="258">
        <v>30</v>
      </c>
      <c r="DW11" s="260">
        <v>0</v>
      </c>
      <c r="DX11" s="261">
        <v>63</v>
      </c>
      <c r="DY11" s="261">
        <v>64</v>
      </c>
      <c r="DZ11" s="261">
        <v>38</v>
      </c>
      <c r="EA11" s="261">
        <v>33</v>
      </c>
      <c r="EB11" s="261">
        <v>11</v>
      </c>
      <c r="EC11" s="258">
        <v>209</v>
      </c>
      <c r="ED11" s="263">
        <v>239</v>
      </c>
      <c r="EE11" s="257">
        <v>8</v>
      </c>
      <c r="EF11" s="261">
        <v>3</v>
      </c>
      <c r="EG11" s="258">
        <v>11</v>
      </c>
      <c r="EH11" s="260">
        <v>0</v>
      </c>
      <c r="EI11" s="261">
        <v>12</v>
      </c>
      <c r="EJ11" s="261">
        <v>10</v>
      </c>
      <c r="EK11" s="261">
        <v>8</v>
      </c>
      <c r="EL11" s="261">
        <v>11</v>
      </c>
      <c r="EM11" s="261">
        <v>7</v>
      </c>
      <c r="EN11" s="258">
        <v>48</v>
      </c>
      <c r="EO11" s="263">
        <v>59</v>
      </c>
      <c r="EP11" s="257">
        <v>21</v>
      </c>
      <c r="EQ11" s="261">
        <v>23</v>
      </c>
      <c r="ER11" s="258">
        <v>44</v>
      </c>
      <c r="ES11" s="260">
        <v>0</v>
      </c>
      <c r="ET11" s="261">
        <v>121</v>
      </c>
      <c r="EU11" s="261">
        <v>85</v>
      </c>
      <c r="EV11" s="261">
        <v>42</v>
      </c>
      <c r="EW11" s="261">
        <v>36</v>
      </c>
      <c r="EX11" s="261">
        <v>11</v>
      </c>
      <c r="EY11" s="258">
        <v>295</v>
      </c>
      <c r="EZ11" s="263">
        <v>339</v>
      </c>
    </row>
    <row r="12" spans="2:156" ht="21" customHeight="1" x14ac:dyDescent="0.2">
      <c r="B12" s="472" t="s">
        <v>9</v>
      </c>
      <c r="C12" s="257">
        <v>0</v>
      </c>
      <c r="D12" s="261">
        <v>0</v>
      </c>
      <c r="E12" s="358">
        <v>0</v>
      </c>
      <c r="F12" s="260">
        <v>0</v>
      </c>
      <c r="G12" s="261">
        <v>60</v>
      </c>
      <c r="H12" s="261">
        <v>57</v>
      </c>
      <c r="I12" s="261">
        <v>28</v>
      </c>
      <c r="J12" s="261">
        <v>35</v>
      </c>
      <c r="K12" s="261">
        <v>24</v>
      </c>
      <c r="L12" s="262">
        <v>204</v>
      </c>
      <c r="M12" s="263">
        <v>204</v>
      </c>
      <c r="N12" s="257">
        <v>0</v>
      </c>
      <c r="O12" s="261">
        <v>0</v>
      </c>
      <c r="P12" s="258">
        <v>0</v>
      </c>
      <c r="Q12" s="260">
        <v>0</v>
      </c>
      <c r="R12" s="261">
        <v>2</v>
      </c>
      <c r="S12" s="261">
        <v>2</v>
      </c>
      <c r="T12" s="261">
        <v>2</v>
      </c>
      <c r="U12" s="261">
        <v>8</v>
      </c>
      <c r="V12" s="261">
        <v>11</v>
      </c>
      <c r="W12" s="258">
        <v>25</v>
      </c>
      <c r="X12" s="263">
        <v>25</v>
      </c>
      <c r="Y12" s="257">
        <v>11</v>
      </c>
      <c r="Z12" s="261">
        <v>14</v>
      </c>
      <c r="AA12" s="258">
        <v>25</v>
      </c>
      <c r="AB12" s="260">
        <v>0</v>
      </c>
      <c r="AC12" s="261">
        <v>54</v>
      </c>
      <c r="AD12" s="261">
        <v>39</v>
      </c>
      <c r="AE12" s="261">
        <v>34</v>
      </c>
      <c r="AF12" s="261">
        <v>26</v>
      </c>
      <c r="AG12" s="261">
        <v>15</v>
      </c>
      <c r="AH12" s="258">
        <v>168</v>
      </c>
      <c r="AI12" s="263">
        <v>193</v>
      </c>
      <c r="AJ12" s="257">
        <v>1</v>
      </c>
      <c r="AK12" s="261">
        <v>2</v>
      </c>
      <c r="AL12" s="258">
        <v>3</v>
      </c>
      <c r="AM12" s="260">
        <v>0</v>
      </c>
      <c r="AN12" s="261">
        <v>5</v>
      </c>
      <c r="AO12" s="261">
        <v>8</v>
      </c>
      <c r="AP12" s="261">
        <v>8</v>
      </c>
      <c r="AQ12" s="261">
        <v>6</v>
      </c>
      <c r="AR12" s="261">
        <v>3</v>
      </c>
      <c r="AS12" s="258">
        <v>30</v>
      </c>
      <c r="AT12" s="263">
        <v>33</v>
      </c>
      <c r="AU12" s="257">
        <v>13</v>
      </c>
      <c r="AV12" s="261">
        <v>11</v>
      </c>
      <c r="AW12" s="258">
        <v>24</v>
      </c>
      <c r="AX12" s="260">
        <v>0</v>
      </c>
      <c r="AY12" s="261">
        <v>51</v>
      </c>
      <c r="AZ12" s="261">
        <v>53</v>
      </c>
      <c r="BA12" s="261">
        <v>64</v>
      </c>
      <c r="BB12" s="261">
        <v>65</v>
      </c>
      <c r="BC12" s="261">
        <v>38</v>
      </c>
      <c r="BD12" s="262">
        <v>271</v>
      </c>
      <c r="BE12" s="263">
        <v>295</v>
      </c>
      <c r="BF12" s="257">
        <v>0</v>
      </c>
      <c r="BG12" s="261">
        <v>0</v>
      </c>
      <c r="BH12" s="258">
        <v>0</v>
      </c>
      <c r="BI12" s="260">
        <v>0</v>
      </c>
      <c r="BJ12" s="261">
        <v>74</v>
      </c>
      <c r="BK12" s="261">
        <v>30</v>
      </c>
      <c r="BL12" s="261">
        <v>17</v>
      </c>
      <c r="BM12" s="261">
        <v>14</v>
      </c>
      <c r="BN12" s="261">
        <v>2</v>
      </c>
      <c r="BO12" s="258">
        <v>137</v>
      </c>
      <c r="BP12" s="263">
        <v>137</v>
      </c>
      <c r="BQ12" s="257">
        <v>5</v>
      </c>
      <c r="BR12" s="261">
        <v>10</v>
      </c>
      <c r="BS12" s="258">
        <v>15</v>
      </c>
      <c r="BT12" s="260">
        <v>0</v>
      </c>
      <c r="BU12" s="261">
        <v>16</v>
      </c>
      <c r="BV12" s="261">
        <v>18</v>
      </c>
      <c r="BW12" s="261">
        <v>7</v>
      </c>
      <c r="BX12" s="261">
        <v>9</v>
      </c>
      <c r="BY12" s="261">
        <v>1</v>
      </c>
      <c r="BZ12" s="258">
        <v>51</v>
      </c>
      <c r="CA12" s="263">
        <v>66</v>
      </c>
      <c r="CB12" s="257">
        <v>0</v>
      </c>
      <c r="CC12" s="261">
        <v>0</v>
      </c>
      <c r="CD12" s="258">
        <v>0</v>
      </c>
      <c r="CE12" s="260">
        <v>0</v>
      </c>
      <c r="CF12" s="261">
        <v>8</v>
      </c>
      <c r="CG12" s="261">
        <v>8</v>
      </c>
      <c r="CH12" s="261">
        <v>10</v>
      </c>
      <c r="CI12" s="261">
        <v>14</v>
      </c>
      <c r="CJ12" s="261">
        <v>8</v>
      </c>
      <c r="CK12" s="258">
        <v>48</v>
      </c>
      <c r="CL12" s="263">
        <v>48</v>
      </c>
      <c r="CM12" s="257">
        <v>0</v>
      </c>
      <c r="CN12" s="261">
        <v>0</v>
      </c>
      <c r="CO12" s="258">
        <v>0</v>
      </c>
      <c r="CP12" s="260">
        <v>0</v>
      </c>
      <c r="CQ12" s="261">
        <v>1</v>
      </c>
      <c r="CR12" s="261">
        <v>2</v>
      </c>
      <c r="CS12" s="261">
        <v>4</v>
      </c>
      <c r="CT12" s="261">
        <v>2</v>
      </c>
      <c r="CU12" s="261">
        <v>1</v>
      </c>
      <c r="CV12" s="258">
        <v>10</v>
      </c>
      <c r="CW12" s="263">
        <v>10</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28</v>
      </c>
      <c r="DU12" s="261">
        <v>35</v>
      </c>
      <c r="DV12" s="258">
        <v>63</v>
      </c>
      <c r="DW12" s="260">
        <v>0</v>
      </c>
      <c r="DX12" s="261">
        <v>95</v>
      </c>
      <c r="DY12" s="261">
        <v>96</v>
      </c>
      <c r="DZ12" s="261">
        <v>62</v>
      </c>
      <c r="EA12" s="261">
        <v>52</v>
      </c>
      <c r="EB12" s="261">
        <v>28</v>
      </c>
      <c r="EC12" s="258">
        <v>333</v>
      </c>
      <c r="ED12" s="263">
        <v>396</v>
      </c>
      <c r="EE12" s="257">
        <v>9</v>
      </c>
      <c r="EF12" s="261">
        <v>8</v>
      </c>
      <c r="EG12" s="258">
        <v>17</v>
      </c>
      <c r="EH12" s="260">
        <v>0</v>
      </c>
      <c r="EI12" s="261">
        <v>27</v>
      </c>
      <c r="EJ12" s="261">
        <v>20</v>
      </c>
      <c r="EK12" s="261">
        <v>27</v>
      </c>
      <c r="EL12" s="261">
        <v>24</v>
      </c>
      <c r="EM12" s="261">
        <v>11</v>
      </c>
      <c r="EN12" s="258">
        <v>109</v>
      </c>
      <c r="EO12" s="263">
        <v>126</v>
      </c>
      <c r="EP12" s="257">
        <v>39</v>
      </c>
      <c r="EQ12" s="261">
        <v>53</v>
      </c>
      <c r="ER12" s="258">
        <v>92</v>
      </c>
      <c r="ES12" s="260">
        <v>0</v>
      </c>
      <c r="ET12" s="261">
        <v>203</v>
      </c>
      <c r="EU12" s="261">
        <v>132</v>
      </c>
      <c r="EV12" s="261">
        <v>74</v>
      </c>
      <c r="EW12" s="261">
        <v>64</v>
      </c>
      <c r="EX12" s="261">
        <v>31</v>
      </c>
      <c r="EY12" s="258">
        <v>504</v>
      </c>
      <c r="EZ12" s="263">
        <v>596</v>
      </c>
    </row>
    <row r="13" spans="2:156" ht="21" customHeight="1" x14ac:dyDescent="0.2">
      <c r="B13" s="472" t="s">
        <v>10</v>
      </c>
      <c r="C13" s="257">
        <v>0</v>
      </c>
      <c r="D13" s="261">
        <v>0</v>
      </c>
      <c r="E13" s="358">
        <v>0</v>
      </c>
      <c r="F13" s="260">
        <v>0</v>
      </c>
      <c r="G13" s="261">
        <v>93</v>
      </c>
      <c r="H13" s="261">
        <v>41</v>
      </c>
      <c r="I13" s="261">
        <v>34</v>
      </c>
      <c r="J13" s="261">
        <v>25</v>
      </c>
      <c r="K13" s="261">
        <v>22</v>
      </c>
      <c r="L13" s="262">
        <v>215</v>
      </c>
      <c r="M13" s="263">
        <v>215</v>
      </c>
      <c r="N13" s="257">
        <v>0</v>
      </c>
      <c r="O13" s="261">
        <v>0</v>
      </c>
      <c r="P13" s="258">
        <v>0</v>
      </c>
      <c r="Q13" s="260">
        <v>0</v>
      </c>
      <c r="R13" s="261">
        <v>0</v>
      </c>
      <c r="S13" s="261">
        <v>2</v>
      </c>
      <c r="T13" s="261">
        <v>1</v>
      </c>
      <c r="U13" s="261">
        <v>3</v>
      </c>
      <c r="V13" s="261">
        <v>7</v>
      </c>
      <c r="W13" s="258">
        <v>13</v>
      </c>
      <c r="X13" s="263">
        <v>13</v>
      </c>
      <c r="Y13" s="257">
        <v>15</v>
      </c>
      <c r="Z13" s="261">
        <v>24</v>
      </c>
      <c r="AA13" s="258">
        <v>39</v>
      </c>
      <c r="AB13" s="260">
        <v>0</v>
      </c>
      <c r="AC13" s="261">
        <v>64</v>
      </c>
      <c r="AD13" s="261">
        <v>48</v>
      </c>
      <c r="AE13" s="261">
        <v>20</v>
      </c>
      <c r="AF13" s="261">
        <v>18</v>
      </c>
      <c r="AG13" s="261">
        <v>14</v>
      </c>
      <c r="AH13" s="258">
        <v>164</v>
      </c>
      <c r="AI13" s="263">
        <v>203</v>
      </c>
      <c r="AJ13" s="257">
        <v>2</v>
      </c>
      <c r="AK13" s="261">
        <v>4</v>
      </c>
      <c r="AL13" s="258">
        <v>6</v>
      </c>
      <c r="AM13" s="260">
        <v>0</v>
      </c>
      <c r="AN13" s="261">
        <v>8</v>
      </c>
      <c r="AO13" s="261">
        <v>12</v>
      </c>
      <c r="AP13" s="261">
        <v>2</v>
      </c>
      <c r="AQ13" s="261">
        <v>1</v>
      </c>
      <c r="AR13" s="261">
        <v>5</v>
      </c>
      <c r="AS13" s="258">
        <v>28</v>
      </c>
      <c r="AT13" s="263">
        <v>34</v>
      </c>
      <c r="AU13" s="257">
        <v>23</v>
      </c>
      <c r="AV13" s="261">
        <v>28</v>
      </c>
      <c r="AW13" s="258">
        <v>51</v>
      </c>
      <c r="AX13" s="260">
        <v>0</v>
      </c>
      <c r="AY13" s="261">
        <v>94</v>
      </c>
      <c r="AZ13" s="261">
        <v>79</v>
      </c>
      <c r="BA13" s="261">
        <v>74</v>
      </c>
      <c r="BB13" s="261">
        <v>64</v>
      </c>
      <c r="BC13" s="261">
        <v>71</v>
      </c>
      <c r="BD13" s="262">
        <v>382</v>
      </c>
      <c r="BE13" s="263">
        <v>433</v>
      </c>
      <c r="BF13" s="257">
        <v>0</v>
      </c>
      <c r="BG13" s="261">
        <v>0</v>
      </c>
      <c r="BH13" s="258">
        <v>0</v>
      </c>
      <c r="BI13" s="260">
        <v>0</v>
      </c>
      <c r="BJ13" s="261">
        <v>110</v>
      </c>
      <c r="BK13" s="261">
        <v>64</v>
      </c>
      <c r="BL13" s="261">
        <v>33</v>
      </c>
      <c r="BM13" s="261">
        <v>12</v>
      </c>
      <c r="BN13" s="261">
        <v>6</v>
      </c>
      <c r="BO13" s="258">
        <v>225</v>
      </c>
      <c r="BP13" s="263">
        <v>225</v>
      </c>
      <c r="BQ13" s="257">
        <v>5</v>
      </c>
      <c r="BR13" s="261">
        <v>4</v>
      </c>
      <c r="BS13" s="258">
        <v>9</v>
      </c>
      <c r="BT13" s="260">
        <v>0</v>
      </c>
      <c r="BU13" s="261">
        <v>21</v>
      </c>
      <c r="BV13" s="261">
        <v>17</v>
      </c>
      <c r="BW13" s="261">
        <v>5</v>
      </c>
      <c r="BX13" s="261">
        <v>1</v>
      </c>
      <c r="BY13" s="261">
        <v>1</v>
      </c>
      <c r="BZ13" s="258">
        <v>45</v>
      </c>
      <c r="CA13" s="263">
        <v>54</v>
      </c>
      <c r="CB13" s="257">
        <v>0</v>
      </c>
      <c r="CC13" s="261">
        <v>3</v>
      </c>
      <c r="CD13" s="258">
        <v>3</v>
      </c>
      <c r="CE13" s="260">
        <v>0</v>
      </c>
      <c r="CF13" s="261">
        <v>16</v>
      </c>
      <c r="CG13" s="261">
        <v>11</v>
      </c>
      <c r="CH13" s="261">
        <v>13</v>
      </c>
      <c r="CI13" s="261">
        <v>13</v>
      </c>
      <c r="CJ13" s="261">
        <v>2</v>
      </c>
      <c r="CK13" s="258">
        <v>55</v>
      </c>
      <c r="CL13" s="263">
        <v>58</v>
      </c>
      <c r="CM13" s="257">
        <v>0</v>
      </c>
      <c r="CN13" s="261">
        <v>0</v>
      </c>
      <c r="CO13" s="258">
        <v>0</v>
      </c>
      <c r="CP13" s="260">
        <v>0</v>
      </c>
      <c r="CQ13" s="261">
        <v>3</v>
      </c>
      <c r="CR13" s="261">
        <v>2</v>
      </c>
      <c r="CS13" s="261">
        <v>1</v>
      </c>
      <c r="CT13" s="261">
        <v>0</v>
      </c>
      <c r="CU13" s="261">
        <v>1</v>
      </c>
      <c r="CV13" s="258">
        <v>7</v>
      </c>
      <c r="CW13" s="263">
        <v>7</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47</v>
      </c>
      <c r="DU13" s="261">
        <v>94</v>
      </c>
      <c r="DV13" s="258">
        <v>141</v>
      </c>
      <c r="DW13" s="260">
        <v>0</v>
      </c>
      <c r="DX13" s="261">
        <v>131</v>
      </c>
      <c r="DY13" s="261">
        <v>114</v>
      </c>
      <c r="DZ13" s="261">
        <v>59</v>
      </c>
      <c r="EA13" s="261">
        <v>45</v>
      </c>
      <c r="EB13" s="261">
        <v>37</v>
      </c>
      <c r="EC13" s="258">
        <v>386</v>
      </c>
      <c r="ED13" s="263">
        <v>527</v>
      </c>
      <c r="EE13" s="257">
        <v>12</v>
      </c>
      <c r="EF13" s="261">
        <v>9</v>
      </c>
      <c r="EG13" s="258">
        <v>21</v>
      </c>
      <c r="EH13" s="260">
        <v>0</v>
      </c>
      <c r="EI13" s="261">
        <v>36</v>
      </c>
      <c r="EJ13" s="261">
        <v>27</v>
      </c>
      <c r="EK13" s="261">
        <v>24</v>
      </c>
      <c r="EL13" s="261">
        <v>29</v>
      </c>
      <c r="EM13" s="261">
        <v>31</v>
      </c>
      <c r="EN13" s="258">
        <v>147</v>
      </c>
      <c r="EO13" s="263">
        <v>168</v>
      </c>
      <c r="EP13" s="257">
        <v>66</v>
      </c>
      <c r="EQ13" s="261">
        <v>106</v>
      </c>
      <c r="ER13" s="258">
        <v>172</v>
      </c>
      <c r="ES13" s="260">
        <v>0</v>
      </c>
      <c r="ET13" s="261">
        <v>255</v>
      </c>
      <c r="EU13" s="261">
        <v>154</v>
      </c>
      <c r="EV13" s="261">
        <v>73</v>
      </c>
      <c r="EW13" s="261">
        <v>52</v>
      </c>
      <c r="EX13" s="261">
        <v>37</v>
      </c>
      <c r="EY13" s="258">
        <v>571</v>
      </c>
      <c r="EZ13" s="263">
        <v>743</v>
      </c>
    </row>
    <row r="14" spans="2:156" ht="21" customHeight="1" x14ac:dyDescent="0.2">
      <c r="B14" s="472" t="s">
        <v>11</v>
      </c>
      <c r="C14" s="257">
        <v>0</v>
      </c>
      <c r="D14" s="261">
        <v>0</v>
      </c>
      <c r="E14" s="358">
        <v>0</v>
      </c>
      <c r="F14" s="260">
        <v>0</v>
      </c>
      <c r="G14" s="261">
        <v>12</v>
      </c>
      <c r="H14" s="261">
        <v>10</v>
      </c>
      <c r="I14" s="261">
        <v>4</v>
      </c>
      <c r="J14" s="261">
        <v>10</v>
      </c>
      <c r="K14" s="261">
        <v>2</v>
      </c>
      <c r="L14" s="262">
        <v>38</v>
      </c>
      <c r="M14" s="263">
        <v>38</v>
      </c>
      <c r="N14" s="257">
        <v>0</v>
      </c>
      <c r="O14" s="261">
        <v>0</v>
      </c>
      <c r="P14" s="258">
        <v>0</v>
      </c>
      <c r="Q14" s="260">
        <v>0</v>
      </c>
      <c r="R14" s="261">
        <v>0</v>
      </c>
      <c r="S14" s="261">
        <v>0</v>
      </c>
      <c r="T14" s="261">
        <v>0</v>
      </c>
      <c r="U14" s="261">
        <v>3</v>
      </c>
      <c r="V14" s="261">
        <v>3</v>
      </c>
      <c r="W14" s="258">
        <v>6</v>
      </c>
      <c r="X14" s="263">
        <v>6</v>
      </c>
      <c r="Y14" s="257">
        <v>5</v>
      </c>
      <c r="Z14" s="261">
        <v>1</v>
      </c>
      <c r="AA14" s="258">
        <v>6</v>
      </c>
      <c r="AB14" s="260">
        <v>0</v>
      </c>
      <c r="AC14" s="261">
        <v>20</v>
      </c>
      <c r="AD14" s="261">
        <v>14</v>
      </c>
      <c r="AE14" s="261">
        <v>7</v>
      </c>
      <c r="AF14" s="261">
        <v>14</v>
      </c>
      <c r="AG14" s="261">
        <v>4</v>
      </c>
      <c r="AH14" s="258">
        <v>59</v>
      </c>
      <c r="AI14" s="263">
        <v>65</v>
      </c>
      <c r="AJ14" s="257">
        <v>0</v>
      </c>
      <c r="AK14" s="261">
        <v>0</v>
      </c>
      <c r="AL14" s="258">
        <v>0</v>
      </c>
      <c r="AM14" s="260">
        <v>0</v>
      </c>
      <c r="AN14" s="261">
        <v>2</v>
      </c>
      <c r="AO14" s="261">
        <v>2</v>
      </c>
      <c r="AP14" s="261">
        <v>1</v>
      </c>
      <c r="AQ14" s="261">
        <v>1</v>
      </c>
      <c r="AR14" s="261">
        <v>1</v>
      </c>
      <c r="AS14" s="258">
        <v>7</v>
      </c>
      <c r="AT14" s="263">
        <v>7</v>
      </c>
      <c r="AU14" s="257">
        <v>1</v>
      </c>
      <c r="AV14" s="261">
        <v>2</v>
      </c>
      <c r="AW14" s="258">
        <v>3</v>
      </c>
      <c r="AX14" s="260">
        <v>0</v>
      </c>
      <c r="AY14" s="261">
        <v>17</v>
      </c>
      <c r="AZ14" s="261">
        <v>20</v>
      </c>
      <c r="BA14" s="261">
        <v>19</v>
      </c>
      <c r="BB14" s="261">
        <v>25</v>
      </c>
      <c r="BC14" s="261">
        <v>11</v>
      </c>
      <c r="BD14" s="262">
        <v>92</v>
      </c>
      <c r="BE14" s="263">
        <v>95</v>
      </c>
      <c r="BF14" s="257">
        <v>0</v>
      </c>
      <c r="BG14" s="261">
        <v>0</v>
      </c>
      <c r="BH14" s="258">
        <v>0</v>
      </c>
      <c r="BI14" s="260">
        <v>0</v>
      </c>
      <c r="BJ14" s="261">
        <v>21</v>
      </c>
      <c r="BK14" s="261">
        <v>12</v>
      </c>
      <c r="BL14" s="261">
        <v>9</v>
      </c>
      <c r="BM14" s="261">
        <v>11</v>
      </c>
      <c r="BN14" s="261">
        <v>4</v>
      </c>
      <c r="BO14" s="258">
        <v>57</v>
      </c>
      <c r="BP14" s="263">
        <v>57</v>
      </c>
      <c r="BQ14" s="257">
        <v>2</v>
      </c>
      <c r="BR14" s="261">
        <v>4</v>
      </c>
      <c r="BS14" s="258">
        <v>6</v>
      </c>
      <c r="BT14" s="260">
        <v>0</v>
      </c>
      <c r="BU14" s="261">
        <v>12</v>
      </c>
      <c r="BV14" s="261">
        <v>9</v>
      </c>
      <c r="BW14" s="261">
        <v>11</v>
      </c>
      <c r="BX14" s="261">
        <v>4</v>
      </c>
      <c r="BY14" s="261">
        <v>1</v>
      </c>
      <c r="BZ14" s="258">
        <v>37</v>
      </c>
      <c r="CA14" s="263">
        <v>43</v>
      </c>
      <c r="CB14" s="257">
        <v>0</v>
      </c>
      <c r="CC14" s="261">
        <v>1</v>
      </c>
      <c r="CD14" s="258">
        <v>1</v>
      </c>
      <c r="CE14" s="260">
        <v>0</v>
      </c>
      <c r="CF14" s="261">
        <v>6</v>
      </c>
      <c r="CG14" s="261">
        <v>3</v>
      </c>
      <c r="CH14" s="261">
        <v>4</v>
      </c>
      <c r="CI14" s="261">
        <v>2</v>
      </c>
      <c r="CJ14" s="261">
        <v>3</v>
      </c>
      <c r="CK14" s="258">
        <v>18</v>
      </c>
      <c r="CL14" s="263">
        <v>19</v>
      </c>
      <c r="CM14" s="257">
        <v>0</v>
      </c>
      <c r="CN14" s="261">
        <v>0</v>
      </c>
      <c r="CO14" s="258">
        <v>0</v>
      </c>
      <c r="CP14" s="260">
        <v>0</v>
      </c>
      <c r="CQ14" s="261">
        <v>0</v>
      </c>
      <c r="CR14" s="261">
        <v>0</v>
      </c>
      <c r="CS14" s="261">
        <v>2</v>
      </c>
      <c r="CT14" s="261">
        <v>1</v>
      </c>
      <c r="CU14" s="261">
        <v>2</v>
      </c>
      <c r="CV14" s="258">
        <v>5</v>
      </c>
      <c r="CW14" s="263">
        <v>5</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3</v>
      </c>
      <c r="DU14" s="261">
        <v>14</v>
      </c>
      <c r="DV14" s="258">
        <v>27</v>
      </c>
      <c r="DW14" s="260">
        <v>0</v>
      </c>
      <c r="DX14" s="261">
        <v>44</v>
      </c>
      <c r="DY14" s="261">
        <v>27</v>
      </c>
      <c r="DZ14" s="261">
        <v>26</v>
      </c>
      <c r="EA14" s="261">
        <v>28</v>
      </c>
      <c r="EB14" s="261">
        <v>9</v>
      </c>
      <c r="EC14" s="258">
        <v>134</v>
      </c>
      <c r="ED14" s="263">
        <v>161</v>
      </c>
      <c r="EE14" s="257">
        <v>0</v>
      </c>
      <c r="EF14" s="261">
        <v>2</v>
      </c>
      <c r="EG14" s="258">
        <v>2</v>
      </c>
      <c r="EH14" s="260">
        <v>0</v>
      </c>
      <c r="EI14" s="261">
        <v>13</v>
      </c>
      <c r="EJ14" s="261">
        <v>9</v>
      </c>
      <c r="EK14" s="261">
        <v>13</v>
      </c>
      <c r="EL14" s="261">
        <v>12</v>
      </c>
      <c r="EM14" s="261">
        <v>5</v>
      </c>
      <c r="EN14" s="258">
        <v>52</v>
      </c>
      <c r="EO14" s="263">
        <v>54</v>
      </c>
      <c r="EP14" s="257">
        <v>19</v>
      </c>
      <c r="EQ14" s="261">
        <v>22</v>
      </c>
      <c r="ER14" s="258">
        <v>41</v>
      </c>
      <c r="ES14" s="260">
        <v>0</v>
      </c>
      <c r="ET14" s="261">
        <v>92</v>
      </c>
      <c r="EU14" s="261">
        <v>42</v>
      </c>
      <c r="EV14" s="261">
        <v>34</v>
      </c>
      <c r="EW14" s="261">
        <v>32</v>
      </c>
      <c r="EX14" s="261">
        <v>9</v>
      </c>
      <c r="EY14" s="258">
        <v>209</v>
      </c>
      <c r="EZ14" s="263">
        <v>250</v>
      </c>
    </row>
    <row r="15" spans="2:156" ht="21" customHeight="1" x14ac:dyDescent="0.2">
      <c r="B15" s="472" t="s">
        <v>12</v>
      </c>
      <c r="C15" s="257">
        <v>0</v>
      </c>
      <c r="D15" s="261">
        <v>0</v>
      </c>
      <c r="E15" s="358">
        <v>0</v>
      </c>
      <c r="F15" s="260">
        <v>0</v>
      </c>
      <c r="G15" s="261">
        <v>39</v>
      </c>
      <c r="H15" s="261">
        <v>29</v>
      </c>
      <c r="I15" s="261">
        <v>24</v>
      </c>
      <c r="J15" s="261">
        <v>15</v>
      </c>
      <c r="K15" s="261">
        <v>14</v>
      </c>
      <c r="L15" s="262">
        <v>121</v>
      </c>
      <c r="M15" s="263">
        <v>121</v>
      </c>
      <c r="N15" s="257">
        <v>0</v>
      </c>
      <c r="O15" s="261">
        <v>0</v>
      </c>
      <c r="P15" s="258">
        <v>0</v>
      </c>
      <c r="Q15" s="260">
        <v>0</v>
      </c>
      <c r="R15" s="261">
        <v>0</v>
      </c>
      <c r="S15" s="261">
        <v>3</v>
      </c>
      <c r="T15" s="261">
        <v>1</v>
      </c>
      <c r="U15" s="261">
        <v>3</v>
      </c>
      <c r="V15" s="261">
        <v>5</v>
      </c>
      <c r="W15" s="258">
        <v>12</v>
      </c>
      <c r="X15" s="263">
        <v>12</v>
      </c>
      <c r="Y15" s="257">
        <v>9</v>
      </c>
      <c r="Z15" s="261">
        <v>21</v>
      </c>
      <c r="AA15" s="258">
        <v>30</v>
      </c>
      <c r="AB15" s="260">
        <v>0</v>
      </c>
      <c r="AC15" s="261">
        <v>24</v>
      </c>
      <c r="AD15" s="261">
        <v>28</v>
      </c>
      <c r="AE15" s="261">
        <v>17</v>
      </c>
      <c r="AF15" s="261">
        <v>17</v>
      </c>
      <c r="AG15" s="261">
        <v>11</v>
      </c>
      <c r="AH15" s="258">
        <v>97</v>
      </c>
      <c r="AI15" s="263">
        <v>127</v>
      </c>
      <c r="AJ15" s="257">
        <v>1</v>
      </c>
      <c r="AK15" s="261">
        <v>1</v>
      </c>
      <c r="AL15" s="258">
        <v>2</v>
      </c>
      <c r="AM15" s="260">
        <v>0</v>
      </c>
      <c r="AN15" s="261">
        <v>2</v>
      </c>
      <c r="AO15" s="261">
        <v>3</v>
      </c>
      <c r="AP15" s="261">
        <v>1</v>
      </c>
      <c r="AQ15" s="261">
        <v>3</v>
      </c>
      <c r="AR15" s="261">
        <v>0</v>
      </c>
      <c r="AS15" s="258">
        <v>9</v>
      </c>
      <c r="AT15" s="263">
        <v>11</v>
      </c>
      <c r="AU15" s="257">
        <v>6</v>
      </c>
      <c r="AV15" s="261">
        <v>8</v>
      </c>
      <c r="AW15" s="258">
        <v>14</v>
      </c>
      <c r="AX15" s="260">
        <v>0</v>
      </c>
      <c r="AY15" s="261">
        <v>18</v>
      </c>
      <c r="AZ15" s="261">
        <v>28</v>
      </c>
      <c r="BA15" s="261">
        <v>26</v>
      </c>
      <c r="BB15" s="261">
        <v>27</v>
      </c>
      <c r="BC15" s="261">
        <v>15</v>
      </c>
      <c r="BD15" s="262">
        <v>114</v>
      </c>
      <c r="BE15" s="263">
        <v>128</v>
      </c>
      <c r="BF15" s="257">
        <v>0</v>
      </c>
      <c r="BG15" s="261">
        <v>0</v>
      </c>
      <c r="BH15" s="258">
        <v>0</v>
      </c>
      <c r="BI15" s="260">
        <v>0</v>
      </c>
      <c r="BJ15" s="261">
        <v>35</v>
      </c>
      <c r="BK15" s="261">
        <v>28</v>
      </c>
      <c r="BL15" s="261">
        <v>9</v>
      </c>
      <c r="BM15" s="261">
        <v>13</v>
      </c>
      <c r="BN15" s="261">
        <v>4</v>
      </c>
      <c r="BO15" s="258">
        <v>89</v>
      </c>
      <c r="BP15" s="263">
        <v>89</v>
      </c>
      <c r="BQ15" s="257">
        <v>13</v>
      </c>
      <c r="BR15" s="261">
        <v>9</v>
      </c>
      <c r="BS15" s="258">
        <v>22</v>
      </c>
      <c r="BT15" s="260">
        <v>0</v>
      </c>
      <c r="BU15" s="261">
        <v>14</v>
      </c>
      <c r="BV15" s="261">
        <v>8</v>
      </c>
      <c r="BW15" s="261">
        <v>8</v>
      </c>
      <c r="BX15" s="261">
        <v>3</v>
      </c>
      <c r="BY15" s="261">
        <v>0</v>
      </c>
      <c r="BZ15" s="258">
        <v>33</v>
      </c>
      <c r="CA15" s="263">
        <v>55</v>
      </c>
      <c r="CB15" s="257">
        <v>0</v>
      </c>
      <c r="CC15" s="261">
        <v>2</v>
      </c>
      <c r="CD15" s="258">
        <v>2</v>
      </c>
      <c r="CE15" s="260">
        <v>0</v>
      </c>
      <c r="CF15" s="261">
        <v>10</v>
      </c>
      <c r="CG15" s="261">
        <v>7</v>
      </c>
      <c r="CH15" s="261">
        <v>6</v>
      </c>
      <c r="CI15" s="261">
        <v>6</v>
      </c>
      <c r="CJ15" s="261">
        <v>1</v>
      </c>
      <c r="CK15" s="258">
        <v>30</v>
      </c>
      <c r="CL15" s="263">
        <v>32</v>
      </c>
      <c r="CM15" s="257">
        <v>0</v>
      </c>
      <c r="CN15" s="261">
        <v>0</v>
      </c>
      <c r="CO15" s="258">
        <v>0</v>
      </c>
      <c r="CP15" s="260">
        <v>0</v>
      </c>
      <c r="CQ15" s="261">
        <v>1</v>
      </c>
      <c r="CR15" s="261">
        <v>1</v>
      </c>
      <c r="CS15" s="261">
        <v>0</v>
      </c>
      <c r="CT15" s="261">
        <v>0</v>
      </c>
      <c r="CU15" s="261">
        <v>0</v>
      </c>
      <c r="CV15" s="258">
        <v>2</v>
      </c>
      <c r="CW15" s="263">
        <v>2</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19</v>
      </c>
      <c r="DU15" s="261">
        <v>50</v>
      </c>
      <c r="DV15" s="258">
        <v>69</v>
      </c>
      <c r="DW15" s="260">
        <v>0</v>
      </c>
      <c r="DX15" s="261">
        <v>40</v>
      </c>
      <c r="DY15" s="261">
        <v>57</v>
      </c>
      <c r="DZ15" s="261">
        <v>38</v>
      </c>
      <c r="EA15" s="261">
        <v>38</v>
      </c>
      <c r="EB15" s="261">
        <v>16</v>
      </c>
      <c r="EC15" s="258">
        <v>189</v>
      </c>
      <c r="ED15" s="263">
        <v>258</v>
      </c>
      <c r="EE15" s="257">
        <v>3</v>
      </c>
      <c r="EF15" s="261">
        <v>4</v>
      </c>
      <c r="EG15" s="258">
        <v>7</v>
      </c>
      <c r="EH15" s="260">
        <v>0</v>
      </c>
      <c r="EI15" s="261">
        <v>8</v>
      </c>
      <c r="EJ15" s="261">
        <v>12</v>
      </c>
      <c r="EK15" s="261">
        <v>13</v>
      </c>
      <c r="EL15" s="261">
        <v>13</v>
      </c>
      <c r="EM15" s="261">
        <v>5</v>
      </c>
      <c r="EN15" s="258">
        <v>51</v>
      </c>
      <c r="EO15" s="263">
        <v>58</v>
      </c>
      <c r="EP15" s="257">
        <v>40</v>
      </c>
      <c r="EQ15" s="261">
        <v>62</v>
      </c>
      <c r="ER15" s="258">
        <v>102</v>
      </c>
      <c r="ES15" s="260">
        <v>0</v>
      </c>
      <c r="ET15" s="261">
        <v>110</v>
      </c>
      <c r="EU15" s="261">
        <v>80</v>
      </c>
      <c r="EV15" s="261">
        <v>45</v>
      </c>
      <c r="EW15" s="261">
        <v>37</v>
      </c>
      <c r="EX15" s="261">
        <v>20</v>
      </c>
      <c r="EY15" s="258">
        <v>292</v>
      </c>
      <c r="EZ15" s="263">
        <v>394</v>
      </c>
    </row>
    <row r="16" spans="2:156" ht="21" customHeight="1" x14ac:dyDescent="0.2">
      <c r="B16" s="472" t="s">
        <v>13</v>
      </c>
      <c r="C16" s="257">
        <v>0</v>
      </c>
      <c r="D16" s="261">
        <v>0</v>
      </c>
      <c r="E16" s="358">
        <v>0</v>
      </c>
      <c r="F16" s="260">
        <v>0</v>
      </c>
      <c r="G16" s="261">
        <v>22</v>
      </c>
      <c r="H16" s="261">
        <v>24</v>
      </c>
      <c r="I16" s="261">
        <v>12</v>
      </c>
      <c r="J16" s="261">
        <v>9</v>
      </c>
      <c r="K16" s="261">
        <v>14</v>
      </c>
      <c r="L16" s="262">
        <v>81</v>
      </c>
      <c r="M16" s="263">
        <v>81</v>
      </c>
      <c r="N16" s="257">
        <v>0</v>
      </c>
      <c r="O16" s="261">
        <v>0</v>
      </c>
      <c r="P16" s="258">
        <v>0</v>
      </c>
      <c r="Q16" s="260">
        <v>0</v>
      </c>
      <c r="R16" s="261">
        <v>0</v>
      </c>
      <c r="S16" s="261">
        <v>0</v>
      </c>
      <c r="T16" s="261">
        <v>0</v>
      </c>
      <c r="U16" s="261">
        <v>2</v>
      </c>
      <c r="V16" s="261">
        <v>1</v>
      </c>
      <c r="W16" s="258">
        <v>3</v>
      </c>
      <c r="X16" s="263">
        <v>3</v>
      </c>
      <c r="Y16" s="257">
        <v>2</v>
      </c>
      <c r="Z16" s="261">
        <v>7</v>
      </c>
      <c r="AA16" s="258">
        <v>9</v>
      </c>
      <c r="AB16" s="260">
        <v>0</v>
      </c>
      <c r="AC16" s="261">
        <v>15</v>
      </c>
      <c r="AD16" s="261">
        <v>14</v>
      </c>
      <c r="AE16" s="261">
        <v>7</v>
      </c>
      <c r="AF16" s="261">
        <v>7</v>
      </c>
      <c r="AG16" s="261">
        <v>8</v>
      </c>
      <c r="AH16" s="258">
        <v>51</v>
      </c>
      <c r="AI16" s="263">
        <v>60</v>
      </c>
      <c r="AJ16" s="257">
        <v>0</v>
      </c>
      <c r="AK16" s="261">
        <v>0</v>
      </c>
      <c r="AL16" s="258">
        <v>0</v>
      </c>
      <c r="AM16" s="260">
        <v>0</v>
      </c>
      <c r="AN16" s="261">
        <v>1</v>
      </c>
      <c r="AO16" s="261">
        <v>4</v>
      </c>
      <c r="AP16" s="261">
        <v>0</v>
      </c>
      <c r="AQ16" s="261">
        <v>2</v>
      </c>
      <c r="AR16" s="261">
        <v>2</v>
      </c>
      <c r="AS16" s="258">
        <v>9</v>
      </c>
      <c r="AT16" s="263">
        <v>9</v>
      </c>
      <c r="AU16" s="257">
        <v>6</v>
      </c>
      <c r="AV16" s="261">
        <v>5</v>
      </c>
      <c r="AW16" s="258">
        <v>11</v>
      </c>
      <c r="AX16" s="260">
        <v>0</v>
      </c>
      <c r="AY16" s="261">
        <v>21</v>
      </c>
      <c r="AZ16" s="261">
        <v>22</v>
      </c>
      <c r="BA16" s="261">
        <v>19</v>
      </c>
      <c r="BB16" s="261">
        <v>18</v>
      </c>
      <c r="BC16" s="261">
        <v>22</v>
      </c>
      <c r="BD16" s="262">
        <v>102</v>
      </c>
      <c r="BE16" s="263">
        <v>113</v>
      </c>
      <c r="BF16" s="257">
        <v>0</v>
      </c>
      <c r="BG16" s="261">
        <v>0</v>
      </c>
      <c r="BH16" s="258">
        <v>0</v>
      </c>
      <c r="BI16" s="260">
        <v>0</v>
      </c>
      <c r="BJ16" s="261">
        <v>18</v>
      </c>
      <c r="BK16" s="261">
        <v>18</v>
      </c>
      <c r="BL16" s="261">
        <v>7</v>
      </c>
      <c r="BM16" s="261">
        <v>2</v>
      </c>
      <c r="BN16" s="261">
        <v>0</v>
      </c>
      <c r="BO16" s="258">
        <v>45</v>
      </c>
      <c r="BP16" s="263">
        <v>45</v>
      </c>
      <c r="BQ16" s="257">
        <v>0</v>
      </c>
      <c r="BR16" s="261">
        <v>0</v>
      </c>
      <c r="BS16" s="258">
        <v>0</v>
      </c>
      <c r="BT16" s="260">
        <v>0</v>
      </c>
      <c r="BU16" s="261">
        <v>2</v>
      </c>
      <c r="BV16" s="261">
        <v>2</v>
      </c>
      <c r="BW16" s="261">
        <v>2</v>
      </c>
      <c r="BX16" s="261">
        <v>2</v>
      </c>
      <c r="BY16" s="261">
        <v>2</v>
      </c>
      <c r="BZ16" s="258">
        <v>10</v>
      </c>
      <c r="CA16" s="263">
        <v>10</v>
      </c>
      <c r="CB16" s="257">
        <v>0</v>
      </c>
      <c r="CC16" s="261">
        <v>0</v>
      </c>
      <c r="CD16" s="258">
        <v>0</v>
      </c>
      <c r="CE16" s="260">
        <v>0</v>
      </c>
      <c r="CF16" s="261">
        <v>1</v>
      </c>
      <c r="CG16" s="261">
        <v>1</v>
      </c>
      <c r="CH16" s="261">
        <v>4</v>
      </c>
      <c r="CI16" s="261">
        <v>2</v>
      </c>
      <c r="CJ16" s="261">
        <v>0</v>
      </c>
      <c r="CK16" s="258">
        <v>8</v>
      </c>
      <c r="CL16" s="263">
        <v>8</v>
      </c>
      <c r="CM16" s="257">
        <v>0</v>
      </c>
      <c r="CN16" s="261">
        <v>0</v>
      </c>
      <c r="CO16" s="258">
        <v>0</v>
      </c>
      <c r="CP16" s="260">
        <v>0</v>
      </c>
      <c r="CQ16" s="261">
        <v>0</v>
      </c>
      <c r="CR16" s="261">
        <v>1</v>
      </c>
      <c r="CS16" s="261">
        <v>0</v>
      </c>
      <c r="CT16" s="261">
        <v>0</v>
      </c>
      <c r="CU16" s="261">
        <v>0</v>
      </c>
      <c r="CV16" s="258">
        <v>1</v>
      </c>
      <c r="CW16" s="263">
        <v>1</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3</v>
      </c>
      <c r="DU16" s="261">
        <v>15</v>
      </c>
      <c r="DV16" s="258">
        <v>18</v>
      </c>
      <c r="DW16" s="260">
        <v>0</v>
      </c>
      <c r="DX16" s="261">
        <v>20</v>
      </c>
      <c r="DY16" s="261">
        <v>35</v>
      </c>
      <c r="DZ16" s="261">
        <v>16</v>
      </c>
      <c r="EA16" s="261">
        <v>14</v>
      </c>
      <c r="EB16" s="261">
        <v>17</v>
      </c>
      <c r="EC16" s="258">
        <v>102</v>
      </c>
      <c r="ED16" s="263">
        <v>120</v>
      </c>
      <c r="EE16" s="257">
        <v>4</v>
      </c>
      <c r="EF16" s="261">
        <v>3</v>
      </c>
      <c r="EG16" s="258">
        <v>7</v>
      </c>
      <c r="EH16" s="260">
        <v>0</v>
      </c>
      <c r="EI16" s="261">
        <v>13</v>
      </c>
      <c r="EJ16" s="261">
        <v>7</v>
      </c>
      <c r="EK16" s="261">
        <v>8</v>
      </c>
      <c r="EL16" s="261">
        <v>12</v>
      </c>
      <c r="EM16" s="261">
        <v>7</v>
      </c>
      <c r="EN16" s="258">
        <v>47</v>
      </c>
      <c r="EO16" s="263">
        <v>54</v>
      </c>
      <c r="EP16" s="257">
        <v>4</v>
      </c>
      <c r="EQ16" s="261">
        <v>18</v>
      </c>
      <c r="ER16" s="258">
        <v>22</v>
      </c>
      <c r="ES16" s="260">
        <v>0</v>
      </c>
      <c r="ET16" s="261">
        <v>51</v>
      </c>
      <c r="EU16" s="261">
        <v>58</v>
      </c>
      <c r="EV16" s="261">
        <v>23</v>
      </c>
      <c r="EW16" s="261">
        <v>14</v>
      </c>
      <c r="EX16" s="261">
        <v>18</v>
      </c>
      <c r="EY16" s="258">
        <v>164</v>
      </c>
      <c r="EZ16" s="263">
        <v>186</v>
      </c>
    </row>
    <row r="17" spans="2:156" ht="21" customHeight="1" x14ac:dyDescent="0.2">
      <c r="B17" s="472" t="s">
        <v>15</v>
      </c>
      <c r="C17" s="257">
        <v>0</v>
      </c>
      <c r="D17" s="261">
        <v>0</v>
      </c>
      <c r="E17" s="358">
        <v>0</v>
      </c>
      <c r="F17" s="260">
        <v>0</v>
      </c>
      <c r="G17" s="261">
        <v>4</v>
      </c>
      <c r="H17" s="261">
        <v>5</v>
      </c>
      <c r="I17" s="261">
        <v>1</v>
      </c>
      <c r="J17" s="261">
        <v>2</v>
      </c>
      <c r="K17" s="261">
        <v>5</v>
      </c>
      <c r="L17" s="262">
        <v>17</v>
      </c>
      <c r="M17" s="263">
        <v>17</v>
      </c>
      <c r="N17" s="257">
        <v>0</v>
      </c>
      <c r="O17" s="261">
        <v>0</v>
      </c>
      <c r="P17" s="258">
        <v>0</v>
      </c>
      <c r="Q17" s="260">
        <v>0</v>
      </c>
      <c r="R17" s="261">
        <v>0</v>
      </c>
      <c r="S17" s="261">
        <v>0</v>
      </c>
      <c r="T17" s="261">
        <v>0</v>
      </c>
      <c r="U17" s="261">
        <v>1</v>
      </c>
      <c r="V17" s="261">
        <v>2</v>
      </c>
      <c r="W17" s="258">
        <v>3</v>
      </c>
      <c r="X17" s="263">
        <v>3</v>
      </c>
      <c r="Y17" s="257">
        <v>0</v>
      </c>
      <c r="Z17" s="261">
        <v>2</v>
      </c>
      <c r="AA17" s="258">
        <v>2</v>
      </c>
      <c r="AB17" s="260">
        <v>0</v>
      </c>
      <c r="AC17" s="261">
        <v>1</v>
      </c>
      <c r="AD17" s="261">
        <v>3</v>
      </c>
      <c r="AE17" s="261">
        <v>0</v>
      </c>
      <c r="AF17" s="261">
        <v>3</v>
      </c>
      <c r="AG17" s="261">
        <v>5</v>
      </c>
      <c r="AH17" s="258">
        <v>12</v>
      </c>
      <c r="AI17" s="263">
        <v>14</v>
      </c>
      <c r="AJ17" s="257">
        <v>0</v>
      </c>
      <c r="AK17" s="261">
        <v>1</v>
      </c>
      <c r="AL17" s="258">
        <v>1</v>
      </c>
      <c r="AM17" s="260">
        <v>0</v>
      </c>
      <c r="AN17" s="261">
        <v>0</v>
      </c>
      <c r="AO17" s="261">
        <v>0</v>
      </c>
      <c r="AP17" s="261">
        <v>0</v>
      </c>
      <c r="AQ17" s="261">
        <v>0</v>
      </c>
      <c r="AR17" s="261">
        <v>1</v>
      </c>
      <c r="AS17" s="258">
        <v>1</v>
      </c>
      <c r="AT17" s="263">
        <v>2</v>
      </c>
      <c r="AU17" s="257">
        <v>0</v>
      </c>
      <c r="AV17" s="261">
        <v>2</v>
      </c>
      <c r="AW17" s="258">
        <v>2</v>
      </c>
      <c r="AX17" s="260">
        <v>0</v>
      </c>
      <c r="AY17" s="261">
        <v>3</v>
      </c>
      <c r="AZ17" s="261">
        <v>6</v>
      </c>
      <c r="BA17" s="261">
        <v>6</v>
      </c>
      <c r="BB17" s="261">
        <v>6</v>
      </c>
      <c r="BC17" s="261">
        <v>4</v>
      </c>
      <c r="BD17" s="262">
        <v>25</v>
      </c>
      <c r="BE17" s="263">
        <v>27</v>
      </c>
      <c r="BF17" s="257">
        <v>0</v>
      </c>
      <c r="BG17" s="261">
        <v>0</v>
      </c>
      <c r="BH17" s="258">
        <v>0</v>
      </c>
      <c r="BI17" s="260">
        <v>0</v>
      </c>
      <c r="BJ17" s="261">
        <v>2</v>
      </c>
      <c r="BK17" s="261">
        <v>4</v>
      </c>
      <c r="BL17" s="261">
        <v>2</v>
      </c>
      <c r="BM17" s="261">
        <v>2</v>
      </c>
      <c r="BN17" s="261">
        <v>0</v>
      </c>
      <c r="BO17" s="258">
        <v>10</v>
      </c>
      <c r="BP17" s="263">
        <v>10</v>
      </c>
      <c r="BQ17" s="257">
        <v>0</v>
      </c>
      <c r="BR17" s="261">
        <v>0</v>
      </c>
      <c r="BS17" s="258">
        <v>0</v>
      </c>
      <c r="BT17" s="260">
        <v>0</v>
      </c>
      <c r="BU17" s="261">
        <v>0</v>
      </c>
      <c r="BV17" s="261">
        <v>1</v>
      </c>
      <c r="BW17" s="261">
        <v>2</v>
      </c>
      <c r="BX17" s="261">
        <v>2</v>
      </c>
      <c r="BY17" s="261">
        <v>1</v>
      </c>
      <c r="BZ17" s="258">
        <v>6</v>
      </c>
      <c r="CA17" s="263">
        <v>6</v>
      </c>
      <c r="CB17" s="257">
        <v>0</v>
      </c>
      <c r="CC17" s="261">
        <v>0</v>
      </c>
      <c r="CD17" s="258">
        <v>0</v>
      </c>
      <c r="CE17" s="260">
        <v>0</v>
      </c>
      <c r="CF17" s="261">
        <v>0</v>
      </c>
      <c r="CG17" s="261">
        <v>2</v>
      </c>
      <c r="CH17" s="261">
        <v>5</v>
      </c>
      <c r="CI17" s="261">
        <v>1</v>
      </c>
      <c r="CJ17" s="261">
        <v>1</v>
      </c>
      <c r="CK17" s="258">
        <v>9</v>
      </c>
      <c r="CL17" s="263">
        <v>9</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2</v>
      </c>
      <c r="DU17" s="261">
        <v>4</v>
      </c>
      <c r="DV17" s="258">
        <v>6</v>
      </c>
      <c r="DW17" s="260">
        <v>0</v>
      </c>
      <c r="DX17" s="261">
        <v>6</v>
      </c>
      <c r="DY17" s="261">
        <v>13</v>
      </c>
      <c r="DZ17" s="261">
        <v>6</v>
      </c>
      <c r="EA17" s="261">
        <v>4</v>
      </c>
      <c r="EB17" s="261">
        <v>4</v>
      </c>
      <c r="EC17" s="258">
        <v>33</v>
      </c>
      <c r="ED17" s="263">
        <v>39</v>
      </c>
      <c r="EE17" s="257">
        <v>1</v>
      </c>
      <c r="EF17" s="261">
        <v>1</v>
      </c>
      <c r="EG17" s="258">
        <v>2</v>
      </c>
      <c r="EH17" s="260">
        <v>0</v>
      </c>
      <c r="EI17" s="261">
        <v>4</v>
      </c>
      <c r="EJ17" s="261">
        <v>4</v>
      </c>
      <c r="EK17" s="261">
        <v>2</v>
      </c>
      <c r="EL17" s="261">
        <v>3</v>
      </c>
      <c r="EM17" s="261">
        <v>1</v>
      </c>
      <c r="EN17" s="258">
        <v>14</v>
      </c>
      <c r="EO17" s="263">
        <v>16</v>
      </c>
      <c r="EP17" s="257">
        <v>2</v>
      </c>
      <c r="EQ17" s="261">
        <v>6</v>
      </c>
      <c r="ER17" s="258">
        <v>8</v>
      </c>
      <c r="ES17" s="260">
        <v>0</v>
      </c>
      <c r="ET17" s="261">
        <v>9</v>
      </c>
      <c r="EU17" s="261">
        <v>18</v>
      </c>
      <c r="EV17" s="261">
        <v>8</v>
      </c>
      <c r="EW17" s="261">
        <v>5</v>
      </c>
      <c r="EX17" s="261">
        <v>6</v>
      </c>
      <c r="EY17" s="258">
        <v>46</v>
      </c>
      <c r="EZ17" s="263">
        <v>54</v>
      </c>
    </row>
    <row r="18" spans="2:156" ht="21" customHeight="1" x14ac:dyDescent="0.2">
      <c r="B18" s="472" t="s">
        <v>16</v>
      </c>
      <c r="C18" s="257">
        <v>0</v>
      </c>
      <c r="D18" s="261">
        <v>0</v>
      </c>
      <c r="E18" s="358">
        <v>0</v>
      </c>
      <c r="F18" s="260">
        <v>0</v>
      </c>
      <c r="G18" s="261">
        <v>7</v>
      </c>
      <c r="H18" s="261">
        <v>15</v>
      </c>
      <c r="I18" s="261">
        <v>3</v>
      </c>
      <c r="J18" s="261">
        <v>4</v>
      </c>
      <c r="K18" s="261">
        <v>1</v>
      </c>
      <c r="L18" s="262">
        <v>30</v>
      </c>
      <c r="M18" s="263">
        <v>30</v>
      </c>
      <c r="N18" s="257">
        <v>0</v>
      </c>
      <c r="O18" s="261">
        <v>0</v>
      </c>
      <c r="P18" s="258">
        <v>0</v>
      </c>
      <c r="Q18" s="260">
        <v>0</v>
      </c>
      <c r="R18" s="261">
        <v>0</v>
      </c>
      <c r="S18" s="261">
        <v>0</v>
      </c>
      <c r="T18" s="261">
        <v>0</v>
      </c>
      <c r="U18" s="261">
        <v>3</v>
      </c>
      <c r="V18" s="261">
        <v>4</v>
      </c>
      <c r="W18" s="258">
        <v>7</v>
      </c>
      <c r="X18" s="263">
        <v>7</v>
      </c>
      <c r="Y18" s="257">
        <v>2</v>
      </c>
      <c r="Z18" s="261">
        <v>3</v>
      </c>
      <c r="AA18" s="258">
        <v>5</v>
      </c>
      <c r="AB18" s="260">
        <v>0</v>
      </c>
      <c r="AC18" s="261">
        <v>7</v>
      </c>
      <c r="AD18" s="261">
        <v>8</v>
      </c>
      <c r="AE18" s="261">
        <v>8</v>
      </c>
      <c r="AF18" s="261">
        <v>5</v>
      </c>
      <c r="AG18" s="261">
        <v>4</v>
      </c>
      <c r="AH18" s="258">
        <v>32</v>
      </c>
      <c r="AI18" s="263">
        <v>37</v>
      </c>
      <c r="AJ18" s="257">
        <v>1</v>
      </c>
      <c r="AK18" s="261">
        <v>0</v>
      </c>
      <c r="AL18" s="258">
        <v>1</v>
      </c>
      <c r="AM18" s="260">
        <v>0</v>
      </c>
      <c r="AN18" s="261">
        <v>0</v>
      </c>
      <c r="AO18" s="261">
        <v>1</v>
      </c>
      <c r="AP18" s="261">
        <v>3</v>
      </c>
      <c r="AQ18" s="261">
        <v>0</v>
      </c>
      <c r="AR18" s="261">
        <v>1</v>
      </c>
      <c r="AS18" s="258">
        <v>5</v>
      </c>
      <c r="AT18" s="263">
        <v>6</v>
      </c>
      <c r="AU18" s="257">
        <v>3</v>
      </c>
      <c r="AV18" s="261">
        <v>1</v>
      </c>
      <c r="AW18" s="258">
        <v>4</v>
      </c>
      <c r="AX18" s="260">
        <v>0</v>
      </c>
      <c r="AY18" s="261">
        <v>11</v>
      </c>
      <c r="AZ18" s="261">
        <v>10</v>
      </c>
      <c r="BA18" s="261">
        <v>20</v>
      </c>
      <c r="BB18" s="261">
        <v>14</v>
      </c>
      <c r="BC18" s="261">
        <v>13</v>
      </c>
      <c r="BD18" s="262">
        <v>68</v>
      </c>
      <c r="BE18" s="263">
        <v>72</v>
      </c>
      <c r="BF18" s="257">
        <v>0</v>
      </c>
      <c r="BG18" s="261">
        <v>0</v>
      </c>
      <c r="BH18" s="258">
        <v>0</v>
      </c>
      <c r="BI18" s="260">
        <v>0</v>
      </c>
      <c r="BJ18" s="261">
        <v>24</v>
      </c>
      <c r="BK18" s="261">
        <v>15</v>
      </c>
      <c r="BL18" s="261">
        <v>5</v>
      </c>
      <c r="BM18" s="261">
        <v>3</v>
      </c>
      <c r="BN18" s="261">
        <v>3</v>
      </c>
      <c r="BO18" s="258">
        <v>50</v>
      </c>
      <c r="BP18" s="263">
        <v>50</v>
      </c>
      <c r="BQ18" s="257">
        <v>1</v>
      </c>
      <c r="BR18" s="261">
        <v>4</v>
      </c>
      <c r="BS18" s="258">
        <v>5</v>
      </c>
      <c r="BT18" s="260">
        <v>0</v>
      </c>
      <c r="BU18" s="261">
        <v>7</v>
      </c>
      <c r="BV18" s="261">
        <v>18</v>
      </c>
      <c r="BW18" s="261">
        <v>5</v>
      </c>
      <c r="BX18" s="261">
        <v>3</v>
      </c>
      <c r="BY18" s="261">
        <v>1</v>
      </c>
      <c r="BZ18" s="258">
        <v>34</v>
      </c>
      <c r="CA18" s="263">
        <v>39</v>
      </c>
      <c r="CB18" s="257">
        <v>0</v>
      </c>
      <c r="CC18" s="261">
        <v>1</v>
      </c>
      <c r="CD18" s="258">
        <v>1</v>
      </c>
      <c r="CE18" s="260">
        <v>0</v>
      </c>
      <c r="CF18" s="261">
        <v>4</v>
      </c>
      <c r="CG18" s="261">
        <v>3</v>
      </c>
      <c r="CH18" s="261">
        <v>3</v>
      </c>
      <c r="CI18" s="261">
        <v>2</v>
      </c>
      <c r="CJ18" s="261">
        <v>1</v>
      </c>
      <c r="CK18" s="258">
        <v>13</v>
      </c>
      <c r="CL18" s="263">
        <v>14</v>
      </c>
      <c r="CM18" s="257">
        <v>0</v>
      </c>
      <c r="CN18" s="261">
        <v>0</v>
      </c>
      <c r="CO18" s="258">
        <v>0</v>
      </c>
      <c r="CP18" s="260">
        <v>0</v>
      </c>
      <c r="CQ18" s="261">
        <v>0</v>
      </c>
      <c r="CR18" s="261">
        <v>1</v>
      </c>
      <c r="CS18" s="261">
        <v>0</v>
      </c>
      <c r="CT18" s="261">
        <v>0</v>
      </c>
      <c r="CU18" s="261">
        <v>0</v>
      </c>
      <c r="CV18" s="258">
        <v>1</v>
      </c>
      <c r="CW18" s="263">
        <v>1</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9</v>
      </c>
      <c r="DU18" s="261">
        <v>18</v>
      </c>
      <c r="DV18" s="258">
        <v>27</v>
      </c>
      <c r="DW18" s="260">
        <v>0</v>
      </c>
      <c r="DX18" s="261">
        <v>21</v>
      </c>
      <c r="DY18" s="261">
        <v>41</v>
      </c>
      <c r="DZ18" s="261">
        <v>18</v>
      </c>
      <c r="EA18" s="261">
        <v>12</v>
      </c>
      <c r="EB18" s="261">
        <v>10</v>
      </c>
      <c r="EC18" s="258">
        <v>102</v>
      </c>
      <c r="ED18" s="263">
        <v>129</v>
      </c>
      <c r="EE18" s="257">
        <v>3</v>
      </c>
      <c r="EF18" s="261">
        <v>1</v>
      </c>
      <c r="EG18" s="258">
        <v>4</v>
      </c>
      <c r="EH18" s="260">
        <v>0</v>
      </c>
      <c r="EI18" s="261">
        <v>6</v>
      </c>
      <c r="EJ18" s="261">
        <v>7</v>
      </c>
      <c r="EK18" s="261">
        <v>14</v>
      </c>
      <c r="EL18" s="261">
        <v>10</v>
      </c>
      <c r="EM18" s="261">
        <v>7</v>
      </c>
      <c r="EN18" s="258">
        <v>44</v>
      </c>
      <c r="EO18" s="263">
        <v>48</v>
      </c>
      <c r="EP18" s="257">
        <v>12</v>
      </c>
      <c r="EQ18" s="261">
        <v>22</v>
      </c>
      <c r="ER18" s="258">
        <v>34</v>
      </c>
      <c r="ES18" s="260">
        <v>0</v>
      </c>
      <c r="ET18" s="261">
        <v>51</v>
      </c>
      <c r="EU18" s="261">
        <v>56</v>
      </c>
      <c r="EV18" s="261">
        <v>28</v>
      </c>
      <c r="EW18" s="261">
        <v>15</v>
      </c>
      <c r="EX18" s="261">
        <v>10</v>
      </c>
      <c r="EY18" s="258">
        <v>160</v>
      </c>
      <c r="EZ18" s="263">
        <v>194</v>
      </c>
    </row>
    <row r="19" spans="2:156" ht="21" customHeight="1" x14ac:dyDescent="0.2">
      <c r="B19" s="472" t="s">
        <v>17</v>
      </c>
      <c r="C19" s="257">
        <v>0</v>
      </c>
      <c r="D19" s="261">
        <v>0</v>
      </c>
      <c r="E19" s="358">
        <v>0</v>
      </c>
      <c r="F19" s="260">
        <v>0</v>
      </c>
      <c r="G19" s="261">
        <v>15</v>
      </c>
      <c r="H19" s="261">
        <v>15</v>
      </c>
      <c r="I19" s="261">
        <v>16</v>
      </c>
      <c r="J19" s="261">
        <v>9</v>
      </c>
      <c r="K19" s="261">
        <v>4</v>
      </c>
      <c r="L19" s="262">
        <v>59</v>
      </c>
      <c r="M19" s="263">
        <v>59</v>
      </c>
      <c r="N19" s="257">
        <v>0</v>
      </c>
      <c r="O19" s="261">
        <v>0</v>
      </c>
      <c r="P19" s="258">
        <v>0</v>
      </c>
      <c r="Q19" s="260">
        <v>0</v>
      </c>
      <c r="R19" s="261">
        <v>0</v>
      </c>
      <c r="S19" s="261">
        <v>2</v>
      </c>
      <c r="T19" s="261">
        <v>1</v>
      </c>
      <c r="U19" s="261">
        <v>4</v>
      </c>
      <c r="V19" s="261">
        <v>3</v>
      </c>
      <c r="W19" s="258">
        <v>10</v>
      </c>
      <c r="X19" s="263">
        <v>10</v>
      </c>
      <c r="Y19" s="257">
        <v>4</v>
      </c>
      <c r="Z19" s="261">
        <v>5</v>
      </c>
      <c r="AA19" s="258">
        <v>9</v>
      </c>
      <c r="AB19" s="260">
        <v>0</v>
      </c>
      <c r="AC19" s="261">
        <v>14</v>
      </c>
      <c r="AD19" s="261">
        <v>18</v>
      </c>
      <c r="AE19" s="261">
        <v>17</v>
      </c>
      <c r="AF19" s="261">
        <v>15</v>
      </c>
      <c r="AG19" s="261">
        <v>7</v>
      </c>
      <c r="AH19" s="258">
        <v>71</v>
      </c>
      <c r="AI19" s="263">
        <v>80</v>
      </c>
      <c r="AJ19" s="257">
        <v>0</v>
      </c>
      <c r="AK19" s="261">
        <v>0</v>
      </c>
      <c r="AL19" s="258">
        <v>0</v>
      </c>
      <c r="AM19" s="260">
        <v>0</v>
      </c>
      <c r="AN19" s="261">
        <v>1</v>
      </c>
      <c r="AO19" s="261">
        <v>1</v>
      </c>
      <c r="AP19" s="261">
        <v>4</v>
      </c>
      <c r="AQ19" s="261">
        <v>2</v>
      </c>
      <c r="AR19" s="261">
        <v>1</v>
      </c>
      <c r="AS19" s="258">
        <v>9</v>
      </c>
      <c r="AT19" s="263">
        <v>9</v>
      </c>
      <c r="AU19" s="257">
        <v>4</v>
      </c>
      <c r="AV19" s="261">
        <v>6</v>
      </c>
      <c r="AW19" s="258">
        <v>10</v>
      </c>
      <c r="AX19" s="260">
        <v>0</v>
      </c>
      <c r="AY19" s="261">
        <v>15</v>
      </c>
      <c r="AZ19" s="261">
        <v>24</v>
      </c>
      <c r="BA19" s="261">
        <v>24</v>
      </c>
      <c r="BB19" s="261">
        <v>27</v>
      </c>
      <c r="BC19" s="261">
        <v>17</v>
      </c>
      <c r="BD19" s="262">
        <v>107</v>
      </c>
      <c r="BE19" s="263">
        <v>117</v>
      </c>
      <c r="BF19" s="257">
        <v>0</v>
      </c>
      <c r="BG19" s="261">
        <v>0</v>
      </c>
      <c r="BH19" s="258">
        <v>0</v>
      </c>
      <c r="BI19" s="260">
        <v>0</v>
      </c>
      <c r="BJ19" s="261">
        <v>19</v>
      </c>
      <c r="BK19" s="261">
        <v>28</v>
      </c>
      <c r="BL19" s="261">
        <v>16</v>
      </c>
      <c r="BM19" s="261">
        <v>11</v>
      </c>
      <c r="BN19" s="261">
        <v>3</v>
      </c>
      <c r="BO19" s="258">
        <v>77</v>
      </c>
      <c r="BP19" s="263">
        <v>77</v>
      </c>
      <c r="BQ19" s="257">
        <v>6</v>
      </c>
      <c r="BR19" s="261">
        <v>4</v>
      </c>
      <c r="BS19" s="258">
        <v>10</v>
      </c>
      <c r="BT19" s="260">
        <v>0</v>
      </c>
      <c r="BU19" s="261">
        <v>5</v>
      </c>
      <c r="BV19" s="261">
        <v>16</v>
      </c>
      <c r="BW19" s="261">
        <v>8</v>
      </c>
      <c r="BX19" s="261">
        <v>5</v>
      </c>
      <c r="BY19" s="261">
        <v>4</v>
      </c>
      <c r="BZ19" s="258">
        <v>38</v>
      </c>
      <c r="CA19" s="263">
        <v>48</v>
      </c>
      <c r="CB19" s="257">
        <v>0</v>
      </c>
      <c r="CC19" s="261">
        <v>0</v>
      </c>
      <c r="CD19" s="258">
        <v>0</v>
      </c>
      <c r="CE19" s="260">
        <v>0</v>
      </c>
      <c r="CF19" s="261">
        <v>1</v>
      </c>
      <c r="CG19" s="261">
        <v>6</v>
      </c>
      <c r="CH19" s="261">
        <v>10</v>
      </c>
      <c r="CI19" s="261">
        <v>5</v>
      </c>
      <c r="CJ19" s="261">
        <v>3</v>
      </c>
      <c r="CK19" s="258">
        <v>25</v>
      </c>
      <c r="CL19" s="263">
        <v>25</v>
      </c>
      <c r="CM19" s="257">
        <v>0</v>
      </c>
      <c r="CN19" s="261">
        <v>0</v>
      </c>
      <c r="CO19" s="258">
        <v>0</v>
      </c>
      <c r="CP19" s="260">
        <v>0</v>
      </c>
      <c r="CQ19" s="261">
        <v>1</v>
      </c>
      <c r="CR19" s="261">
        <v>3</v>
      </c>
      <c r="CS19" s="261">
        <v>0</v>
      </c>
      <c r="CT19" s="261">
        <v>1</v>
      </c>
      <c r="CU19" s="261">
        <v>0</v>
      </c>
      <c r="CV19" s="258">
        <v>5</v>
      </c>
      <c r="CW19" s="263">
        <v>5</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4</v>
      </c>
      <c r="DU19" s="261">
        <v>25</v>
      </c>
      <c r="DV19" s="258">
        <v>39</v>
      </c>
      <c r="DW19" s="260">
        <v>0</v>
      </c>
      <c r="DX19" s="261">
        <v>26</v>
      </c>
      <c r="DY19" s="261">
        <v>54</v>
      </c>
      <c r="DZ19" s="261">
        <v>49</v>
      </c>
      <c r="EA19" s="261">
        <v>31</v>
      </c>
      <c r="EB19" s="261">
        <v>13</v>
      </c>
      <c r="EC19" s="258">
        <v>173</v>
      </c>
      <c r="ED19" s="263">
        <v>212</v>
      </c>
      <c r="EE19" s="257">
        <v>4</v>
      </c>
      <c r="EF19" s="261">
        <v>3</v>
      </c>
      <c r="EG19" s="258">
        <v>7</v>
      </c>
      <c r="EH19" s="260">
        <v>0</v>
      </c>
      <c r="EI19" s="261">
        <v>7</v>
      </c>
      <c r="EJ19" s="261">
        <v>11</v>
      </c>
      <c r="EK19" s="261">
        <v>10</v>
      </c>
      <c r="EL19" s="261">
        <v>13</v>
      </c>
      <c r="EM19" s="261">
        <v>8</v>
      </c>
      <c r="EN19" s="258">
        <v>49</v>
      </c>
      <c r="EO19" s="263">
        <v>56</v>
      </c>
      <c r="EP19" s="257">
        <v>23</v>
      </c>
      <c r="EQ19" s="261">
        <v>28</v>
      </c>
      <c r="ER19" s="258">
        <v>51</v>
      </c>
      <c r="ES19" s="260">
        <v>0</v>
      </c>
      <c r="ET19" s="261">
        <v>60</v>
      </c>
      <c r="EU19" s="261">
        <v>80</v>
      </c>
      <c r="EV19" s="261">
        <v>60</v>
      </c>
      <c r="EW19" s="261">
        <v>33</v>
      </c>
      <c r="EX19" s="261">
        <v>13</v>
      </c>
      <c r="EY19" s="258">
        <v>246</v>
      </c>
      <c r="EZ19" s="263">
        <v>297</v>
      </c>
    </row>
    <row r="20" spans="2:156" ht="21" customHeight="1" x14ac:dyDescent="0.2">
      <c r="B20" s="472" t="s">
        <v>18</v>
      </c>
      <c r="C20" s="257">
        <v>0</v>
      </c>
      <c r="D20" s="261">
        <v>0</v>
      </c>
      <c r="E20" s="358">
        <v>0</v>
      </c>
      <c r="F20" s="260">
        <v>0</v>
      </c>
      <c r="G20" s="261">
        <v>26</v>
      </c>
      <c r="H20" s="261">
        <v>24</v>
      </c>
      <c r="I20" s="261">
        <v>16</v>
      </c>
      <c r="J20" s="261">
        <v>16</v>
      </c>
      <c r="K20" s="261">
        <v>7</v>
      </c>
      <c r="L20" s="262">
        <v>89</v>
      </c>
      <c r="M20" s="263">
        <v>89</v>
      </c>
      <c r="N20" s="257">
        <v>0</v>
      </c>
      <c r="O20" s="261">
        <v>0</v>
      </c>
      <c r="P20" s="258">
        <v>0</v>
      </c>
      <c r="Q20" s="260">
        <v>0</v>
      </c>
      <c r="R20" s="261">
        <v>0</v>
      </c>
      <c r="S20" s="261">
        <v>0</v>
      </c>
      <c r="T20" s="261">
        <v>1</v>
      </c>
      <c r="U20" s="261">
        <v>2</v>
      </c>
      <c r="V20" s="261">
        <v>4</v>
      </c>
      <c r="W20" s="258">
        <v>7</v>
      </c>
      <c r="X20" s="263">
        <v>7</v>
      </c>
      <c r="Y20" s="257">
        <v>6</v>
      </c>
      <c r="Z20" s="261">
        <v>7</v>
      </c>
      <c r="AA20" s="258">
        <v>13</v>
      </c>
      <c r="AB20" s="260">
        <v>0</v>
      </c>
      <c r="AC20" s="261">
        <v>19</v>
      </c>
      <c r="AD20" s="261">
        <v>26</v>
      </c>
      <c r="AE20" s="261">
        <v>16</v>
      </c>
      <c r="AF20" s="261">
        <v>12</v>
      </c>
      <c r="AG20" s="261">
        <v>9</v>
      </c>
      <c r="AH20" s="258">
        <v>82</v>
      </c>
      <c r="AI20" s="263">
        <v>95</v>
      </c>
      <c r="AJ20" s="257">
        <v>1</v>
      </c>
      <c r="AK20" s="261">
        <v>0</v>
      </c>
      <c r="AL20" s="258">
        <v>1</v>
      </c>
      <c r="AM20" s="260">
        <v>0</v>
      </c>
      <c r="AN20" s="261">
        <v>2</v>
      </c>
      <c r="AO20" s="261">
        <v>3</v>
      </c>
      <c r="AP20" s="261">
        <v>2</v>
      </c>
      <c r="AQ20" s="261">
        <v>0</v>
      </c>
      <c r="AR20" s="261">
        <v>1</v>
      </c>
      <c r="AS20" s="258">
        <v>8</v>
      </c>
      <c r="AT20" s="263">
        <v>9</v>
      </c>
      <c r="AU20" s="257">
        <v>3</v>
      </c>
      <c r="AV20" s="261">
        <v>6</v>
      </c>
      <c r="AW20" s="258">
        <v>9</v>
      </c>
      <c r="AX20" s="260">
        <v>0</v>
      </c>
      <c r="AY20" s="261">
        <v>29</v>
      </c>
      <c r="AZ20" s="261">
        <v>27</v>
      </c>
      <c r="BA20" s="261">
        <v>36</v>
      </c>
      <c r="BB20" s="261">
        <v>35</v>
      </c>
      <c r="BC20" s="261">
        <v>24</v>
      </c>
      <c r="BD20" s="262">
        <v>151</v>
      </c>
      <c r="BE20" s="263">
        <v>160</v>
      </c>
      <c r="BF20" s="257">
        <v>0</v>
      </c>
      <c r="BG20" s="261">
        <v>0</v>
      </c>
      <c r="BH20" s="258">
        <v>0</v>
      </c>
      <c r="BI20" s="260">
        <v>0</v>
      </c>
      <c r="BJ20" s="261">
        <v>36</v>
      </c>
      <c r="BK20" s="261">
        <v>39</v>
      </c>
      <c r="BL20" s="261">
        <v>18</v>
      </c>
      <c r="BM20" s="261">
        <v>11</v>
      </c>
      <c r="BN20" s="261">
        <v>4</v>
      </c>
      <c r="BO20" s="258">
        <v>108</v>
      </c>
      <c r="BP20" s="263">
        <v>108</v>
      </c>
      <c r="BQ20" s="257">
        <v>6</v>
      </c>
      <c r="BR20" s="261">
        <v>5</v>
      </c>
      <c r="BS20" s="258">
        <v>11</v>
      </c>
      <c r="BT20" s="260">
        <v>0</v>
      </c>
      <c r="BU20" s="261">
        <v>9</v>
      </c>
      <c r="BV20" s="261">
        <v>18</v>
      </c>
      <c r="BW20" s="261">
        <v>6</v>
      </c>
      <c r="BX20" s="261">
        <v>7</v>
      </c>
      <c r="BY20" s="261">
        <v>2</v>
      </c>
      <c r="BZ20" s="258">
        <v>42</v>
      </c>
      <c r="CA20" s="263">
        <v>53</v>
      </c>
      <c r="CB20" s="257">
        <v>0</v>
      </c>
      <c r="CC20" s="261">
        <v>0</v>
      </c>
      <c r="CD20" s="258">
        <v>0</v>
      </c>
      <c r="CE20" s="260">
        <v>0</v>
      </c>
      <c r="CF20" s="261">
        <v>0</v>
      </c>
      <c r="CG20" s="261">
        <v>5</v>
      </c>
      <c r="CH20" s="261">
        <v>9</v>
      </c>
      <c r="CI20" s="261">
        <v>7</v>
      </c>
      <c r="CJ20" s="261">
        <v>3</v>
      </c>
      <c r="CK20" s="258">
        <v>24</v>
      </c>
      <c r="CL20" s="263">
        <v>24</v>
      </c>
      <c r="CM20" s="257">
        <v>0</v>
      </c>
      <c r="CN20" s="261">
        <v>0</v>
      </c>
      <c r="CO20" s="258">
        <v>0</v>
      </c>
      <c r="CP20" s="260">
        <v>0</v>
      </c>
      <c r="CQ20" s="261">
        <v>0</v>
      </c>
      <c r="CR20" s="261">
        <v>1</v>
      </c>
      <c r="CS20" s="261">
        <v>0</v>
      </c>
      <c r="CT20" s="261">
        <v>0</v>
      </c>
      <c r="CU20" s="261">
        <v>1</v>
      </c>
      <c r="CV20" s="258">
        <v>2</v>
      </c>
      <c r="CW20" s="263">
        <v>2</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11</v>
      </c>
      <c r="DU20" s="261">
        <v>23</v>
      </c>
      <c r="DV20" s="258">
        <v>34</v>
      </c>
      <c r="DW20" s="260">
        <v>0</v>
      </c>
      <c r="DX20" s="261">
        <v>45</v>
      </c>
      <c r="DY20" s="261">
        <v>56</v>
      </c>
      <c r="DZ20" s="261">
        <v>47</v>
      </c>
      <c r="EA20" s="261">
        <v>34</v>
      </c>
      <c r="EB20" s="261">
        <v>19</v>
      </c>
      <c r="EC20" s="258">
        <v>201</v>
      </c>
      <c r="ED20" s="263">
        <v>235</v>
      </c>
      <c r="EE20" s="257">
        <v>2</v>
      </c>
      <c r="EF20" s="261">
        <v>2</v>
      </c>
      <c r="EG20" s="258">
        <v>4</v>
      </c>
      <c r="EH20" s="260">
        <v>0</v>
      </c>
      <c r="EI20" s="261">
        <v>11</v>
      </c>
      <c r="EJ20" s="261">
        <v>10</v>
      </c>
      <c r="EK20" s="261">
        <v>9</v>
      </c>
      <c r="EL20" s="261">
        <v>13</v>
      </c>
      <c r="EM20" s="261">
        <v>14</v>
      </c>
      <c r="EN20" s="258">
        <v>57</v>
      </c>
      <c r="EO20" s="263">
        <v>61</v>
      </c>
      <c r="EP20" s="257">
        <v>21</v>
      </c>
      <c r="EQ20" s="261">
        <v>32</v>
      </c>
      <c r="ER20" s="258">
        <v>53</v>
      </c>
      <c r="ES20" s="260">
        <v>0</v>
      </c>
      <c r="ET20" s="261">
        <v>92</v>
      </c>
      <c r="EU20" s="261">
        <v>94</v>
      </c>
      <c r="EV20" s="261">
        <v>52</v>
      </c>
      <c r="EW20" s="261">
        <v>39</v>
      </c>
      <c r="EX20" s="261">
        <v>16</v>
      </c>
      <c r="EY20" s="258">
        <v>293</v>
      </c>
      <c r="EZ20" s="263">
        <v>346</v>
      </c>
    </row>
    <row r="21" spans="2:156" ht="21" customHeight="1" x14ac:dyDescent="0.2">
      <c r="B21" s="472" t="s">
        <v>19</v>
      </c>
      <c r="C21" s="257">
        <v>0</v>
      </c>
      <c r="D21" s="261">
        <v>0</v>
      </c>
      <c r="E21" s="358">
        <v>0</v>
      </c>
      <c r="F21" s="260">
        <v>0</v>
      </c>
      <c r="G21" s="261">
        <v>12</v>
      </c>
      <c r="H21" s="261">
        <v>7</v>
      </c>
      <c r="I21" s="261">
        <v>4</v>
      </c>
      <c r="J21" s="261">
        <v>3</v>
      </c>
      <c r="K21" s="261">
        <v>3</v>
      </c>
      <c r="L21" s="262">
        <v>29</v>
      </c>
      <c r="M21" s="263">
        <v>29</v>
      </c>
      <c r="N21" s="257">
        <v>0</v>
      </c>
      <c r="O21" s="261">
        <v>0</v>
      </c>
      <c r="P21" s="258">
        <v>0</v>
      </c>
      <c r="Q21" s="260">
        <v>0</v>
      </c>
      <c r="R21" s="261">
        <v>0</v>
      </c>
      <c r="S21" s="261">
        <v>0</v>
      </c>
      <c r="T21" s="261">
        <v>0</v>
      </c>
      <c r="U21" s="261">
        <v>1</v>
      </c>
      <c r="V21" s="261">
        <v>2</v>
      </c>
      <c r="W21" s="258">
        <v>3</v>
      </c>
      <c r="X21" s="263">
        <v>3</v>
      </c>
      <c r="Y21" s="257">
        <v>2</v>
      </c>
      <c r="Z21" s="261">
        <v>2</v>
      </c>
      <c r="AA21" s="258">
        <v>4</v>
      </c>
      <c r="AB21" s="260">
        <v>0</v>
      </c>
      <c r="AC21" s="261">
        <v>13</v>
      </c>
      <c r="AD21" s="261">
        <v>8</v>
      </c>
      <c r="AE21" s="261">
        <v>6</v>
      </c>
      <c r="AF21" s="261">
        <v>7</v>
      </c>
      <c r="AG21" s="261">
        <v>3</v>
      </c>
      <c r="AH21" s="258">
        <v>37</v>
      </c>
      <c r="AI21" s="263">
        <v>41</v>
      </c>
      <c r="AJ21" s="257">
        <v>0</v>
      </c>
      <c r="AK21" s="261">
        <v>0</v>
      </c>
      <c r="AL21" s="258">
        <v>0</v>
      </c>
      <c r="AM21" s="260">
        <v>0</v>
      </c>
      <c r="AN21" s="261">
        <v>1</v>
      </c>
      <c r="AO21" s="261">
        <v>0</v>
      </c>
      <c r="AP21" s="261">
        <v>0</v>
      </c>
      <c r="AQ21" s="261">
        <v>2</v>
      </c>
      <c r="AR21" s="261">
        <v>0</v>
      </c>
      <c r="AS21" s="258">
        <v>3</v>
      </c>
      <c r="AT21" s="263">
        <v>3</v>
      </c>
      <c r="AU21" s="257">
        <v>2</v>
      </c>
      <c r="AV21" s="261">
        <v>2</v>
      </c>
      <c r="AW21" s="258">
        <v>4</v>
      </c>
      <c r="AX21" s="260">
        <v>0</v>
      </c>
      <c r="AY21" s="261">
        <v>10</v>
      </c>
      <c r="AZ21" s="261">
        <v>16</v>
      </c>
      <c r="BA21" s="261">
        <v>12</v>
      </c>
      <c r="BB21" s="261">
        <v>10</v>
      </c>
      <c r="BC21" s="261">
        <v>9</v>
      </c>
      <c r="BD21" s="262">
        <v>57</v>
      </c>
      <c r="BE21" s="263">
        <v>61</v>
      </c>
      <c r="BF21" s="257">
        <v>0</v>
      </c>
      <c r="BG21" s="261">
        <v>0</v>
      </c>
      <c r="BH21" s="258">
        <v>0</v>
      </c>
      <c r="BI21" s="260">
        <v>0</v>
      </c>
      <c r="BJ21" s="261">
        <v>12</v>
      </c>
      <c r="BK21" s="261">
        <v>9</v>
      </c>
      <c r="BL21" s="261">
        <v>5</v>
      </c>
      <c r="BM21" s="261">
        <v>2</v>
      </c>
      <c r="BN21" s="261">
        <v>3</v>
      </c>
      <c r="BO21" s="258">
        <v>31</v>
      </c>
      <c r="BP21" s="263">
        <v>31</v>
      </c>
      <c r="BQ21" s="257">
        <v>0</v>
      </c>
      <c r="BR21" s="261">
        <v>2</v>
      </c>
      <c r="BS21" s="258">
        <v>2</v>
      </c>
      <c r="BT21" s="260">
        <v>0</v>
      </c>
      <c r="BU21" s="261">
        <v>8</v>
      </c>
      <c r="BV21" s="261">
        <v>6</v>
      </c>
      <c r="BW21" s="261">
        <v>6</v>
      </c>
      <c r="BX21" s="261">
        <v>3</v>
      </c>
      <c r="BY21" s="261">
        <v>1</v>
      </c>
      <c r="BZ21" s="258">
        <v>24</v>
      </c>
      <c r="CA21" s="263">
        <v>26</v>
      </c>
      <c r="CB21" s="257">
        <v>0</v>
      </c>
      <c r="CC21" s="261">
        <v>1</v>
      </c>
      <c r="CD21" s="258">
        <v>1</v>
      </c>
      <c r="CE21" s="260">
        <v>0</v>
      </c>
      <c r="CF21" s="261">
        <v>2</v>
      </c>
      <c r="CG21" s="261">
        <v>2</v>
      </c>
      <c r="CH21" s="261">
        <v>3</v>
      </c>
      <c r="CI21" s="261">
        <v>1</v>
      </c>
      <c r="CJ21" s="261">
        <v>0</v>
      </c>
      <c r="CK21" s="258">
        <v>8</v>
      </c>
      <c r="CL21" s="263">
        <v>9</v>
      </c>
      <c r="CM21" s="257">
        <v>0</v>
      </c>
      <c r="CN21" s="261">
        <v>0</v>
      </c>
      <c r="CO21" s="258">
        <v>0</v>
      </c>
      <c r="CP21" s="260">
        <v>0</v>
      </c>
      <c r="CQ21" s="261">
        <v>0</v>
      </c>
      <c r="CR21" s="261">
        <v>0</v>
      </c>
      <c r="CS21" s="261">
        <v>1</v>
      </c>
      <c r="CT21" s="261">
        <v>1</v>
      </c>
      <c r="CU21" s="261">
        <v>0</v>
      </c>
      <c r="CV21" s="258">
        <v>2</v>
      </c>
      <c r="CW21" s="263">
        <v>2</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5</v>
      </c>
      <c r="DU21" s="261">
        <v>6</v>
      </c>
      <c r="DV21" s="258">
        <v>11</v>
      </c>
      <c r="DW21" s="260">
        <v>0</v>
      </c>
      <c r="DX21" s="261">
        <v>19</v>
      </c>
      <c r="DY21" s="261">
        <v>23</v>
      </c>
      <c r="DZ21" s="261">
        <v>15</v>
      </c>
      <c r="EA21" s="261">
        <v>11</v>
      </c>
      <c r="EB21" s="261">
        <v>6</v>
      </c>
      <c r="EC21" s="258">
        <v>74</v>
      </c>
      <c r="ED21" s="263">
        <v>85</v>
      </c>
      <c r="EE21" s="257">
        <v>1</v>
      </c>
      <c r="EF21" s="261">
        <v>2</v>
      </c>
      <c r="EG21" s="258">
        <v>3</v>
      </c>
      <c r="EH21" s="260">
        <v>0</v>
      </c>
      <c r="EI21" s="261">
        <v>5</v>
      </c>
      <c r="EJ21" s="261">
        <v>8</v>
      </c>
      <c r="EK21" s="261">
        <v>5</v>
      </c>
      <c r="EL21" s="261">
        <v>3</v>
      </c>
      <c r="EM21" s="261">
        <v>3</v>
      </c>
      <c r="EN21" s="258">
        <v>24</v>
      </c>
      <c r="EO21" s="263">
        <v>27</v>
      </c>
      <c r="EP21" s="257">
        <v>7</v>
      </c>
      <c r="EQ21" s="261">
        <v>9</v>
      </c>
      <c r="ER21" s="258">
        <v>16</v>
      </c>
      <c r="ES21" s="260">
        <v>0</v>
      </c>
      <c r="ET21" s="261">
        <v>46</v>
      </c>
      <c r="EU21" s="261">
        <v>33</v>
      </c>
      <c r="EV21" s="261">
        <v>20</v>
      </c>
      <c r="EW21" s="261">
        <v>12</v>
      </c>
      <c r="EX21" s="261">
        <v>7</v>
      </c>
      <c r="EY21" s="258">
        <v>118</v>
      </c>
      <c r="EZ21" s="263">
        <v>134</v>
      </c>
    </row>
    <row r="22" spans="2:156" ht="21" customHeight="1" x14ac:dyDescent="0.2">
      <c r="B22" s="472" t="s">
        <v>20</v>
      </c>
      <c r="C22" s="257">
        <v>0</v>
      </c>
      <c r="D22" s="261">
        <v>0</v>
      </c>
      <c r="E22" s="358">
        <v>0</v>
      </c>
      <c r="F22" s="260">
        <v>0</v>
      </c>
      <c r="G22" s="261">
        <v>11</v>
      </c>
      <c r="H22" s="261">
        <v>11</v>
      </c>
      <c r="I22" s="261">
        <v>8</v>
      </c>
      <c r="J22" s="261">
        <v>6</v>
      </c>
      <c r="K22" s="261">
        <v>3</v>
      </c>
      <c r="L22" s="262">
        <v>39</v>
      </c>
      <c r="M22" s="263">
        <v>39</v>
      </c>
      <c r="N22" s="257">
        <v>0</v>
      </c>
      <c r="O22" s="261">
        <v>0</v>
      </c>
      <c r="P22" s="258">
        <v>0</v>
      </c>
      <c r="Q22" s="260">
        <v>0</v>
      </c>
      <c r="R22" s="261">
        <v>1</v>
      </c>
      <c r="S22" s="261">
        <v>0</v>
      </c>
      <c r="T22" s="261">
        <v>0</v>
      </c>
      <c r="U22" s="261">
        <v>3</v>
      </c>
      <c r="V22" s="261">
        <v>1</v>
      </c>
      <c r="W22" s="258">
        <v>5</v>
      </c>
      <c r="X22" s="263">
        <v>5</v>
      </c>
      <c r="Y22" s="257">
        <v>3</v>
      </c>
      <c r="Z22" s="261">
        <v>5</v>
      </c>
      <c r="AA22" s="258">
        <v>8</v>
      </c>
      <c r="AB22" s="260">
        <v>0</v>
      </c>
      <c r="AC22" s="261">
        <v>10</v>
      </c>
      <c r="AD22" s="261">
        <v>13</v>
      </c>
      <c r="AE22" s="261">
        <v>9</v>
      </c>
      <c r="AF22" s="261">
        <v>5</v>
      </c>
      <c r="AG22" s="261">
        <v>2</v>
      </c>
      <c r="AH22" s="258">
        <v>39</v>
      </c>
      <c r="AI22" s="263">
        <v>47</v>
      </c>
      <c r="AJ22" s="257">
        <v>0</v>
      </c>
      <c r="AK22" s="261">
        <v>4</v>
      </c>
      <c r="AL22" s="258">
        <v>4</v>
      </c>
      <c r="AM22" s="260">
        <v>0</v>
      </c>
      <c r="AN22" s="261">
        <v>4</v>
      </c>
      <c r="AO22" s="261">
        <v>4</v>
      </c>
      <c r="AP22" s="261">
        <v>3</v>
      </c>
      <c r="AQ22" s="261">
        <v>2</v>
      </c>
      <c r="AR22" s="261">
        <v>1</v>
      </c>
      <c r="AS22" s="258">
        <v>14</v>
      </c>
      <c r="AT22" s="263">
        <v>18</v>
      </c>
      <c r="AU22" s="257">
        <v>2</v>
      </c>
      <c r="AV22" s="261">
        <v>1</v>
      </c>
      <c r="AW22" s="258">
        <v>3</v>
      </c>
      <c r="AX22" s="260">
        <v>0</v>
      </c>
      <c r="AY22" s="261">
        <v>11</v>
      </c>
      <c r="AZ22" s="261">
        <v>14</v>
      </c>
      <c r="BA22" s="261">
        <v>12</v>
      </c>
      <c r="BB22" s="261">
        <v>9</v>
      </c>
      <c r="BC22" s="261">
        <v>10</v>
      </c>
      <c r="BD22" s="262">
        <v>56</v>
      </c>
      <c r="BE22" s="263">
        <v>59</v>
      </c>
      <c r="BF22" s="257">
        <v>0</v>
      </c>
      <c r="BG22" s="261">
        <v>0</v>
      </c>
      <c r="BH22" s="258">
        <v>0</v>
      </c>
      <c r="BI22" s="260">
        <v>0</v>
      </c>
      <c r="BJ22" s="261">
        <v>17</v>
      </c>
      <c r="BK22" s="261">
        <v>15</v>
      </c>
      <c r="BL22" s="261">
        <v>10</v>
      </c>
      <c r="BM22" s="261">
        <v>5</v>
      </c>
      <c r="BN22" s="261">
        <v>3</v>
      </c>
      <c r="BO22" s="258">
        <v>50</v>
      </c>
      <c r="BP22" s="263">
        <v>50</v>
      </c>
      <c r="BQ22" s="257">
        <v>0</v>
      </c>
      <c r="BR22" s="261">
        <v>3</v>
      </c>
      <c r="BS22" s="258">
        <v>3</v>
      </c>
      <c r="BT22" s="260">
        <v>0</v>
      </c>
      <c r="BU22" s="261">
        <v>5</v>
      </c>
      <c r="BV22" s="261">
        <v>12</v>
      </c>
      <c r="BW22" s="261">
        <v>6</v>
      </c>
      <c r="BX22" s="261">
        <v>4</v>
      </c>
      <c r="BY22" s="261">
        <v>3</v>
      </c>
      <c r="BZ22" s="258">
        <v>30</v>
      </c>
      <c r="CA22" s="263">
        <v>33</v>
      </c>
      <c r="CB22" s="257">
        <v>0</v>
      </c>
      <c r="CC22" s="261">
        <v>0</v>
      </c>
      <c r="CD22" s="258">
        <v>0</v>
      </c>
      <c r="CE22" s="260">
        <v>0</v>
      </c>
      <c r="CF22" s="261">
        <v>3</v>
      </c>
      <c r="CG22" s="261">
        <v>2</v>
      </c>
      <c r="CH22" s="261">
        <v>5</v>
      </c>
      <c r="CI22" s="261">
        <v>4</v>
      </c>
      <c r="CJ22" s="261">
        <v>2</v>
      </c>
      <c r="CK22" s="258">
        <v>16</v>
      </c>
      <c r="CL22" s="263">
        <v>16</v>
      </c>
      <c r="CM22" s="257">
        <v>0</v>
      </c>
      <c r="CN22" s="261">
        <v>0</v>
      </c>
      <c r="CO22" s="258">
        <v>0</v>
      </c>
      <c r="CP22" s="260">
        <v>0</v>
      </c>
      <c r="CQ22" s="261">
        <v>1</v>
      </c>
      <c r="CR22" s="261">
        <v>0</v>
      </c>
      <c r="CS22" s="261">
        <v>0</v>
      </c>
      <c r="CT22" s="261">
        <v>0</v>
      </c>
      <c r="CU22" s="261">
        <v>0</v>
      </c>
      <c r="CV22" s="258">
        <v>1</v>
      </c>
      <c r="CW22" s="263">
        <v>1</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8</v>
      </c>
      <c r="DU22" s="261">
        <v>22</v>
      </c>
      <c r="DV22" s="258">
        <v>30</v>
      </c>
      <c r="DW22" s="260">
        <v>0</v>
      </c>
      <c r="DX22" s="261">
        <v>27</v>
      </c>
      <c r="DY22" s="261">
        <v>30</v>
      </c>
      <c r="DZ22" s="261">
        <v>17</v>
      </c>
      <c r="EA22" s="261">
        <v>12</v>
      </c>
      <c r="EB22" s="261">
        <v>6</v>
      </c>
      <c r="EC22" s="258">
        <v>92</v>
      </c>
      <c r="ED22" s="263">
        <v>122</v>
      </c>
      <c r="EE22" s="257">
        <v>2</v>
      </c>
      <c r="EF22" s="261">
        <v>1</v>
      </c>
      <c r="EG22" s="258">
        <v>3</v>
      </c>
      <c r="EH22" s="260">
        <v>0</v>
      </c>
      <c r="EI22" s="261">
        <v>4</v>
      </c>
      <c r="EJ22" s="261">
        <v>4</v>
      </c>
      <c r="EK22" s="261">
        <v>4</v>
      </c>
      <c r="EL22" s="261">
        <v>4</v>
      </c>
      <c r="EM22" s="261">
        <v>2</v>
      </c>
      <c r="EN22" s="258">
        <v>18</v>
      </c>
      <c r="EO22" s="263">
        <v>21</v>
      </c>
      <c r="EP22" s="257">
        <v>11</v>
      </c>
      <c r="EQ22" s="261">
        <v>31</v>
      </c>
      <c r="ER22" s="258">
        <v>42</v>
      </c>
      <c r="ES22" s="260">
        <v>0</v>
      </c>
      <c r="ET22" s="261">
        <v>51</v>
      </c>
      <c r="EU22" s="261">
        <v>44</v>
      </c>
      <c r="EV22" s="261">
        <v>24</v>
      </c>
      <c r="EW22" s="261">
        <v>15</v>
      </c>
      <c r="EX22" s="261">
        <v>7</v>
      </c>
      <c r="EY22" s="258">
        <v>141</v>
      </c>
      <c r="EZ22" s="263">
        <v>183</v>
      </c>
    </row>
    <row r="23" spans="2:156" ht="21" customHeight="1" x14ac:dyDescent="0.2">
      <c r="B23" s="472" t="s">
        <v>21</v>
      </c>
      <c r="C23" s="257">
        <v>0</v>
      </c>
      <c r="D23" s="261">
        <v>0</v>
      </c>
      <c r="E23" s="358">
        <v>0</v>
      </c>
      <c r="F23" s="260">
        <v>0</v>
      </c>
      <c r="G23" s="261">
        <v>13</v>
      </c>
      <c r="H23" s="261">
        <v>13</v>
      </c>
      <c r="I23" s="261">
        <v>6</v>
      </c>
      <c r="J23" s="261">
        <v>2</v>
      </c>
      <c r="K23" s="261">
        <v>6</v>
      </c>
      <c r="L23" s="262">
        <v>40</v>
      </c>
      <c r="M23" s="263">
        <v>40</v>
      </c>
      <c r="N23" s="257">
        <v>0</v>
      </c>
      <c r="O23" s="261">
        <v>0</v>
      </c>
      <c r="P23" s="258">
        <v>0</v>
      </c>
      <c r="Q23" s="260">
        <v>0</v>
      </c>
      <c r="R23" s="261">
        <v>0</v>
      </c>
      <c r="S23" s="261">
        <v>0</v>
      </c>
      <c r="T23" s="261">
        <v>0</v>
      </c>
      <c r="U23" s="261">
        <v>0</v>
      </c>
      <c r="V23" s="261">
        <v>5</v>
      </c>
      <c r="W23" s="258">
        <v>5</v>
      </c>
      <c r="X23" s="263">
        <v>5</v>
      </c>
      <c r="Y23" s="257">
        <v>0</v>
      </c>
      <c r="Z23" s="261">
        <v>2</v>
      </c>
      <c r="AA23" s="258">
        <v>2</v>
      </c>
      <c r="AB23" s="260">
        <v>0</v>
      </c>
      <c r="AC23" s="261">
        <v>14</v>
      </c>
      <c r="AD23" s="261">
        <v>7</v>
      </c>
      <c r="AE23" s="261">
        <v>5</v>
      </c>
      <c r="AF23" s="261">
        <v>2</v>
      </c>
      <c r="AG23" s="261">
        <v>7</v>
      </c>
      <c r="AH23" s="258">
        <v>35</v>
      </c>
      <c r="AI23" s="263">
        <v>37</v>
      </c>
      <c r="AJ23" s="257">
        <v>0</v>
      </c>
      <c r="AK23" s="261">
        <v>1</v>
      </c>
      <c r="AL23" s="258">
        <v>1</v>
      </c>
      <c r="AM23" s="260">
        <v>0</v>
      </c>
      <c r="AN23" s="261">
        <v>0</v>
      </c>
      <c r="AO23" s="261">
        <v>2</v>
      </c>
      <c r="AP23" s="261">
        <v>1</v>
      </c>
      <c r="AQ23" s="261">
        <v>0</v>
      </c>
      <c r="AR23" s="261">
        <v>1</v>
      </c>
      <c r="AS23" s="258">
        <v>4</v>
      </c>
      <c r="AT23" s="263">
        <v>5</v>
      </c>
      <c r="AU23" s="257">
        <v>3</v>
      </c>
      <c r="AV23" s="261">
        <v>5</v>
      </c>
      <c r="AW23" s="258">
        <v>8</v>
      </c>
      <c r="AX23" s="260">
        <v>0</v>
      </c>
      <c r="AY23" s="261">
        <v>13</v>
      </c>
      <c r="AZ23" s="261">
        <v>21</v>
      </c>
      <c r="BA23" s="261">
        <v>11</v>
      </c>
      <c r="BB23" s="261">
        <v>14</v>
      </c>
      <c r="BC23" s="261">
        <v>9</v>
      </c>
      <c r="BD23" s="262">
        <v>68</v>
      </c>
      <c r="BE23" s="263">
        <v>76</v>
      </c>
      <c r="BF23" s="257">
        <v>0</v>
      </c>
      <c r="BG23" s="261">
        <v>0</v>
      </c>
      <c r="BH23" s="258">
        <v>0</v>
      </c>
      <c r="BI23" s="260">
        <v>0</v>
      </c>
      <c r="BJ23" s="261">
        <v>18</v>
      </c>
      <c r="BK23" s="261">
        <v>10</v>
      </c>
      <c r="BL23" s="261">
        <v>9</v>
      </c>
      <c r="BM23" s="261">
        <v>5</v>
      </c>
      <c r="BN23" s="261">
        <v>5</v>
      </c>
      <c r="BO23" s="258">
        <v>47</v>
      </c>
      <c r="BP23" s="263">
        <v>47</v>
      </c>
      <c r="BQ23" s="257">
        <v>0</v>
      </c>
      <c r="BR23" s="261">
        <v>2</v>
      </c>
      <c r="BS23" s="258">
        <v>2</v>
      </c>
      <c r="BT23" s="260">
        <v>0</v>
      </c>
      <c r="BU23" s="261">
        <v>1</v>
      </c>
      <c r="BV23" s="261">
        <v>4</v>
      </c>
      <c r="BW23" s="261">
        <v>0</v>
      </c>
      <c r="BX23" s="261">
        <v>0</v>
      </c>
      <c r="BY23" s="261">
        <v>1</v>
      </c>
      <c r="BZ23" s="258">
        <v>6</v>
      </c>
      <c r="CA23" s="263">
        <v>8</v>
      </c>
      <c r="CB23" s="257">
        <v>0</v>
      </c>
      <c r="CC23" s="261">
        <v>1</v>
      </c>
      <c r="CD23" s="258">
        <v>1</v>
      </c>
      <c r="CE23" s="260">
        <v>0</v>
      </c>
      <c r="CF23" s="261">
        <v>2</v>
      </c>
      <c r="CG23" s="261">
        <v>1</v>
      </c>
      <c r="CH23" s="261">
        <v>5</v>
      </c>
      <c r="CI23" s="261">
        <v>2</v>
      </c>
      <c r="CJ23" s="261">
        <v>3</v>
      </c>
      <c r="CK23" s="258">
        <v>13</v>
      </c>
      <c r="CL23" s="263">
        <v>14</v>
      </c>
      <c r="CM23" s="257">
        <v>0</v>
      </c>
      <c r="CN23" s="261">
        <v>0</v>
      </c>
      <c r="CO23" s="258">
        <v>0</v>
      </c>
      <c r="CP23" s="260">
        <v>0</v>
      </c>
      <c r="CQ23" s="261">
        <v>0</v>
      </c>
      <c r="CR23" s="261">
        <v>0</v>
      </c>
      <c r="CS23" s="261">
        <v>0</v>
      </c>
      <c r="CT23" s="261">
        <v>1</v>
      </c>
      <c r="CU23" s="261">
        <v>0</v>
      </c>
      <c r="CV23" s="258">
        <v>1</v>
      </c>
      <c r="CW23" s="263">
        <v>1</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7</v>
      </c>
      <c r="DU23" s="261">
        <v>9</v>
      </c>
      <c r="DV23" s="258">
        <v>16</v>
      </c>
      <c r="DW23" s="260">
        <v>0</v>
      </c>
      <c r="DX23" s="261">
        <v>15</v>
      </c>
      <c r="DY23" s="261">
        <v>25</v>
      </c>
      <c r="DZ23" s="261">
        <v>8</v>
      </c>
      <c r="EA23" s="261">
        <v>9</v>
      </c>
      <c r="EB23" s="261">
        <v>10</v>
      </c>
      <c r="EC23" s="258">
        <v>67</v>
      </c>
      <c r="ED23" s="263">
        <v>83</v>
      </c>
      <c r="EE23" s="257">
        <v>2</v>
      </c>
      <c r="EF23" s="261">
        <v>2</v>
      </c>
      <c r="EG23" s="258">
        <v>4</v>
      </c>
      <c r="EH23" s="260">
        <v>0</v>
      </c>
      <c r="EI23" s="261">
        <v>2</v>
      </c>
      <c r="EJ23" s="261">
        <v>7</v>
      </c>
      <c r="EK23" s="261">
        <v>7</v>
      </c>
      <c r="EL23" s="261">
        <v>8</v>
      </c>
      <c r="EM23" s="261">
        <v>3</v>
      </c>
      <c r="EN23" s="258">
        <v>27</v>
      </c>
      <c r="EO23" s="263">
        <v>31</v>
      </c>
      <c r="EP23" s="257">
        <v>8</v>
      </c>
      <c r="EQ23" s="261">
        <v>14</v>
      </c>
      <c r="ER23" s="258">
        <v>22</v>
      </c>
      <c r="ES23" s="260">
        <v>0</v>
      </c>
      <c r="ET23" s="261">
        <v>46</v>
      </c>
      <c r="EU23" s="261">
        <v>32</v>
      </c>
      <c r="EV23" s="261">
        <v>13</v>
      </c>
      <c r="EW23" s="261">
        <v>10</v>
      </c>
      <c r="EX23" s="261">
        <v>13</v>
      </c>
      <c r="EY23" s="258">
        <v>114</v>
      </c>
      <c r="EZ23" s="263">
        <v>136</v>
      </c>
    </row>
    <row r="24" spans="2:156" ht="21" customHeight="1" x14ac:dyDescent="0.2">
      <c r="B24" s="472" t="s">
        <v>22</v>
      </c>
      <c r="C24" s="257">
        <v>0</v>
      </c>
      <c r="D24" s="261">
        <v>0</v>
      </c>
      <c r="E24" s="358">
        <v>0</v>
      </c>
      <c r="F24" s="260">
        <v>0</v>
      </c>
      <c r="G24" s="261">
        <v>4</v>
      </c>
      <c r="H24" s="261">
        <v>0</v>
      </c>
      <c r="I24" s="261">
        <v>2</v>
      </c>
      <c r="J24" s="261">
        <v>1</v>
      </c>
      <c r="K24" s="261">
        <v>2</v>
      </c>
      <c r="L24" s="262">
        <v>9</v>
      </c>
      <c r="M24" s="263">
        <v>9</v>
      </c>
      <c r="N24" s="257">
        <v>0</v>
      </c>
      <c r="O24" s="261">
        <v>0</v>
      </c>
      <c r="P24" s="258">
        <v>0</v>
      </c>
      <c r="Q24" s="260">
        <v>0</v>
      </c>
      <c r="R24" s="261">
        <v>0</v>
      </c>
      <c r="S24" s="261">
        <v>0</v>
      </c>
      <c r="T24" s="261">
        <v>1</v>
      </c>
      <c r="U24" s="261">
        <v>0</v>
      </c>
      <c r="V24" s="261">
        <v>4</v>
      </c>
      <c r="W24" s="258">
        <v>5</v>
      </c>
      <c r="X24" s="263">
        <v>5</v>
      </c>
      <c r="Y24" s="257">
        <v>1</v>
      </c>
      <c r="Z24" s="261">
        <v>0</v>
      </c>
      <c r="AA24" s="258">
        <v>1</v>
      </c>
      <c r="AB24" s="260">
        <v>0</v>
      </c>
      <c r="AC24" s="261">
        <v>3</v>
      </c>
      <c r="AD24" s="261">
        <v>3</v>
      </c>
      <c r="AE24" s="261">
        <v>6</v>
      </c>
      <c r="AF24" s="261">
        <v>3</v>
      </c>
      <c r="AG24" s="261">
        <v>4</v>
      </c>
      <c r="AH24" s="258">
        <v>19</v>
      </c>
      <c r="AI24" s="263">
        <v>20</v>
      </c>
      <c r="AJ24" s="257">
        <v>0</v>
      </c>
      <c r="AK24" s="261">
        <v>0</v>
      </c>
      <c r="AL24" s="258">
        <v>0</v>
      </c>
      <c r="AM24" s="260">
        <v>0</v>
      </c>
      <c r="AN24" s="261">
        <v>3</v>
      </c>
      <c r="AO24" s="261">
        <v>0</v>
      </c>
      <c r="AP24" s="261">
        <v>0</v>
      </c>
      <c r="AQ24" s="261">
        <v>1</v>
      </c>
      <c r="AR24" s="261">
        <v>0</v>
      </c>
      <c r="AS24" s="258">
        <v>4</v>
      </c>
      <c r="AT24" s="263">
        <v>4</v>
      </c>
      <c r="AU24" s="257">
        <v>0</v>
      </c>
      <c r="AV24" s="261">
        <v>0</v>
      </c>
      <c r="AW24" s="258">
        <v>0</v>
      </c>
      <c r="AX24" s="260">
        <v>0</v>
      </c>
      <c r="AY24" s="261">
        <v>4</v>
      </c>
      <c r="AZ24" s="261">
        <v>1</v>
      </c>
      <c r="BA24" s="261">
        <v>3</v>
      </c>
      <c r="BB24" s="261">
        <v>6</v>
      </c>
      <c r="BC24" s="261">
        <v>1</v>
      </c>
      <c r="BD24" s="262">
        <v>15</v>
      </c>
      <c r="BE24" s="263">
        <v>15</v>
      </c>
      <c r="BF24" s="257">
        <v>0</v>
      </c>
      <c r="BG24" s="261">
        <v>0</v>
      </c>
      <c r="BH24" s="258">
        <v>0</v>
      </c>
      <c r="BI24" s="260">
        <v>0</v>
      </c>
      <c r="BJ24" s="261">
        <v>5</v>
      </c>
      <c r="BK24" s="261">
        <v>2</v>
      </c>
      <c r="BL24" s="261">
        <v>3</v>
      </c>
      <c r="BM24" s="261">
        <v>3</v>
      </c>
      <c r="BN24" s="261">
        <v>2</v>
      </c>
      <c r="BO24" s="258">
        <v>15</v>
      </c>
      <c r="BP24" s="263">
        <v>15</v>
      </c>
      <c r="BQ24" s="257">
        <v>1</v>
      </c>
      <c r="BR24" s="261">
        <v>0</v>
      </c>
      <c r="BS24" s="258">
        <v>1</v>
      </c>
      <c r="BT24" s="260">
        <v>0</v>
      </c>
      <c r="BU24" s="261">
        <v>4</v>
      </c>
      <c r="BV24" s="261">
        <v>0</v>
      </c>
      <c r="BW24" s="261">
        <v>0</v>
      </c>
      <c r="BX24" s="261">
        <v>1</v>
      </c>
      <c r="BY24" s="261">
        <v>1</v>
      </c>
      <c r="BZ24" s="258">
        <v>6</v>
      </c>
      <c r="CA24" s="263">
        <v>7</v>
      </c>
      <c r="CB24" s="257">
        <v>0</v>
      </c>
      <c r="CC24" s="261">
        <v>0</v>
      </c>
      <c r="CD24" s="258">
        <v>0</v>
      </c>
      <c r="CE24" s="260">
        <v>0</v>
      </c>
      <c r="CF24" s="261">
        <v>0</v>
      </c>
      <c r="CG24" s="261">
        <v>1</v>
      </c>
      <c r="CH24" s="261">
        <v>0</v>
      </c>
      <c r="CI24" s="261">
        <v>1</v>
      </c>
      <c r="CJ24" s="261">
        <v>0</v>
      </c>
      <c r="CK24" s="258">
        <v>2</v>
      </c>
      <c r="CL24" s="263">
        <v>2</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3</v>
      </c>
      <c r="DU24" s="261">
        <v>4</v>
      </c>
      <c r="DV24" s="258">
        <v>7</v>
      </c>
      <c r="DW24" s="260">
        <v>0</v>
      </c>
      <c r="DX24" s="261">
        <v>11</v>
      </c>
      <c r="DY24" s="261">
        <v>5</v>
      </c>
      <c r="DZ24" s="261">
        <v>7</v>
      </c>
      <c r="EA24" s="261">
        <v>5</v>
      </c>
      <c r="EB24" s="261">
        <v>6</v>
      </c>
      <c r="EC24" s="258">
        <v>34</v>
      </c>
      <c r="ED24" s="263">
        <v>41</v>
      </c>
      <c r="EE24" s="257">
        <v>0</v>
      </c>
      <c r="EF24" s="261">
        <v>0</v>
      </c>
      <c r="EG24" s="258">
        <v>0</v>
      </c>
      <c r="EH24" s="260">
        <v>0</v>
      </c>
      <c r="EI24" s="261">
        <v>4</v>
      </c>
      <c r="EJ24" s="261">
        <v>2</v>
      </c>
      <c r="EK24" s="261">
        <v>2</v>
      </c>
      <c r="EL24" s="261">
        <v>3</v>
      </c>
      <c r="EM24" s="261">
        <v>1</v>
      </c>
      <c r="EN24" s="258">
        <v>12</v>
      </c>
      <c r="EO24" s="263">
        <v>12</v>
      </c>
      <c r="EP24" s="257">
        <v>4</v>
      </c>
      <c r="EQ24" s="261">
        <v>4</v>
      </c>
      <c r="ER24" s="258">
        <v>8</v>
      </c>
      <c r="ES24" s="260">
        <v>0</v>
      </c>
      <c r="ET24" s="261">
        <v>21</v>
      </c>
      <c r="EU24" s="261">
        <v>7</v>
      </c>
      <c r="EV24" s="261">
        <v>9</v>
      </c>
      <c r="EW24" s="261">
        <v>6</v>
      </c>
      <c r="EX24" s="261">
        <v>7</v>
      </c>
      <c r="EY24" s="258">
        <v>50</v>
      </c>
      <c r="EZ24" s="263">
        <v>58</v>
      </c>
    </row>
    <row r="25" spans="2:156" ht="21" customHeight="1" x14ac:dyDescent="0.2">
      <c r="B25" s="472" t="s">
        <v>23</v>
      </c>
      <c r="C25" s="257">
        <v>0</v>
      </c>
      <c r="D25" s="261">
        <v>0</v>
      </c>
      <c r="E25" s="358">
        <v>0</v>
      </c>
      <c r="F25" s="260">
        <v>0</v>
      </c>
      <c r="G25" s="261">
        <v>2</v>
      </c>
      <c r="H25" s="261">
        <v>6</v>
      </c>
      <c r="I25" s="261">
        <v>4</v>
      </c>
      <c r="J25" s="261">
        <v>2</v>
      </c>
      <c r="K25" s="261">
        <v>0</v>
      </c>
      <c r="L25" s="262">
        <v>14</v>
      </c>
      <c r="M25" s="263">
        <v>14</v>
      </c>
      <c r="N25" s="257">
        <v>0</v>
      </c>
      <c r="O25" s="261">
        <v>0</v>
      </c>
      <c r="P25" s="258">
        <v>0</v>
      </c>
      <c r="Q25" s="260">
        <v>0</v>
      </c>
      <c r="R25" s="261">
        <v>0</v>
      </c>
      <c r="S25" s="261">
        <v>0</v>
      </c>
      <c r="T25" s="261">
        <v>1</v>
      </c>
      <c r="U25" s="261">
        <v>0</v>
      </c>
      <c r="V25" s="261">
        <v>1</v>
      </c>
      <c r="W25" s="258">
        <v>2</v>
      </c>
      <c r="X25" s="263">
        <v>2</v>
      </c>
      <c r="Y25" s="257">
        <v>3</v>
      </c>
      <c r="Z25" s="261">
        <v>2</v>
      </c>
      <c r="AA25" s="258">
        <v>5</v>
      </c>
      <c r="AB25" s="260">
        <v>0</v>
      </c>
      <c r="AC25" s="261">
        <v>3</v>
      </c>
      <c r="AD25" s="261">
        <v>5</v>
      </c>
      <c r="AE25" s="261">
        <v>7</v>
      </c>
      <c r="AF25" s="261">
        <v>3</v>
      </c>
      <c r="AG25" s="261">
        <v>1</v>
      </c>
      <c r="AH25" s="258">
        <v>19</v>
      </c>
      <c r="AI25" s="263">
        <v>24</v>
      </c>
      <c r="AJ25" s="257">
        <v>0</v>
      </c>
      <c r="AK25" s="261">
        <v>1</v>
      </c>
      <c r="AL25" s="258">
        <v>1</v>
      </c>
      <c r="AM25" s="260">
        <v>0</v>
      </c>
      <c r="AN25" s="261">
        <v>0</v>
      </c>
      <c r="AO25" s="261">
        <v>1</v>
      </c>
      <c r="AP25" s="261">
        <v>0</v>
      </c>
      <c r="AQ25" s="261">
        <v>1</v>
      </c>
      <c r="AR25" s="261">
        <v>0</v>
      </c>
      <c r="AS25" s="258">
        <v>2</v>
      </c>
      <c r="AT25" s="263">
        <v>3</v>
      </c>
      <c r="AU25" s="257">
        <v>1</v>
      </c>
      <c r="AV25" s="261">
        <v>0</v>
      </c>
      <c r="AW25" s="258">
        <v>1</v>
      </c>
      <c r="AX25" s="260">
        <v>0</v>
      </c>
      <c r="AY25" s="261">
        <v>6</v>
      </c>
      <c r="AZ25" s="261">
        <v>4</v>
      </c>
      <c r="BA25" s="261">
        <v>12</v>
      </c>
      <c r="BB25" s="261">
        <v>12</v>
      </c>
      <c r="BC25" s="261">
        <v>9</v>
      </c>
      <c r="BD25" s="262">
        <v>43</v>
      </c>
      <c r="BE25" s="263">
        <v>44</v>
      </c>
      <c r="BF25" s="257">
        <v>0</v>
      </c>
      <c r="BG25" s="261">
        <v>0</v>
      </c>
      <c r="BH25" s="258">
        <v>0</v>
      </c>
      <c r="BI25" s="260">
        <v>0</v>
      </c>
      <c r="BJ25" s="261">
        <v>10</v>
      </c>
      <c r="BK25" s="261">
        <v>16</v>
      </c>
      <c r="BL25" s="261">
        <v>7</v>
      </c>
      <c r="BM25" s="261">
        <v>4</v>
      </c>
      <c r="BN25" s="261">
        <v>0</v>
      </c>
      <c r="BO25" s="258">
        <v>37</v>
      </c>
      <c r="BP25" s="263">
        <v>37</v>
      </c>
      <c r="BQ25" s="257">
        <v>0</v>
      </c>
      <c r="BR25" s="261">
        <v>0</v>
      </c>
      <c r="BS25" s="258">
        <v>0</v>
      </c>
      <c r="BT25" s="260">
        <v>0</v>
      </c>
      <c r="BU25" s="261">
        <v>2</v>
      </c>
      <c r="BV25" s="261">
        <v>2</v>
      </c>
      <c r="BW25" s="261">
        <v>2</v>
      </c>
      <c r="BX25" s="261">
        <v>2</v>
      </c>
      <c r="BY25" s="261">
        <v>1</v>
      </c>
      <c r="BZ25" s="258">
        <v>9</v>
      </c>
      <c r="CA25" s="263">
        <v>9</v>
      </c>
      <c r="CB25" s="257">
        <v>0</v>
      </c>
      <c r="CC25" s="261">
        <v>0</v>
      </c>
      <c r="CD25" s="258">
        <v>0</v>
      </c>
      <c r="CE25" s="260">
        <v>0</v>
      </c>
      <c r="CF25" s="261">
        <v>2</v>
      </c>
      <c r="CG25" s="261">
        <v>2</v>
      </c>
      <c r="CH25" s="261">
        <v>3</v>
      </c>
      <c r="CI25" s="261">
        <v>1</v>
      </c>
      <c r="CJ25" s="261">
        <v>0</v>
      </c>
      <c r="CK25" s="258">
        <v>8</v>
      </c>
      <c r="CL25" s="263">
        <v>8</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5</v>
      </c>
      <c r="DU25" s="261">
        <v>6</v>
      </c>
      <c r="DV25" s="258">
        <v>11</v>
      </c>
      <c r="DW25" s="260">
        <v>0</v>
      </c>
      <c r="DX25" s="261">
        <v>8</v>
      </c>
      <c r="DY25" s="261">
        <v>18</v>
      </c>
      <c r="DZ25" s="261">
        <v>13</v>
      </c>
      <c r="EA25" s="261">
        <v>7</v>
      </c>
      <c r="EB25" s="261">
        <v>4</v>
      </c>
      <c r="EC25" s="258">
        <v>50</v>
      </c>
      <c r="ED25" s="263">
        <v>61</v>
      </c>
      <c r="EE25" s="257">
        <v>0</v>
      </c>
      <c r="EF25" s="261">
        <v>0</v>
      </c>
      <c r="EG25" s="258">
        <v>0</v>
      </c>
      <c r="EH25" s="260">
        <v>0</v>
      </c>
      <c r="EI25" s="261">
        <v>2</v>
      </c>
      <c r="EJ25" s="261">
        <v>2</v>
      </c>
      <c r="EK25" s="261">
        <v>1</v>
      </c>
      <c r="EL25" s="261">
        <v>9</v>
      </c>
      <c r="EM25" s="261">
        <v>5</v>
      </c>
      <c r="EN25" s="258">
        <v>19</v>
      </c>
      <c r="EO25" s="263">
        <v>19</v>
      </c>
      <c r="EP25" s="257">
        <v>8</v>
      </c>
      <c r="EQ25" s="261">
        <v>7</v>
      </c>
      <c r="ER25" s="258">
        <v>15</v>
      </c>
      <c r="ES25" s="260">
        <v>0</v>
      </c>
      <c r="ET25" s="261">
        <v>20</v>
      </c>
      <c r="EU25" s="261">
        <v>27</v>
      </c>
      <c r="EV25" s="261">
        <v>18</v>
      </c>
      <c r="EW25" s="261">
        <v>8</v>
      </c>
      <c r="EX25" s="261">
        <v>4</v>
      </c>
      <c r="EY25" s="258">
        <v>77</v>
      </c>
      <c r="EZ25" s="263">
        <v>92</v>
      </c>
    </row>
    <row r="26" spans="2:156" ht="21" customHeight="1" x14ac:dyDescent="0.2">
      <c r="B26" s="472" t="s">
        <v>24</v>
      </c>
      <c r="C26" s="257">
        <v>0</v>
      </c>
      <c r="D26" s="261">
        <v>0</v>
      </c>
      <c r="E26" s="358">
        <v>0</v>
      </c>
      <c r="F26" s="260">
        <v>0</v>
      </c>
      <c r="G26" s="261">
        <v>8</v>
      </c>
      <c r="H26" s="261">
        <v>6</v>
      </c>
      <c r="I26" s="261">
        <v>4</v>
      </c>
      <c r="J26" s="261">
        <v>3</v>
      </c>
      <c r="K26" s="261">
        <v>3</v>
      </c>
      <c r="L26" s="262">
        <v>24</v>
      </c>
      <c r="M26" s="263">
        <v>24</v>
      </c>
      <c r="N26" s="257">
        <v>0</v>
      </c>
      <c r="O26" s="261">
        <v>0</v>
      </c>
      <c r="P26" s="258">
        <v>0</v>
      </c>
      <c r="Q26" s="260">
        <v>0</v>
      </c>
      <c r="R26" s="261">
        <v>0</v>
      </c>
      <c r="S26" s="261">
        <v>0</v>
      </c>
      <c r="T26" s="261">
        <v>0</v>
      </c>
      <c r="U26" s="261">
        <v>0</v>
      </c>
      <c r="V26" s="261">
        <v>3</v>
      </c>
      <c r="W26" s="258">
        <v>3</v>
      </c>
      <c r="X26" s="263">
        <v>3</v>
      </c>
      <c r="Y26" s="257">
        <v>1</v>
      </c>
      <c r="Z26" s="261">
        <v>2</v>
      </c>
      <c r="AA26" s="258">
        <v>3</v>
      </c>
      <c r="AB26" s="260">
        <v>0</v>
      </c>
      <c r="AC26" s="261">
        <v>8</v>
      </c>
      <c r="AD26" s="261">
        <v>3</v>
      </c>
      <c r="AE26" s="261">
        <v>2</v>
      </c>
      <c r="AF26" s="261">
        <v>6</v>
      </c>
      <c r="AG26" s="261">
        <v>3</v>
      </c>
      <c r="AH26" s="258">
        <v>22</v>
      </c>
      <c r="AI26" s="263">
        <v>25</v>
      </c>
      <c r="AJ26" s="257">
        <v>0</v>
      </c>
      <c r="AK26" s="261">
        <v>0</v>
      </c>
      <c r="AL26" s="258">
        <v>0</v>
      </c>
      <c r="AM26" s="260">
        <v>0</v>
      </c>
      <c r="AN26" s="261">
        <v>0</v>
      </c>
      <c r="AO26" s="261">
        <v>1</v>
      </c>
      <c r="AP26" s="261">
        <v>0</v>
      </c>
      <c r="AQ26" s="261">
        <v>0</v>
      </c>
      <c r="AR26" s="261">
        <v>1</v>
      </c>
      <c r="AS26" s="258">
        <v>2</v>
      </c>
      <c r="AT26" s="263">
        <v>2</v>
      </c>
      <c r="AU26" s="257">
        <v>3</v>
      </c>
      <c r="AV26" s="261">
        <v>2</v>
      </c>
      <c r="AW26" s="258">
        <v>5</v>
      </c>
      <c r="AX26" s="260">
        <v>0</v>
      </c>
      <c r="AY26" s="261">
        <v>9</v>
      </c>
      <c r="AZ26" s="261">
        <v>9</v>
      </c>
      <c r="BA26" s="261">
        <v>7</v>
      </c>
      <c r="BB26" s="261">
        <v>11</v>
      </c>
      <c r="BC26" s="261">
        <v>8</v>
      </c>
      <c r="BD26" s="262">
        <v>44</v>
      </c>
      <c r="BE26" s="263">
        <v>49</v>
      </c>
      <c r="BF26" s="257">
        <v>0</v>
      </c>
      <c r="BG26" s="261">
        <v>0</v>
      </c>
      <c r="BH26" s="258">
        <v>0</v>
      </c>
      <c r="BI26" s="260">
        <v>0</v>
      </c>
      <c r="BJ26" s="261">
        <v>10</v>
      </c>
      <c r="BK26" s="261">
        <v>6</v>
      </c>
      <c r="BL26" s="261">
        <v>3</v>
      </c>
      <c r="BM26" s="261">
        <v>1</v>
      </c>
      <c r="BN26" s="261">
        <v>0</v>
      </c>
      <c r="BO26" s="258">
        <v>20</v>
      </c>
      <c r="BP26" s="263">
        <v>20</v>
      </c>
      <c r="BQ26" s="257">
        <v>1</v>
      </c>
      <c r="BR26" s="261">
        <v>0</v>
      </c>
      <c r="BS26" s="258">
        <v>1</v>
      </c>
      <c r="BT26" s="260">
        <v>0</v>
      </c>
      <c r="BU26" s="261">
        <v>4</v>
      </c>
      <c r="BV26" s="261">
        <v>6</v>
      </c>
      <c r="BW26" s="261">
        <v>1</v>
      </c>
      <c r="BX26" s="261">
        <v>1</v>
      </c>
      <c r="BY26" s="261">
        <v>2</v>
      </c>
      <c r="BZ26" s="258">
        <v>14</v>
      </c>
      <c r="CA26" s="263">
        <v>15</v>
      </c>
      <c r="CB26" s="257">
        <v>0</v>
      </c>
      <c r="CC26" s="261">
        <v>0</v>
      </c>
      <c r="CD26" s="258">
        <v>0</v>
      </c>
      <c r="CE26" s="260">
        <v>0</v>
      </c>
      <c r="CF26" s="261">
        <v>0</v>
      </c>
      <c r="CG26" s="261">
        <v>1</v>
      </c>
      <c r="CH26" s="261">
        <v>1</v>
      </c>
      <c r="CI26" s="261">
        <v>1</v>
      </c>
      <c r="CJ26" s="261">
        <v>1</v>
      </c>
      <c r="CK26" s="258">
        <v>4</v>
      </c>
      <c r="CL26" s="263">
        <v>4</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6</v>
      </c>
      <c r="DU26" s="261">
        <v>9</v>
      </c>
      <c r="DV26" s="258">
        <v>15</v>
      </c>
      <c r="DW26" s="260">
        <v>0</v>
      </c>
      <c r="DX26" s="261">
        <v>11</v>
      </c>
      <c r="DY26" s="261">
        <v>15</v>
      </c>
      <c r="DZ26" s="261">
        <v>8</v>
      </c>
      <c r="EA26" s="261">
        <v>9</v>
      </c>
      <c r="EB26" s="261">
        <v>5</v>
      </c>
      <c r="EC26" s="258">
        <v>48</v>
      </c>
      <c r="ED26" s="263">
        <v>63</v>
      </c>
      <c r="EE26" s="257">
        <v>2</v>
      </c>
      <c r="EF26" s="261">
        <v>2</v>
      </c>
      <c r="EG26" s="258">
        <v>4</v>
      </c>
      <c r="EH26" s="260">
        <v>0</v>
      </c>
      <c r="EI26" s="261">
        <v>8</v>
      </c>
      <c r="EJ26" s="261">
        <v>7</v>
      </c>
      <c r="EK26" s="261">
        <v>3</v>
      </c>
      <c r="EL26" s="261">
        <v>6</v>
      </c>
      <c r="EM26" s="261">
        <v>3</v>
      </c>
      <c r="EN26" s="258">
        <v>27</v>
      </c>
      <c r="EO26" s="263">
        <v>31</v>
      </c>
      <c r="EP26" s="257">
        <v>9</v>
      </c>
      <c r="EQ26" s="261">
        <v>10</v>
      </c>
      <c r="ER26" s="258">
        <v>19</v>
      </c>
      <c r="ES26" s="260">
        <v>0</v>
      </c>
      <c r="ET26" s="261">
        <v>22</v>
      </c>
      <c r="EU26" s="261">
        <v>21</v>
      </c>
      <c r="EV26" s="261">
        <v>10</v>
      </c>
      <c r="EW26" s="261">
        <v>9</v>
      </c>
      <c r="EX26" s="261">
        <v>4</v>
      </c>
      <c r="EY26" s="258">
        <v>66</v>
      </c>
      <c r="EZ26" s="263">
        <v>85</v>
      </c>
    </row>
    <row r="27" spans="2:156" ht="21" customHeight="1" x14ac:dyDescent="0.2">
      <c r="B27" s="472" t="s">
        <v>25</v>
      </c>
      <c r="C27" s="257">
        <v>0</v>
      </c>
      <c r="D27" s="261">
        <v>0</v>
      </c>
      <c r="E27" s="358">
        <v>0</v>
      </c>
      <c r="F27" s="260">
        <v>0</v>
      </c>
      <c r="G27" s="261">
        <v>4</v>
      </c>
      <c r="H27" s="261">
        <v>3</v>
      </c>
      <c r="I27" s="261">
        <v>1</v>
      </c>
      <c r="J27" s="261">
        <v>1</v>
      </c>
      <c r="K27" s="261">
        <v>0</v>
      </c>
      <c r="L27" s="262">
        <v>9</v>
      </c>
      <c r="M27" s="263">
        <v>9</v>
      </c>
      <c r="N27" s="257">
        <v>0</v>
      </c>
      <c r="O27" s="261">
        <v>0</v>
      </c>
      <c r="P27" s="258">
        <v>0</v>
      </c>
      <c r="Q27" s="260">
        <v>0</v>
      </c>
      <c r="R27" s="261">
        <v>0</v>
      </c>
      <c r="S27" s="261">
        <v>1</v>
      </c>
      <c r="T27" s="261">
        <v>0</v>
      </c>
      <c r="U27" s="261">
        <v>0</v>
      </c>
      <c r="V27" s="261">
        <v>1</v>
      </c>
      <c r="W27" s="258">
        <v>2</v>
      </c>
      <c r="X27" s="263">
        <v>2</v>
      </c>
      <c r="Y27" s="257">
        <v>1</v>
      </c>
      <c r="Z27" s="261">
        <v>3</v>
      </c>
      <c r="AA27" s="258">
        <v>4</v>
      </c>
      <c r="AB27" s="260">
        <v>0</v>
      </c>
      <c r="AC27" s="261">
        <v>2</v>
      </c>
      <c r="AD27" s="261">
        <v>4</v>
      </c>
      <c r="AE27" s="261">
        <v>0</v>
      </c>
      <c r="AF27" s="261">
        <v>0</v>
      </c>
      <c r="AG27" s="261">
        <v>1</v>
      </c>
      <c r="AH27" s="258">
        <v>7</v>
      </c>
      <c r="AI27" s="263">
        <v>11</v>
      </c>
      <c r="AJ27" s="257">
        <v>0</v>
      </c>
      <c r="AK27" s="261">
        <v>0</v>
      </c>
      <c r="AL27" s="258">
        <v>0</v>
      </c>
      <c r="AM27" s="260">
        <v>0</v>
      </c>
      <c r="AN27" s="261">
        <v>0</v>
      </c>
      <c r="AO27" s="261">
        <v>0</v>
      </c>
      <c r="AP27" s="261">
        <v>0</v>
      </c>
      <c r="AQ27" s="261">
        <v>0</v>
      </c>
      <c r="AR27" s="261">
        <v>0</v>
      </c>
      <c r="AS27" s="258">
        <v>0</v>
      </c>
      <c r="AT27" s="263">
        <v>0</v>
      </c>
      <c r="AU27" s="257">
        <v>2</v>
      </c>
      <c r="AV27" s="261">
        <v>1</v>
      </c>
      <c r="AW27" s="258">
        <v>3</v>
      </c>
      <c r="AX27" s="260">
        <v>0</v>
      </c>
      <c r="AY27" s="261">
        <v>2</v>
      </c>
      <c r="AZ27" s="261">
        <v>2</v>
      </c>
      <c r="BA27" s="261">
        <v>1</v>
      </c>
      <c r="BB27" s="261">
        <v>3</v>
      </c>
      <c r="BC27" s="261">
        <v>4</v>
      </c>
      <c r="BD27" s="262">
        <v>12</v>
      </c>
      <c r="BE27" s="263">
        <v>15</v>
      </c>
      <c r="BF27" s="257">
        <v>0</v>
      </c>
      <c r="BG27" s="261">
        <v>0</v>
      </c>
      <c r="BH27" s="258">
        <v>0</v>
      </c>
      <c r="BI27" s="260">
        <v>0</v>
      </c>
      <c r="BJ27" s="261">
        <v>3</v>
      </c>
      <c r="BK27" s="261">
        <v>4</v>
      </c>
      <c r="BL27" s="261">
        <v>1</v>
      </c>
      <c r="BM27" s="261">
        <v>1</v>
      </c>
      <c r="BN27" s="261">
        <v>0</v>
      </c>
      <c r="BO27" s="258">
        <v>9</v>
      </c>
      <c r="BP27" s="263">
        <v>9</v>
      </c>
      <c r="BQ27" s="257">
        <v>0</v>
      </c>
      <c r="BR27" s="261">
        <v>1</v>
      </c>
      <c r="BS27" s="258">
        <v>1</v>
      </c>
      <c r="BT27" s="260">
        <v>0</v>
      </c>
      <c r="BU27" s="261">
        <v>0</v>
      </c>
      <c r="BV27" s="261">
        <v>3</v>
      </c>
      <c r="BW27" s="261">
        <v>1</v>
      </c>
      <c r="BX27" s="261">
        <v>0</v>
      </c>
      <c r="BY27" s="261">
        <v>1</v>
      </c>
      <c r="BZ27" s="258">
        <v>5</v>
      </c>
      <c r="CA27" s="263">
        <v>6</v>
      </c>
      <c r="CB27" s="257">
        <v>0</v>
      </c>
      <c r="CC27" s="261">
        <v>0</v>
      </c>
      <c r="CD27" s="258">
        <v>0</v>
      </c>
      <c r="CE27" s="260">
        <v>0</v>
      </c>
      <c r="CF27" s="261">
        <v>1</v>
      </c>
      <c r="CG27" s="261">
        <v>1</v>
      </c>
      <c r="CH27" s="261">
        <v>0</v>
      </c>
      <c r="CI27" s="261">
        <v>1</v>
      </c>
      <c r="CJ27" s="261">
        <v>0</v>
      </c>
      <c r="CK27" s="258">
        <v>3</v>
      </c>
      <c r="CL27" s="263">
        <v>3</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4</v>
      </c>
      <c r="DU27" s="261">
        <v>7</v>
      </c>
      <c r="DV27" s="258">
        <v>11</v>
      </c>
      <c r="DW27" s="260">
        <v>0</v>
      </c>
      <c r="DX27" s="261">
        <v>8</v>
      </c>
      <c r="DY27" s="261">
        <v>8</v>
      </c>
      <c r="DZ27" s="261">
        <v>3</v>
      </c>
      <c r="EA27" s="261">
        <v>2</v>
      </c>
      <c r="EB27" s="261">
        <v>3</v>
      </c>
      <c r="EC27" s="258">
        <v>24</v>
      </c>
      <c r="ED27" s="263">
        <v>35</v>
      </c>
      <c r="EE27" s="257">
        <v>0</v>
      </c>
      <c r="EF27" s="261">
        <v>0</v>
      </c>
      <c r="EG27" s="258">
        <v>0</v>
      </c>
      <c r="EH27" s="260">
        <v>0</v>
      </c>
      <c r="EI27" s="261">
        <v>1</v>
      </c>
      <c r="EJ27" s="261">
        <v>1</v>
      </c>
      <c r="EK27" s="261">
        <v>1</v>
      </c>
      <c r="EL27" s="261">
        <v>2</v>
      </c>
      <c r="EM27" s="261">
        <v>3</v>
      </c>
      <c r="EN27" s="258">
        <v>8</v>
      </c>
      <c r="EO27" s="263">
        <v>8</v>
      </c>
      <c r="EP27" s="257">
        <v>5</v>
      </c>
      <c r="EQ27" s="261">
        <v>10</v>
      </c>
      <c r="ER27" s="258">
        <v>15</v>
      </c>
      <c r="ES27" s="260">
        <v>0</v>
      </c>
      <c r="ET27" s="261">
        <v>12</v>
      </c>
      <c r="EU27" s="261">
        <v>13</v>
      </c>
      <c r="EV27" s="261">
        <v>3</v>
      </c>
      <c r="EW27" s="261">
        <v>2</v>
      </c>
      <c r="EX27" s="261">
        <v>3</v>
      </c>
      <c r="EY27" s="258">
        <v>33</v>
      </c>
      <c r="EZ27" s="263">
        <v>48</v>
      </c>
    </row>
    <row r="28" spans="2:156" ht="21" customHeight="1" x14ac:dyDescent="0.2">
      <c r="B28" s="472" t="s">
        <v>26</v>
      </c>
      <c r="C28" s="257">
        <v>0</v>
      </c>
      <c r="D28" s="261">
        <v>0</v>
      </c>
      <c r="E28" s="358">
        <v>0</v>
      </c>
      <c r="F28" s="260">
        <v>0</v>
      </c>
      <c r="G28" s="261">
        <v>6</v>
      </c>
      <c r="H28" s="261">
        <v>4</v>
      </c>
      <c r="I28" s="261">
        <v>1</v>
      </c>
      <c r="J28" s="261">
        <v>2</v>
      </c>
      <c r="K28" s="261">
        <v>5</v>
      </c>
      <c r="L28" s="262">
        <v>18</v>
      </c>
      <c r="M28" s="263">
        <v>18</v>
      </c>
      <c r="N28" s="257">
        <v>0</v>
      </c>
      <c r="O28" s="261">
        <v>0</v>
      </c>
      <c r="P28" s="258">
        <v>0</v>
      </c>
      <c r="Q28" s="260">
        <v>0</v>
      </c>
      <c r="R28" s="261">
        <v>0</v>
      </c>
      <c r="S28" s="261">
        <v>0</v>
      </c>
      <c r="T28" s="261">
        <v>0</v>
      </c>
      <c r="U28" s="261">
        <v>0</v>
      </c>
      <c r="V28" s="261">
        <v>4</v>
      </c>
      <c r="W28" s="258">
        <v>4</v>
      </c>
      <c r="X28" s="263">
        <v>4</v>
      </c>
      <c r="Y28" s="257">
        <v>0</v>
      </c>
      <c r="Z28" s="261">
        <v>0</v>
      </c>
      <c r="AA28" s="258">
        <v>0</v>
      </c>
      <c r="AB28" s="260">
        <v>0</v>
      </c>
      <c r="AC28" s="261">
        <v>3</v>
      </c>
      <c r="AD28" s="261">
        <v>5</v>
      </c>
      <c r="AE28" s="261">
        <v>1</v>
      </c>
      <c r="AF28" s="261">
        <v>3</v>
      </c>
      <c r="AG28" s="261">
        <v>5</v>
      </c>
      <c r="AH28" s="258">
        <v>17</v>
      </c>
      <c r="AI28" s="263">
        <v>17</v>
      </c>
      <c r="AJ28" s="257">
        <v>0</v>
      </c>
      <c r="AK28" s="261">
        <v>1</v>
      </c>
      <c r="AL28" s="258">
        <v>1</v>
      </c>
      <c r="AM28" s="260">
        <v>0</v>
      </c>
      <c r="AN28" s="261">
        <v>0</v>
      </c>
      <c r="AO28" s="261">
        <v>0</v>
      </c>
      <c r="AP28" s="261">
        <v>0</v>
      </c>
      <c r="AQ28" s="261">
        <v>0</v>
      </c>
      <c r="AR28" s="261">
        <v>0</v>
      </c>
      <c r="AS28" s="258">
        <v>0</v>
      </c>
      <c r="AT28" s="263">
        <v>1</v>
      </c>
      <c r="AU28" s="257">
        <v>3</v>
      </c>
      <c r="AV28" s="261">
        <v>1</v>
      </c>
      <c r="AW28" s="258">
        <v>4</v>
      </c>
      <c r="AX28" s="260">
        <v>0</v>
      </c>
      <c r="AY28" s="261">
        <v>5</v>
      </c>
      <c r="AZ28" s="261">
        <v>8</v>
      </c>
      <c r="BA28" s="261">
        <v>4</v>
      </c>
      <c r="BB28" s="261">
        <v>3</v>
      </c>
      <c r="BC28" s="261">
        <v>4</v>
      </c>
      <c r="BD28" s="262">
        <v>24</v>
      </c>
      <c r="BE28" s="263">
        <v>28</v>
      </c>
      <c r="BF28" s="257">
        <v>0</v>
      </c>
      <c r="BG28" s="261">
        <v>0</v>
      </c>
      <c r="BH28" s="258">
        <v>0</v>
      </c>
      <c r="BI28" s="260">
        <v>0</v>
      </c>
      <c r="BJ28" s="261">
        <v>10</v>
      </c>
      <c r="BK28" s="261">
        <v>2</v>
      </c>
      <c r="BL28" s="261">
        <v>2</v>
      </c>
      <c r="BM28" s="261">
        <v>2</v>
      </c>
      <c r="BN28" s="261">
        <v>0</v>
      </c>
      <c r="BO28" s="258">
        <v>16</v>
      </c>
      <c r="BP28" s="263">
        <v>16</v>
      </c>
      <c r="BQ28" s="257">
        <v>0</v>
      </c>
      <c r="BR28" s="261">
        <v>0</v>
      </c>
      <c r="BS28" s="258">
        <v>0</v>
      </c>
      <c r="BT28" s="260">
        <v>0</v>
      </c>
      <c r="BU28" s="261">
        <v>2</v>
      </c>
      <c r="BV28" s="261">
        <v>3</v>
      </c>
      <c r="BW28" s="261">
        <v>1</v>
      </c>
      <c r="BX28" s="261">
        <v>0</v>
      </c>
      <c r="BY28" s="261">
        <v>0</v>
      </c>
      <c r="BZ28" s="258">
        <v>6</v>
      </c>
      <c r="CA28" s="263">
        <v>6</v>
      </c>
      <c r="CB28" s="257">
        <v>0</v>
      </c>
      <c r="CC28" s="261">
        <v>0</v>
      </c>
      <c r="CD28" s="258">
        <v>0</v>
      </c>
      <c r="CE28" s="260">
        <v>0</v>
      </c>
      <c r="CF28" s="261">
        <v>2</v>
      </c>
      <c r="CG28" s="261">
        <v>1</v>
      </c>
      <c r="CH28" s="261">
        <v>2</v>
      </c>
      <c r="CI28" s="261">
        <v>0</v>
      </c>
      <c r="CJ28" s="261">
        <v>0</v>
      </c>
      <c r="CK28" s="258">
        <v>5</v>
      </c>
      <c r="CL28" s="263">
        <v>5</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0</v>
      </c>
      <c r="DU28" s="261">
        <v>5</v>
      </c>
      <c r="DV28" s="258">
        <v>5</v>
      </c>
      <c r="DW28" s="260">
        <v>0</v>
      </c>
      <c r="DX28" s="261">
        <v>11</v>
      </c>
      <c r="DY28" s="261">
        <v>10</v>
      </c>
      <c r="DZ28" s="261">
        <v>3</v>
      </c>
      <c r="EA28" s="261">
        <v>5</v>
      </c>
      <c r="EB28" s="261">
        <v>8</v>
      </c>
      <c r="EC28" s="258">
        <v>37</v>
      </c>
      <c r="ED28" s="263">
        <v>42</v>
      </c>
      <c r="EE28" s="257">
        <v>2</v>
      </c>
      <c r="EF28" s="261">
        <v>1</v>
      </c>
      <c r="EG28" s="258">
        <v>3</v>
      </c>
      <c r="EH28" s="260">
        <v>0</v>
      </c>
      <c r="EI28" s="261">
        <v>2</v>
      </c>
      <c r="EJ28" s="261">
        <v>6</v>
      </c>
      <c r="EK28" s="261">
        <v>1</v>
      </c>
      <c r="EL28" s="261">
        <v>1</v>
      </c>
      <c r="EM28" s="261">
        <v>1</v>
      </c>
      <c r="EN28" s="258">
        <v>11</v>
      </c>
      <c r="EO28" s="263">
        <v>14</v>
      </c>
      <c r="EP28" s="257">
        <v>0</v>
      </c>
      <c r="EQ28" s="261">
        <v>6</v>
      </c>
      <c r="ER28" s="258">
        <v>6</v>
      </c>
      <c r="ES28" s="260">
        <v>0</v>
      </c>
      <c r="ET28" s="261">
        <v>23</v>
      </c>
      <c r="EU28" s="261">
        <v>12</v>
      </c>
      <c r="EV28" s="261">
        <v>5</v>
      </c>
      <c r="EW28" s="261">
        <v>5</v>
      </c>
      <c r="EX28" s="261">
        <v>8</v>
      </c>
      <c r="EY28" s="258">
        <v>53</v>
      </c>
      <c r="EZ28" s="263">
        <v>59</v>
      </c>
    </row>
    <row r="29" spans="2:156" ht="21" customHeight="1" x14ac:dyDescent="0.2">
      <c r="B29" s="472" t="s">
        <v>27</v>
      </c>
      <c r="C29" s="257">
        <v>0</v>
      </c>
      <c r="D29" s="261">
        <v>0</v>
      </c>
      <c r="E29" s="358">
        <v>0</v>
      </c>
      <c r="F29" s="260">
        <v>0</v>
      </c>
      <c r="G29" s="261">
        <v>1</v>
      </c>
      <c r="H29" s="261">
        <v>3</v>
      </c>
      <c r="I29" s="261">
        <v>3</v>
      </c>
      <c r="J29" s="261">
        <v>0</v>
      </c>
      <c r="K29" s="261">
        <v>0</v>
      </c>
      <c r="L29" s="262">
        <v>7</v>
      </c>
      <c r="M29" s="263">
        <v>7</v>
      </c>
      <c r="N29" s="257">
        <v>0</v>
      </c>
      <c r="O29" s="261">
        <v>0</v>
      </c>
      <c r="P29" s="258">
        <v>0</v>
      </c>
      <c r="Q29" s="260">
        <v>0</v>
      </c>
      <c r="R29" s="261">
        <v>0</v>
      </c>
      <c r="S29" s="261">
        <v>0</v>
      </c>
      <c r="T29" s="261">
        <v>0</v>
      </c>
      <c r="U29" s="261">
        <v>2</v>
      </c>
      <c r="V29" s="261">
        <v>0</v>
      </c>
      <c r="W29" s="258">
        <v>2</v>
      </c>
      <c r="X29" s="263">
        <v>2</v>
      </c>
      <c r="Y29" s="257">
        <v>2</v>
      </c>
      <c r="Z29" s="261">
        <v>2</v>
      </c>
      <c r="AA29" s="258">
        <v>4</v>
      </c>
      <c r="AB29" s="260">
        <v>0</v>
      </c>
      <c r="AC29" s="261">
        <v>0</v>
      </c>
      <c r="AD29" s="261">
        <v>4</v>
      </c>
      <c r="AE29" s="261">
        <v>3</v>
      </c>
      <c r="AF29" s="261">
        <v>2</v>
      </c>
      <c r="AG29" s="261">
        <v>0</v>
      </c>
      <c r="AH29" s="258">
        <v>9</v>
      </c>
      <c r="AI29" s="263">
        <v>13</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4</v>
      </c>
      <c r="AZ29" s="261">
        <v>1</v>
      </c>
      <c r="BA29" s="261">
        <v>7</v>
      </c>
      <c r="BB29" s="261">
        <v>4</v>
      </c>
      <c r="BC29" s="261">
        <v>3</v>
      </c>
      <c r="BD29" s="262">
        <v>19</v>
      </c>
      <c r="BE29" s="263">
        <v>19</v>
      </c>
      <c r="BF29" s="257">
        <v>0</v>
      </c>
      <c r="BG29" s="261">
        <v>0</v>
      </c>
      <c r="BH29" s="258">
        <v>0</v>
      </c>
      <c r="BI29" s="260">
        <v>0</v>
      </c>
      <c r="BJ29" s="261">
        <v>5</v>
      </c>
      <c r="BK29" s="261">
        <v>3</v>
      </c>
      <c r="BL29" s="261">
        <v>1</v>
      </c>
      <c r="BM29" s="261">
        <v>2</v>
      </c>
      <c r="BN29" s="261">
        <v>0</v>
      </c>
      <c r="BO29" s="258">
        <v>11</v>
      </c>
      <c r="BP29" s="263">
        <v>11</v>
      </c>
      <c r="BQ29" s="257">
        <v>1</v>
      </c>
      <c r="BR29" s="261">
        <v>0</v>
      </c>
      <c r="BS29" s="258">
        <v>1</v>
      </c>
      <c r="BT29" s="260">
        <v>0</v>
      </c>
      <c r="BU29" s="261">
        <v>1</v>
      </c>
      <c r="BV29" s="261">
        <v>3</v>
      </c>
      <c r="BW29" s="261">
        <v>1</v>
      </c>
      <c r="BX29" s="261">
        <v>0</v>
      </c>
      <c r="BY29" s="261">
        <v>0</v>
      </c>
      <c r="BZ29" s="258">
        <v>5</v>
      </c>
      <c r="CA29" s="263">
        <v>6</v>
      </c>
      <c r="CB29" s="257">
        <v>0</v>
      </c>
      <c r="CC29" s="261">
        <v>0</v>
      </c>
      <c r="CD29" s="258">
        <v>0</v>
      </c>
      <c r="CE29" s="260">
        <v>0</v>
      </c>
      <c r="CF29" s="261">
        <v>2</v>
      </c>
      <c r="CG29" s="261">
        <v>1</v>
      </c>
      <c r="CH29" s="261">
        <v>0</v>
      </c>
      <c r="CI29" s="261">
        <v>1</v>
      </c>
      <c r="CJ29" s="261">
        <v>0</v>
      </c>
      <c r="CK29" s="258">
        <v>4</v>
      </c>
      <c r="CL29" s="263">
        <v>4</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5</v>
      </c>
      <c r="DU29" s="261">
        <v>7</v>
      </c>
      <c r="DV29" s="258">
        <v>12</v>
      </c>
      <c r="DW29" s="260">
        <v>0</v>
      </c>
      <c r="DX29" s="261">
        <v>1</v>
      </c>
      <c r="DY29" s="261">
        <v>7</v>
      </c>
      <c r="DZ29" s="261">
        <v>6</v>
      </c>
      <c r="EA29" s="261">
        <v>3</v>
      </c>
      <c r="EB29" s="261">
        <v>0</v>
      </c>
      <c r="EC29" s="258">
        <v>17</v>
      </c>
      <c r="ED29" s="263">
        <v>29</v>
      </c>
      <c r="EE29" s="257">
        <v>0</v>
      </c>
      <c r="EF29" s="261">
        <v>0</v>
      </c>
      <c r="EG29" s="258">
        <v>0</v>
      </c>
      <c r="EH29" s="260">
        <v>0</v>
      </c>
      <c r="EI29" s="261">
        <v>3</v>
      </c>
      <c r="EJ29" s="261">
        <v>2</v>
      </c>
      <c r="EK29" s="261">
        <v>4</v>
      </c>
      <c r="EL29" s="261">
        <v>3</v>
      </c>
      <c r="EM29" s="261">
        <v>3</v>
      </c>
      <c r="EN29" s="258">
        <v>15</v>
      </c>
      <c r="EO29" s="263">
        <v>15</v>
      </c>
      <c r="EP29" s="257">
        <v>9</v>
      </c>
      <c r="EQ29" s="261">
        <v>11</v>
      </c>
      <c r="ER29" s="258">
        <v>20</v>
      </c>
      <c r="ES29" s="260">
        <v>0</v>
      </c>
      <c r="ET29" s="261">
        <v>9</v>
      </c>
      <c r="EU29" s="261">
        <v>12</v>
      </c>
      <c r="EV29" s="261">
        <v>8</v>
      </c>
      <c r="EW29" s="261">
        <v>3</v>
      </c>
      <c r="EX29" s="261">
        <v>0</v>
      </c>
      <c r="EY29" s="258">
        <v>32</v>
      </c>
      <c r="EZ29" s="263">
        <v>52</v>
      </c>
    </row>
    <row r="30" spans="2:156" ht="21" customHeight="1" x14ac:dyDescent="0.2">
      <c r="B30" s="472" t="s">
        <v>28</v>
      </c>
      <c r="C30" s="257">
        <v>0</v>
      </c>
      <c r="D30" s="261">
        <v>0</v>
      </c>
      <c r="E30" s="358">
        <v>0</v>
      </c>
      <c r="F30" s="260">
        <v>0</v>
      </c>
      <c r="G30" s="261">
        <v>1</v>
      </c>
      <c r="H30" s="261">
        <v>1</v>
      </c>
      <c r="I30" s="261">
        <v>0</v>
      </c>
      <c r="J30" s="261">
        <v>1</v>
      </c>
      <c r="K30" s="261">
        <v>0</v>
      </c>
      <c r="L30" s="262">
        <v>3</v>
      </c>
      <c r="M30" s="263">
        <v>3</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v>
      </c>
      <c r="AE30" s="261">
        <v>2</v>
      </c>
      <c r="AF30" s="261">
        <v>0</v>
      </c>
      <c r="AG30" s="261">
        <v>0</v>
      </c>
      <c r="AH30" s="258">
        <v>3</v>
      </c>
      <c r="AI30" s="263">
        <v>3</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2</v>
      </c>
      <c r="BA30" s="261">
        <v>2</v>
      </c>
      <c r="BB30" s="261">
        <v>2</v>
      </c>
      <c r="BC30" s="261">
        <v>0</v>
      </c>
      <c r="BD30" s="262">
        <v>6</v>
      </c>
      <c r="BE30" s="263">
        <v>6</v>
      </c>
      <c r="BF30" s="257">
        <v>0</v>
      </c>
      <c r="BG30" s="261">
        <v>0</v>
      </c>
      <c r="BH30" s="258">
        <v>0</v>
      </c>
      <c r="BI30" s="260">
        <v>0</v>
      </c>
      <c r="BJ30" s="261">
        <v>1</v>
      </c>
      <c r="BK30" s="261">
        <v>2</v>
      </c>
      <c r="BL30" s="261">
        <v>2</v>
      </c>
      <c r="BM30" s="261">
        <v>1</v>
      </c>
      <c r="BN30" s="261">
        <v>0</v>
      </c>
      <c r="BO30" s="258">
        <v>6</v>
      </c>
      <c r="BP30" s="263">
        <v>6</v>
      </c>
      <c r="BQ30" s="257">
        <v>0</v>
      </c>
      <c r="BR30" s="261">
        <v>0</v>
      </c>
      <c r="BS30" s="258">
        <v>0</v>
      </c>
      <c r="BT30" s="260">
        <v>0</v>
      </c>
      <c r="BU30" s="261">
        <v>0</v>
      </c>
      <c r="BV30" s="261">
        <v>1</v>
      </c>
      <c r="BW30" s="261">
        <v>0</v>
      </c>
      <c r="BX30" s="261">
        <v>0</v>
      </c>
      <c r="BY30" s="261">
        <v>0</v>
      </c>
      <c r="BZ30" s="258">
        <v>1</v>
      </c>
      <c r="CA30" s="263">
        <v>1</v>
      </c>
      <c r="CB30" s="257">
        <v>0</v>
      </c>
      <c r="CC30" s="261">
        <v>0</v>
      </c>
      <c r="CD30" s="258">
        <v>0</v>
      </c>
      <c r="CE30" s="260">
        <v>0</v>
      </c>
      <c r="CF30" s="261">
        <v>0</v>
      </c>
      <c r="CG30" s="261">
        <v>1</v>
      </c>
      <c r="CH30" s="261">
        <v>1</v>
      </c>
      <c r="CI30" s="261">
        <v>0</v>
      </c>
      <c r="CJ30" s="261">
        <v>0</v>
      </c>
      <c r="CK30" s="258">
        <v>2</v>
      </c>
      <c r="CL30" s="263">
        <v>2</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1</v>
      </c>
      <c r="DV30" s="258">
        <v>1</v>
      </c>
      <c r="DW30" s="260">
        <v>0</v>
      </c>
      <c r="DX30" s="261">
        <v>0</v>
      </c>
      <c r="DY30" s="261">
        <v>3</v>
      </c>
      <c r="DZ30" s="261">
        <v>3</v>
      </c>
      <c r="EA30" s="261">
        <v>1</v>
      </c>
      <c r="EB30" s="261">
        <v>0</v>
      </c>
      <c r="EC30" s="258">
        <v>7</v>
      </c>
      <c r="ED30" s="263">
        <v>8</v>
      </c>
      <c r="EE30" s="257">
        <v>0</v>
      </c>
      <c r="EF30" s="261">
        <v>0</v>
      </c>
      <c r="EG30" s="258">
        <v>0</v>
      </c>
      <c r="EH30" s="260">
        <v>0</v>
      </c>
      <c r="EI30" s="261">
        <v>0</v>
      </c>
      <c r="EJ30" s="261">
        <v>0</v>
      </c>
      <c r="EK30" s="261">
        <v>1</v>
      </c>
      <c r="EL30" s="261">
        <v>1</v>
      </c>
      <c r="EM30" s="261">
        <v>0</v>
      </c>
      <c r="EN30" s="258">
        <v>2</v>
      </c>
      <c r="EO30" s="263">
        <v>2</v>
      </c>
      <c r="EP30" s="257">
        <v>0</v>
      </c>
      <c r="EQ30" s="261">
        <v>1</v>
      </c>
      <c r="ER30" s="258">
        <v>1</v>
      </c>
      <c r="ES30" s="260">
        <v>0</v>
      </c>
      <c r="ET30" s="261">
        <v>5</v>
      </c>
      <c r="EU30" s="261">
        <v>4</v>
      </c>
      <c r="EV30" s="261">
        <v>4</v>
      </c>
      <c r="EW30" s="261">
        <v>2</v>
      </c>
      <c r="EX30" s="261">
        <v>0</v>
      </c>
      <c r="EY30" s="258">
        <v>15</v>
      </c>
      <c r="EZ30" s="263">
        <v>16</v>
      </c>
    </row>
    <row r="31" spans="2:156" ht="21" customHeight="1" x14ac:dyDescent="0.2">
      <c r="B31" s="472" t="s">
        <v>29</v>
      </c>
      <c r="C31" s="257">
        <v>0</v>
      </c>
      <c r="D31" s="261">
        <v>0</v>
      </c>
      <c r="E31" s="358">
        <v>0</v>
      </c>
      <c r="F31" s="260">
        <v>0</v>
      </c>
      <c r="G31" s="261">
        <v>2</v>
      </c>
      <c r="H31" s="261">
        <v>2</v>
      </c>
      <c r="I31" s="261">
        <v>0</v>
      </c>
      <c r="J31" s="261">
        <v>2</v>
      </c>
      <c r="K31" s="261">
        <v>0</v>
      </c>
      <c r="L31" s="262">
        <v>6</v>
      </c>
      <c r="M31" s="263">
        <v>6</v>
      </c>
      <c r="N31" s="257">
        <v>0</v>
      </c>
      <c r="O31" s="261">
        <v>0</v>
      </c>
      <c r="P31" s="258">
        <v>0</v>
      </c>
      <c r="Q31" s="260">
        <v>0</v>
      </c>
      <c r="R31" s="261">
        <v>0</v>
      </c>
      <c r="S31" s="261">
        <v>0</v>
      </c>
      <c r="T31" s="261">
        <v>0</v>
      </c>
      <c r="U31" s="261">
        <v>0</v>
      </c>
      <c r="V31" s="261">
        <v>0</v>
      </c>
      <c r="W31" s="258">
        <v>0</v>
      </c>
      <c r="X31" s="263">
        <v>0</v>
      </c>
      <c r="Y31" s="257">
        <v>0</v>
      </c>
      <c r="Z31" s="261">
        <v>2</v>
      </c>
      <c r="AA31" s="258">
        <v>2</v>
      </c>
      <c r="AB31" s="260">
        <v>0</v>
      </c>
      <c r="AC31" s="261">
        <v>2</v>
      </c>
      <c r="AD31" s="261">
        <v>2</v>
      </c>
      <c r="AE31" s="261">
        <v>2</v>
      </c>
      <c r="AF31" s="261">
        <v>1</v>
      </c>
      <c r="AG31" s="261">
        <v>0</v>
      </c>
      <c r="AH31" s="258">
        <v>7</v>
      </c>
      <c r="AI31" s="263">
        <v>9</v>
      </c>
      <c r="AJ31" s="257">
        <v>0</v>
      </c>
      <c r="AK31" s="261">
        <v>0</v>
      </c>
      <c r="AL31" s="258">
        <v>0</v>
      </c>
      <c r="AM31" s="260">
        <v>0</v>
      </c>
      <c r="AN31" s="261">
        <v>1</v>
      </c>
      <c r="AO31" s="261">
        <v>0</v>
      </c>
      <c r="AP31" s="261">
        <v>0</v>
      </c>
      <c r="AQ31" s="261">
        <v>1</v>
      </c>
      <c r="AR31" s="261">
        <v>0</v>
      </c>
      <c r="AS31" s="258">
        <v>2</v>
      </c>
      <c r="AT31" s="263">
        <v>2</v>
      </c>
      <c r="AU31" s="257">
        <v>0</v>
      </c>
      <c r="AV31" s="261">
        <v>0</v>
      </c>
      <c r="AW31" s="258">
        <v>0</v>
      </c>
      <c r="AX31" s="260">
        <v>0</v>
      </c>
      <c r="AY31" s="261">
        <v>4</v>
      </c>
      <c r="AZ31" s="261">
        <v>1</v>
      </c>
      <c r="BA31" s="261">
        <v>1</v>
      </c>
      <c r="BB31" s="261">
        <v>1</v>
      </c>
      <c r="BC31" s="261">
        <v>0</v>
      </c>
      <c r="BD31" s="262">
        <v>7</v>
      </c>
      <c r="BE31" s="263">
        <v>7</v>
      </c>
      <c r="BF31" s="257">
        <v>0</v>
      </c>
      <c r="BG31" s="261">
        <v>0</v>
      </c>
      <c r="BH31" s="258">
        <v>0</v>
      </c>
      <c r="BI31" s="260">
        <v>0</v>
      </c>
      <c r="BJ31" s="261">
        <v>2</v>
      </c>
      <c r="BK31" s="261">
        <v>1</v>
      </c>
      <c r="BL31" s="261">
        <v>1</v>
      </c>
      <c r="BM31" s="261">
        <v>1</v>
      </c>
      <c r="BN31" s="261">
        <v>0</v>
      </c>
      <c r="BO31" s="258">
        <v>5</v>
      </c>
      <c r="BP31" s="263">
        <v>5</v>
      </c>
      <c r="BQ31" s="257">
        <v>0</v>
      </c>
      <c r="BR31" s="261">
        <v>0</v>
      </c>
      <c r="BS31" s="258">
        <v>0</v>
      </c>
      <c r="BT31" s="260">
        <v>0</v>
      </c>
      <c r="BU31" s="261">
        <v>2</v>
      </c>
      <c r="BV31" s="261">
        <v>0</v>
      </c>
      <c r="BW31" s="261">
        <v>1</v>
      </c>
      <c r="BX31" s="261">
        <v>0</v>
      </c>
      <c r="BY31" s="261">
        <v>0</v>
      </c>
      <c r="BZ31" s="258">
        <v>3</v>
      </c>
      <c r="CA31" s="263">
        <v>3</v>
      </c>
      <c r="CB31" s="257">
        <v>0</v>
      </c>
      <c r="CC31" s="261">
        <v>0</v>
      </c>
      <c r="CD31" s="258">
        <v>0</v>
      </c>
      <c r="CE31" s="260">
        <v>0</v>
      </c>
      <c r="CF31" s="261">
        <v>0</v>
      </c>
      <c r="CG31" s="261">
        <v>0</v>
      </c>
      <c r="CH31" s="261">
        <v>0</v>
      </c>
      <c r="CI31" s="261">
        <v>0</v>
      </c>
      <c r="CJ31" s="261">
        <v>0</v>
      </c>
      <c r="CK31" s="258">
        <v>0</v>
      </c>
      <c r="CL31" s="263">
        <v>0</v>
      </c>
      <c r="CM31" s="257">
        <v>0</v>
      </c>
      <c r="CN31" s="261">
        <v>0</v>
      </c>
      <c r="CO31" s="258">
        <v>0</v>
      </c>
      <c r="CP31" s="260">
        <v>0</v>
      </c>
      <c r="CQ31" s="261">
        <v>1</v>
      </c>
      <c r="CR31" s="261">
        <v>0</v>
      </c>
      <c r="CS31" s="261">
        <v>0</v>
      </c>
      <c r="CT31" s="261">
        <v>0</v>
      </c>
      <c r="CU31" s="261">
        <v>0</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0</v>
      </c>
      <c r="DU31" s="261">
        <v>3</v>
      </c>
      <c r="DV31" s="258">
        <v>3</v>
      </c>
      <c r="DW31" s="260">
        <v>0</v>
      </c>
      <c r="DX31" s="261">
        <v>2</v>
      </c>
      <c r="DY31" s="261">
        <v>2</v>
      </c>
      <c r="DZ31" s="261">
        <v>3</v>
      </c>
      <c r="EA31" s="261">
        <v>2</v>
      </c>
      <c r="EB31" s="261">
        <v>0</v>
      </c>
      <c r="EC31" s="258">
        <v>9</v>
      </c>
      <c r="ED31" s="263">
        <v>12</v>
      </c>
      <c r="EE31" s="257">
        <v>0</v>
      </c>
      <c r="EF31" s="261">
        <v>0</v>
      </c>
      <c r="EG31" s="258">
        <v>0</v>
      </c>
      <c r="EH31" s="260">
        <v>0</v>
      </c>
      <c r="EI31" s="261">
        <v>1</v>
      </c>
      <c r="EJ31" s="261">
        <v>0</v>
      </c>
      <c r="EK31" s="261">
        <v>0</v>
      </c>
      <c r="EL31" s="261">
        <v>1</v>
      </c>
      <c r="EM31" s="261">
        <v>0</v>
      </c>
      <c r="EN31" s="258">
        <v>2</v>
      </c>
      <c r="EO31" s="263">
        <v>2</v>
      </c>
      <c r="EP31" s="257">
        <v>0</v>
      </c>
      <c r="EQ31" s="261">
        <v>4</v>
      </c>
      <c r="ER31" s="258">
        <v>4</v>
      </c>
      <c r="ES31" s="260">
        <v>0</v>
      </c>
      <c r="ET31" s="261">
        <v>6</v>
      </c>
      <c r="EU31" s="261">
        <v>2</v>
      </c>
      <c r="EV31" s="261">
        <v>3</v>
      </c>
      <c r="EW31" s="261">
        <v>2</v>
      </c>
      <c r="EX31" s="261">
        <v>0</v>
      </c>
      <c r="EY31" s="258">
        <v>13</v>
      </c>
      <c r="EZ31" s="263">
        <v>17</v>
      </c>
    </row>
    <row r="32" spans="2:156" ht="21" customHeight="1" x14ac:dyDescent="0.2">
      <c r="B32" s="472" t="s">
        <v>30</v>
      </c>
      <c r="C32" s="257">
        <v>0</v>
      </c>
      <c r="D32" s="261">
        <v>0</v>
      </c>
      <c r="E32" s="358">
        <v>0</v>
      </c>
      <c r="F32" s="260">
        <v>0</v>
      </c>
      <c r="G32" s="261">
        <v>3</v>
      </c>
      <c r="H32" s="261">
        <v>0</v>
      </c>
      <c r="I32" s="261">
        <v>1</v>
      </c>
      <c r="J32" s="261">
        <v>1</v>
      </c>
      <c r="K32" s="261">
        <v>0</v>
      </c>
      <c r="L32" s="262">
        <v>5</v>
      </c>
      <c r="M32" s="263">
        <v>5</v>
      </c>
      <c r="N32" s="257">
        <v>0</v>
      </c>
      <c r="O32" s="261">
        <v>0</v>
      </c>
      <c r="P32" s="258">
        <v>0</v>
      </c>
      <c r="Q32" s="260">
        <v>0</v>
      </c>
      <c r="R32" s="261">
        <v>1</v>
      </c>
      <c r="S32" s="261">
        <v>0</v>
      </c>
      <c r="T32" s="261">
        <v>0</v>
      </c>
      <c r="U32" s="261">
        <v>1</v>
      </c>
      <c r="V32" s="261">
        <v>0</v>
      </c>
      <c r="W32" s="258">
        <v>2</v>
      </c>
      <c r="X32" s="263">
        <v>2</v>
      </c>
      <c r="Y32" s="257">
        <v>0</v>
      </c>
      <c r="Z32" s="261">
        <v>0</v>
      </c>
      <c r="AA32" s="258">
        <v>0</v>
      </c>
      <c r="AB32" s="260">
        <v>0</v>
      </c>
      <c r="AC32" s="261">
        <v>2</v>
      </c>
      <c r="AD32" s="261">
        <v>0</v>
      </c>
      <c r="AE32" s="261">
        <v>0</v>
      </c>
      <c r="AF32" s="261">
        <v>1</v>
      </c>
      <c r="AG32" s="261">
        <v>0</v>
      </c>
      <c r="AH32" s="258">
        <v>3</v>
      </c>
      <c r="AI32" s="263">
        <v>3</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2</v>
      </c>
      <c r="AZ32" s="261">
        <v>0</v>
      </c>
      <c r="BA32" s="261">
        <v>2</v>
      </c>
      <c r="BB32" s="261">
        <v>0</v>
      </c>
      <c r="BC32" s="261">
        <v>0</v>
      </c>
      <c r="BD32" s="262">
        <v>4</v>
      </c>
      <c r="BE32" s="263">
        <v>4</v>
      </c>
      <c r="BF32" s="257">
        <v>0</v>
      </c>
      <c r="BG32" s="261">
        <v>0</v>
      </c>
      <c r="BH32" s="258">
        <v>0</v>
      </c>
      <c r="BI32" s="260">
        <v>0</v>
      </c>
      <c r="BJ32" s="261">
        <v>2</v>
      </c>
      <c r="BK32" s="261">
        <v>2</v>
      </c>
      <c r="BL32" s="261">
        <v>0</v>
      </c>
      <c r="BM32" s="261">
        <v>0</v>
      </c>
      <c r="BN32" s="261">
        <v>0</v>
      </c>
      <c r="BO32" s="258">
        <v>4</v>
      </c>
      <c r="BP32" s="263">
        <v>4</v>
      </c>
      <c r="BQ32" s="257">
        <v>0</v>
      </c>
      <c r="BR32" s="261">
        <v>0</v>
      </c>
      <c r="BS32" s="258">
        <v>0</v>
      </c>
      <c r="BT32" s="260">
        <v>0</v>
      </c>
      <c r="BU32" s="261">
        <v>1</v>
      </c>
      <c r="BV32" s="261">
        <v>0</v>
      </c>
      <c r="BW32" s="261">
        <v>0</v>
      </c>
      <c r="BX32" s="261">
        <v>1</v>
      </c>
      <c r="BY32" s="261">
        <v>0</v>
      </c>
      <c r="BZ32" s="258">
        <v>2</v>
      </c>
      <c r="CA32" s="263">
        <v>2</v>
      </c>
      <c r="CB32" s="257">
        <v>0</v>
      </c>
      <c r="CC32" s="261">
        <v>0</v>
      </c>
      <c r="CD32" s="258">
        <v>0</v>
      </c>
      <c r="CE32" s="260">
        <v>0</v>
      </c>
      <c r="CF32" s="261">
        <v>0</v>
      </c>
      <c r="CG32" s="261">
        <v>1</v>
      </c>
      <c r="CH32" s="261">
        <v>0</v>
      </c>
      <c r="CI32" s="261">
        <v>1</v>
      </c>
      <c r="CJ32" s="261">
        <v>0</v>
      </c>
      <c r="CK32" s="258">
        <v>2</v>
      </c>
      <c r="CL32" s="263">
        <v>2</v>
      </c>
      <c r="CM32" s="257">
        <v>0</v>
      </c>
      <c r="CN32" s="261">
        <v>0</v>
      </c>
      <c r="CO32" s="258">
        <v>0</v>
      </c>
      <c r="CP32" s="260">
        <v>0</v>
      </c>
      <c r="CQ32" s="261">
        <v>1</v>
      </c>
      <c r="CR32" s="261">
        <v>0</v>
      </c>
      <c r="CS32" s="261">
        <v>0</v>
      </c>
      <c r="CT32" s="261">
        <v>0</v>
      </c>
      <c r="CU32" s="261">
        <v>0</v>
      </c>
      <c r="CV32" s="258">
        <v>1</v>
      </c>
      <c r="CW32" s="263">
        <v>1</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0</v>
      </c>
      <c r="DU32" s="261">
        <v>0</v>
      </c>
      <c r="DV32" s="258">
        <v>0</v>
      </c>
      <c r="DW32" s="260">
        <v>0</v>
      </c>
      <c r="DX32" s="261">
        <v>2</v>
      </c>
      <c r="DY32" s="261">
        <v>2</v>
      </c>
      <c r="DZ32" s="261">
        <v>1</v>
      </c>
      <c r="EA32" s="261">
        <v>1</v>
      </c>
      <c r="EB32" s="261">
        <v>0</v>
      </c>
      <c r="EC32" s="258">
        <v>6</v>
      </c>
      <c r="ED32" s="263">
        <v>6</v>
      </c>
      <c r="EE32" s="257">
        <v>0</v>
      </c>
      <c r="EF32" s="261">
        <v>0</v>
      </c>
      <c r="EG32" s="258">
        <v>0</v>
      </c>
      <c r="EH32" s="260">
        <v>0</v>
      </c>
      <c r="EI32" s="261">
        <v>1</v>
      </c>
      <c r="EJ32" s="261">
        <v>1</v>
      </c>
      <c r="EK32" s="261">
        <v>2</v>
      </c>
      <c r="EL32" s="261">
        <v>0</v>
      </c>
      <c r="EM32" s="261">
        <v>0</v>
      </c>
      <c r="EN32" s="258">
        <v>4</v>
      </c>
      <c r="EO32" s="263">
        <v>4</v>
      </c>
      <c r="EP32" s="257">
        <v>2</v>
      </c>
      <c r="EQ32" s="261">
        <v>0</v>
      </c>
      <c r="ER32" s="258">
        <v>2</v>
      </c>
      <c r="ES32" s="260">
        <v>0</v>
      </c>
      <c r="ET32" s="261">
        <v>6</v>
      </c>
      <c r="EU32" s="261">
        <v>3</v>
      </c>
      <c r="EV32" s="261">
        <v>1</v>
      </c>
      <c r="EW32" s="261">
        <v>2</v>
      </c>
      <c r="EX32" s="261">
        <v>0</v>
      </c>
      <c r="EY32" s="258">
        <v>12</v>
      </c>
      <c r="EZ32" s="263">
        <v>14</v>
      </c>
    </row>
    <row r="33" spans="2:156" ht="21" customHeight="1" x14ac:dyDescent="0.2">
      <c r="B33" s="472" t="s">
        <v>31</v>
      </c>
      <c r="C33" s="257">
        <v>0</v>
      </c>
      <c r="D33" s="261">
        <v>0</v>
      </c>
      <c r="E33" s="358">
        <v>0</v>
      </c>
      <c r="F33" s="260">
        <v>0</v>
      </c>
      <c r="G33" s="261">
        <v>2</v>
      </c>
      <c r="H33" s="261">
        <v>0</v>
      </c>
      <c r="I33" s="261">
        <v>0</v>
      </c>
      <c r="J33" s="261">
        <v>1</v>
      </c>
      <c r="K33" s="261">
        <v>0</v>
      </c>
      <c r="L33" s="262">
        <v>3</v>
      </c>
      <c r="M33" s="263">
        <v>3</v>
      </c>
      <c r="N33" s="257">
        <v>0</v>
      </c>
      <c r="O33" s="261">
        <v>0</v>
      </c>
      <c r="P33" s="258">
        <v>0</v>
      </c>
      <c r="Q33" s="260">
        <v>0</v>
      </c>
      <c r="R33" s="261">
        <v>0</v>
      </c>
      <c r="S33" s="261">
        <v>0</v>
      </c>
      <c r="T33" s="261">
        <v>0</v>
      </c>
      <c r="U33" s="261">
        <v>0</v>
      </c>
      <c r="V33" s="261">
        <v>1</v>
      </c>
      <c r="W33" s="258">
        <v>1</v>
      </c>
      <c r="X33" s="263">
        <v>1</v>
      </c>
      <c r="Y33" s="257">
        <v>0</v>
      </c>
      <c r="Z33" s="261">
        <v>0</v>
      </c>
      <c r="AA33" s="258">
        <v>0</v>
      </c>
      <c r="AB33" s="260">
        <v>0</v>
      </c>
      <c r="AC33" s="261">
        <v>3</v>
      </c>
      <c r="AD33" s="261">
        <v>2</v>
      </c>
      <c r="AE33" s="261">
        <v>2</v>
      </c>
      <c r="AF33" s="261">
        <v>1</v>
      </c>
      <c r="AG33" s="261">
        <v>1</v>
      </c>
      <c r="AH33" s="258">
        <v>9</v>
      </c>
      <c r="AI33" s="263">
        <v>9</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1</v>
      </c>
      <c r="BC33" s="261">
        <v>0</v>
      </c>
      <c r="BD33" s="262">
        <v>2</v>
      </c>
      <c r="BE33" s="263">
        <v>2</v>
      </c>
      <c r="BF33" s="257">
        <v>0</v>
      </c>
      <c r="BG33" s="261">
        <v>0</v>
      </c>
      <c r="BH33" s="258">
        <v>0</v>
      </c>
      <c r="BI33" s="260">
        <v>0</v>
      </c>
      <c r="BJ33" s="261">
        <v>1</v>
      </c>
      <c r="BK33" s="261">
        <v>3</v>
      </c>
      <c r="BL33" s="261">
        <v>2</v>
      </c>
      <c r="BM33" s="261">
        <v>0</v>
      </c>
      <c r="BN33" s="261">
        <v>0</v>
      </c>
      <c r="BO33" s="258">
        <v>6</v>
      </c>
      <c r="BP33" s="263">
        <v>6</v>
      </c>
      <c r="BQ33" s="257">
        <v>0</v>
      </c>
      <c r="BR33" s="261">
        <v>0</v>
      </c>
      <c r="BS33" s="258">
        <v>0</v>
      </c>
      <c r="BT33" s="260">
        <v>0</v>
      </c>
      <c r="BU33" s="261">
        <v>1</v>
      </c>
      <c r="BV33" s="261">
        <v>1</v>
      </c>
      <c r="BW33" s="261">
        <v>0</v>
      </c>
      <c r="BX33" s="261">
        <v>0</v>
      </c>
      <c r="BY33" s="261">
        <v>0</v>
      </c>
      <c r="BZ33" s="258">
        <v>2</v>
      </c>
      <c r="CA33" s="263">
        <v>2</v>
      </c>
      <c r="CB33" s="257">
        <v>0</v>
      </c>
      <c r="CC33" s="261">
        <v>0</v>
      </c>
      <c r="CD33" s="258">
        <v>0</v>
      </c>
      <c r="CE33" s="260">
        <v>0</v>
      </c>
      <c r="CF33" s="261">
        <v>1</v>
      </c>
      <c r="CG33" s="261">
        <v>0</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v>
      </c>
      <c r="DU33" s="261">
        <v>2</v>
      </c>
      <c r="DV33" s="258">
        <v>4</v>
      </c>
      <c r="DW33" s="260">
        <v>0</v>
      </c>
      <c r="DX33" s="261">
        <v>4</v>
      </c>
      <c r="DY33" s="261">
        <v>3</v>
      </c>
      <c r="DZ33" s="261">
        <v>1</v>
      </c>
      <c r="EA33" s="261">
        <v>1</v>
      </c>
      <c r="EB33" s="261">
        <v>1</v>
      </c>
      <c r="EC33" s="258">
        <v>10</v>
      </c>
      <c r="ED33" s="263">
        <v>14</v>
      </c>
      <c r="EE33" s="257">
        <v>0</v>
      </c>
      <c r="EF33" s="261">
        <v>0</v>
      </c>
      <c r="EG33" s="258">
        <v>0</v>
      </c>
      <c r="EH33" s="260">
        <v>0</v>
      </c>
      <c r="EI33" s="261">
        <v>0</v>
      </c>
      <c r="EJ33" s="261">
        <v>0</v>
      </c>
      <c r="EK33" s="261">
        <v>0</v>
      </c>
      <c r="EL33" s="261">
        <v>0</v>
      </c>
      <c r="EM33" s="261">
        <v>0</v>
      </c>
      <c r="EN33" s="258">
        <v>0</v>
      </c>
      <c r="EO33" s="263">
        <v>0</v>
      </c>
      <c r="EP33" s="257">
        <v>3</v>
      </c>
      <c r="EQ33" s="261">
        <v>2</v>
      </c>
      <c r="ER33" s="258">
        <v>5</v>
      </c>
      <c r="ES33" s="260">
        <v>0</v>
      </c>
      <c r="ET33" s="261">
        <v>8</v>
      </c>
      <c r="EU33" s="261">
        <v>4</v>
      </c>
      <c r="EV33" s="261">
        <v>3</v>
      </c>
      <c r="EW33" s="261">
        <v>2</v>
      </c>
      <c r="EX33" s="261">
        <v>1</v>
      </c>
      <c r="EY33" s="258">
        <v>18</v>
      </c>
      <c r="EZ33" s="263">
        <v>23</v>
      </c>
    </row>
    <row r="34" spans="2:156" ht="21" customHeight="1" x14ac:dyDescent="0.2">
      <c r="B34" s="472" t="s">
        <v>32</v>
      </c>
      <c r="C34" s="257">
        <v>0</v>
      </c>
      <c r="D34" s="261">
        <v>0</v>
      </c>
      <c r="E34" s="358">
        <v>0</v>
      </c>
      <c r="F34" s="260">
        <v>0</v>
      </c>
      <c r="G34" s="261">
        <v>0</v>
      </c>
      <c r="H34" s="261">
        <v>1</v>
      </c>
      <c r="I34" s="261">
        <v>0</v>
      </c>
      <c r="J34" s="261">
        <v>0</v>
      </c>
      <c r="K34" s="261">
        <v>1</v>
      </c>
      <c r="L34" s="262">
        <v>2</v>
      </c>
      <c r="M34" s="263">
        <v>2</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1</v>
      </c>
      <c r="AD34" s="261">
        <v>2</v>
      </c>
      <c r="AE34" s="261">
        <v>0</v>
      </c>
      <c r="AF34" s="261">
        <v>0</v>
      </c>
      <c r="AG34" s="261">
        <v>1</v>
      </c>
      <c r="AH34" s="258">
        <v>4</v>
      </c>
      <c r="AI34" s="263">
        <v>4</v>
      </c>
      <c r="AJ34" s="257">
        <v>0</v>
      </c>
      <c r="AK34" s="261">
        <v>0</v>
      </c>
      <c r="AL34" s="258">
        <v>0</v>
      </c>
      <c r="AM34" s="260">
        <v>0</v>
      </c>
      <c r="AN34" s="261">
        <v>0</v>
      </c>
      <c r="AO34" s="261">
        <v>1</v>
      </c>
      <c r="AP34" s="261">
        <v>0</v>
      </c>
      <c r="AQ34" s="261">
        <v>1</v>
      </c>
      <c r="AR34" s="261">
        <v>0</v>
      </c>
      <c r="AS34" s="258">
        <v>2</v>
      </c>
      <c r="AT34" s="263">
        <v>2</v>
      </c>
      <c r="AU34" s="257">
        <v>0</v>
      </c>
      <c r="AV34" s="261">
        <v>0</v>
      </c>
      <c r="AW34" s="258">
        <v>0</v>
      </c>
      <c r="AX34" s="260">
        <v>0</v>
      </c>
      <c r="AY34" s="261">
        <v>0</v>
      </c>
      <c r="AZ34" s="261">
        <v>2</v>
      </c>
      <c r="BA34" s="261">
        <v>2</v>
      </c>
      <c r="BB34" s="261">
        <v>2</v>
      </c>
      <c r="BC34" s="261">
        <v>3</v>
      </c>
      <c r="BD34" s="262">
        <v>9</v>
      </c>
      <c r="BE34" s="263">
        <v>9</v>
      </c>
      <c r="BF34" s="257">
        <v>0</v>
      </c>
      <c r="BG34" s="261">
        <v>0</v>
      </c>
      <c r="BH34" s="258">
        <v>0</v>
      </c>
      <c r="BI34" s="260">
        <v>0</v>
      </c>
      <c r="BJ34" s="261">
        <v>3</v>
      </c>
      <c r="BK34" s="261">
        <v>2</v>
      </c>
      <c r="BL34" s="261">
        <v>1</v>
      </c>
      <c r="BM34" s="261">
        <v>1</v>
      </c>
      <c r="BN34" s="261">
        <v>1</v>
      </c>
      <c r="BO34" s="258">
        <v>8</v>
      </c>
      <c r="BP34" s="263">
        <v>8</v>
      </c>
      <c r="BQ34" s="257">
        <v>0</v>
      </c>
      <c r="BR34" s="261">
        <v>0</v>
      </c>
      <c r="BS34" s="258">
        <v>0</v>
      </c>
      <c r="BT34" s="260">
        <v>0</v>
      </c>
      <c r="BU34" s="261">
        <v>0</v>
      </c>
      <c r="BV34" s="261">
        <v>0</v>
      </c>
      <c r="BW34" s="261">
        <v>1</v>
      </c>
      <c r="BX34" s="261">
        <v>2</v>
      </c>
      <c r="BY34" s="261">
        <v>1</v>
      </c>
      <c r="BZ34" s="258">
        <v>4</v>
      </c>
      <c r="CA34" s="263">
        <v>4</v>
      </c>
      <c r="CB34" s="257">
        <v>0</v>
      </c>
      <c r="CC34" s="261">
        <v>1</v>
      </c>
      <c r="CD34" s="258">
        <v>1</v>
      </c>
      <c r="CE34" s="260">
        <v>0</v>
      </c>
      <c r="CF34" s="261">
        <v>0</v>
      </c>
      <c r="CG34" s="261">
        <v>1</v>
      </c>
      <c r="CH34" s="261">
        <v>0</v>
      </c>
      <c r="CI34" s="261">
        <v>1</v>
      </c>
      <c r="CJ34" s="261">
        <v>1</v>
      </c>
      <c r="CK34" s="258">
        <v>3</v>
      </c>
      <c r="CL34" s="263">
        <v>4</v>
      </c>
      <c r="CM34" s="257">
        <v>0</v>
      </c>
      <c r="CN34" s="261">
        <v>0</v>
      </c>
      <c r="CO34" s="258">
        <v>0</v>
      </c>
      <c r="CP34" s="260">
        <v>0</v>
      </c>
      <c r="CQ34" s="261">
        <v>0</v>
      </c>
      <c r="CR34" s="261">
        <v>0</v>
      </c>
      <c r="CS34" s="261">
        <v>0</v>
      </c>
      <c r="CT34" s="261">
        <v>0</v>
      </c>
      <c r="CU34" s="261">
        <v>1</v>
      </c>
      <c r="CV34" s="258">
        <v>1</v>
      </c>
      <c r="CW34" s="263">
        <v>1</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1</v>
      </c>
      <c r="DU34" s="261">
        <v>0</v>
      </c>
      <c r="DV34" s="258">
        <v>1</v>
      </c>
      <c r="DW34" s="260">
        <v>0</v>
      </c>
      <c r="DX34" s="261">
        <v>3</v>
      </c>
      <c r="DY34" s="261">
        <v>5</v>
      </c>
      <c r="DZ34" s="261">
        <v>2</v>
      </c>
      <c r="EA34" s="261">
        <v>1</v>
      </c>
      <c r="EB34" s="261">
        <v>2</v>
      </c>
      <c r="EC34" s="258">
        <v>13</v>
      </c>
      <c r="ED34" s="263">
        <v>14</v>
      </c>
      <c r="EE34" s="257">
        <v>0</v>
      </c>
      <c r="EF34" s="261">
        <v>0</v>
      </c>
      <c r="EG34" s="258">
        <v>0</v>
      </c>
      <c r="EH34" s="260">
        <v>0</v>
      </c>
      <c r="EI34" s="261">
        <v>1</v>
      </c>
      <c r="EJ34" s="261">
        <v>1</v>
      </c>
      <c r="EK34" s="261">
        <v>1</v>
      </c>
      <c r="EL34" s="261">
        <v>1</v>
      </c>
      <c r="EM34" s="261">
        <v>0</v>
      </c>
      <c r="EN34" s="258">
        <v>4</v>
      </c>
      <c r="EO34" s="263">
        <v>4</v>
      </c>
      <c r="EP34" s="257">
        <v>2</v>
      </c>
      <c r="EQ34" s="261">
        <v>1</v>
      </c>
      <c r="ER34" s="258">
        <v>3</v>
      </c>
      <c r="ES34" s="260">
        <v>0</v>
      </c>
      <c r="ET34" s="261">
        <v>7</v>
      </c>
      <c r="EU34" s="261">
        <v>5</v>
      </c>
      <c r="EV34" s="261">
        <v>2</v>
      </c>
      <c r="EW34" s="261">
        <v>2</v>
      </c>
      <c r="EX34" s="261">
        <v>2</v>
      </c>
      <c r="EY34" s="258">
        <v>18</v>
      </c>
      <c r="EZ34" s="263">
        <v>21</v>
      </c>
    </row>
    <row r="35" spans="2:156" ht="21" customHeight="1" x14ac:dyDescent="0.2">
      <c r="B35" s="472" t="s">
        <v>33</v>
      </c>
      <c r="C35" s="257">
        <v>0</v>
      </c>
      <c r="D35" s="261">
        <v>0</v>
      </c>
      <c r="E35" s="358">
        <v>0</v>
      </c>
      <c r="F35" s="260">
        <v>0</v>
      </c>
      <c r="G35" s="261">
        <v>2</v>
      </c>
      <c r="H35" s="261">
        <v>0</v>
      </c>
      <c r="I35" s="261">
        <v>0</v>
      </c>
      <c r="J35" s="261">
        <v>0</v>
      </c>
      <c r="K35" s="261">
        <v>1</v>
      </c>
      <c r="L35" s="262">
        <v>3</v>
      </c>
      <c r="M35" s="263">
        <v>3</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0</v>
      </c>
      <c r="AD35" s="261">
        <v>1</v>
      </c>
      <c r="AE35" s="261">
        <v>0</v>
      </c>
      <c r="AF35" s="261">
        <v>0</v>
      </c>
      <c r="AG35" s="261">
        <v>1</v>
      </c>
      <c r="AH35" s="258">
        <v>2</v>
      </c>
      <c r="AI35" s="263">
        <v>2</v>
      </c>
      <c r="AJ35" s="257">
        <v>0</v>
      </c>
      <c r="AK35" s="261">
        <v>0</v>
      </c>
      <c r="AL35" s="258">
        <v>0</v>
      </c>
      <c r="AM35" s="260">
        <v>0</v>
      </c>
      <c r="AN35" s="261">
        <v>3</v>
      </c>
      <c r="AO35" s="261">
        <v>1</v>
      </c>
      <c r="AP35" s="261">
        <v>1</v>
      </c>
      <c r="AQ35" s="261">
        <v>0</v>
      </c>
      <c r="AR35" s="261">
        <v>1</v>
      </c>
      <c r="AS35" s="258">
        <v>6</v>
      </c>
      <c r="AT35" s="263">
        <v>6</v>
      </c>
      <c r="AU35" s="257">
        <v>0</v>
      </c>
      <c r="AV35" s="261">
        <v>0</v>
      </c>
      <c r="AW35" s="258">
        <v>0</v>
      </c>
      <c r="AX35" s="260">
        <v>0</v>
      </c>
      <c r="AY35" s="261">
        <v>1</v>
      </c>
      <c r="AZ35" s="261">
        <v>0</v>
      </c>
      <c r="BA35" s="261">
        <v>4</v>
      </c>
      <c r="BB35" s="261">
        <v>2</v>
      </c>
      <c r="BC35" s="261">
        <v>2</v>
      </c>
      <c r="BD35" s="262">
        <v>9</v>
      </c>
      <c r="BE35" s="263">
        <v>9</v>
      </c>
      <c r="BF35" s="257">
        <v>0</v>
      </c>
      <c r="BG35" s="261">
        <v>0</v>
      </c>
      <c r="BH35" s="258">
        <v>0</v>
      </c>
      <c r="BI35" s="260">
        <v>0</v>
      </c>
      <c r="BJ35" s="261">
        <v>2</v>
      </c>
      <c r="BK35" s="261">
        <v>0</v>
      </c>
      <c r="BL35" s="261">
        <v>0</v>
      </c>
      <c r="BM35" s="261">
        <v>0</v>
      </c>
      <c r="BN35" s="261">
        <v>1</v>
      </c>
      <c r="BO35" s="258">
        <v>3</v>
      </c>
      <c r="BP35" s="263">
        <v>3</v>
      </c>
      <c r="BQ35" s="257">
        <v>0</v>
      </c>
      <c r="BR35" s="261">
        <v>0</v>
      </c>
      <c r="BS35" s="258">
        <v>0</v>
      </c>
      <c r="BT35" s="260">
        <v>0</v>
      </c>
      <c r="BU35" s="261">
        <v>2</v>
      </c>
      <c r="BV35" s="261">
        <v>0</v>
      </c>
      <c r="BW35" s="261">
        <v>1</v>
      </c>
      <c r="BX35" s="261">
        <v>0</v>
      </c>
      <c r="BY35" s="261">
        <v>0</v>
      </c>
      <c r="BZ35" s="258">
        <v>3</v>
      </c>
      <c r="CA35" s="263">
        <v>3</v>
      </c>
      <c r="CB35" s="257">
        <v>0</v>
      </c>
      <c r="CC35" s="261">
        <v>0</v>
      </c>
      <c r="CD35" s="258">
        <v>0</v>
      </c>
      <c r="CE35" s="260">
        <v>0</v>
      </c>
      <c r="CF35" s="261">
        <v>0</v>
      </c>
      <c r="CG35" s="261">
        <v>0</v>
      </c>
      <c r="CH35" s="261">
        <v>1</v>
      </c>
      <c r="CI35" s="261">
        <v>1</v>
      </c>
      <c r="CJ35" s="261">
        <v>0</v>
      </c>
      <c r="CK35" s="258">
        <v>2</v>
      </c>
      <c r="CL35" s="263">
        <v>2</v>
      </c>
      <c r="CM35" s="257">
        <v>0</v>
      </c>
      <c r="CN35" s="261">
        <v>0</v>
      </c>
      <c r="CO35" s="258">
        <v>0</v>
      </c>
      <c r="CP35" s="260">
        <v>0</v>
      </c>
      <c r="CQ35" s="261">
        <v>1</v>
      </c>
      <c r="CR35" s="261">
        <v>0</v>
      </c>
      <c r="CS35" s="261">
        <v>0</v>
      </c>
      <c r="CT35" s="261">
        <v>0</v>
      </c>
      <c r="CU35" s="261">
        <v>0</v>
      </c>
      <c r="CV35" s="258">
        <v>1</v>
      </c>
      <c r="CW35" s="263">
        <v>1</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1</v>
      </c>
      <c r="DU35" s="261">
        <v>1</v>
      </c>
      <c r="DV35" s="258">
        <v>2</v>
      </c>
      <c r="DW35" s="260">
        <v>0</v>
      </c>
      <c r="DX35" s="261">
        <v>2</v>
      </c>
      <c r="DY35" s="261">
        <v>1</v>
      </c>
      <c r="DZ35" s="261">
        <v>2</v>
      </c>
      <c r="EA35" s="261">
        <v>0</v>
      </c>
      <c r="EB35" s="261">
        <v>3</v>
      </c>
      <c r="EC35" s="258">
        <v>8</v>
      </c>
      <c r="ED35" s="263">
        <v>10</v>
      </c>
      <c r="EE35" s="257">
        <v>0</v>
      </c>
      <c r="EF35" s="261">
        <v>0</v>
      </c>
      <c r="EG35" s="258">
        <v>0</v>
      </c>
      <c r="EH35" s="260">
        <v>0</v>
      </c>
      <c r="EI35" s="261">
        <v>1</v>
      </c>
      <c r="EJ35" s="261">
        <v>0</v>
      </c>
      <c r="EK35" s="261">
        <v>4</v>
      </c>
      <c r="EL35" s="261">
        <v>2</v>
      </c>
      <c r="EM35" s="261">
        <v>1</v>
      </c>
      <c r="EN35" s="258">
        <v>8</v>
      </c>
      <c r="EO35" s="263">
        <v>8</v>
      </c>
      <c r="EP35" s="257">
        <v>1</v>
      </c>
      <c r="EQ35" s="261">
        <v>1</v>
      </c>
      <c r="ER35" s="258">
        <v>2</v>
      </c>
      <c r="ES35" s="260">
        <v>0</v>
      </c>
      <c r="ET35" s="261">
        <v>7</v>
      </c>
      <c r="EU35" s="261">
        <v>1</v>
      </c>
      <c r="EV35" s="261">
        <v>2</v>
      </c>
      <c r="EW35" s="261">
        <v>1</v>
      </c>
      <c r="EX35" s="261">
        <v>2</v>
      </c>
      <c r="EY35" s="258">
        <v>13</v>
      </c>
      <c r="EZ35" s="263">
        <v>15</v>
      </c>
    </row>
    <row r="36" spans="2:156" ht="21" customHeight="1" x14ac:dyDescent="0.2">
      <c r="B36" s="472" t="s">
        <v>34</v>
      </c>
      <c r="C36" s="257">
        <v>0</v>
      </c>
      <c r="D36" s="261">
        <v>0</v>
      </c>
      <c r="E36" s="358">
        <v>0</v>
      </c>
      <c r="F36" s="260">
        <v>0</v>
      </c>
      <c r="G36" s="261">
        <v>1</v>
      </c>
      <c r="H36" s="261">
        <v>0</v>
      </c>
      <c r="I36" s="261">
        <v>0</v>
      </c>
      <c r="J36" s="261">
        <v>0</v>
      </c>
      <c r="K36" s="261">
        <v>0</v>
      </c>
      <c r="L36" s="262">
        <v>1</v>
      </c>
      <c r="M36" s="263">
        <v>1</v>
      </c>
      <c r="N36" s="257">
        <v>0</v>
      </c>
      <c r="O36" s="261">
        <v>0</v>
      </c>
      <c r="P36" s="258">
        <v>0</v>
      </c>
      <c r="Q36" s="260">
        <v>0</v>
      </c>
      <c r="R36" s="261">
        <v>0</v>
      </c>
      <c r="S36" s="261">
        <v>0</v>
      </c>
      <c r="T36" s="261">
        <v>0</v>
      </c>
      <c r="U36" s="261">
        <v>0</v>
      </c>
      <c r="V36" s="261">
        <v>0</v>
      </c>
      <c r="W36" s="258">
        <v>0</v>
      </c>
      <c r="X36" s="263">
        <v>0</v>
      </c>
      <c r="Y36" s="257">
        <v>0</v>
      </c>
      <c r="Z36" s="261">
        <v>1</v>
      </c>
      <c r="AA36" s="258">
        <v>1</v>
      </c>
      <c r="AB36" s="260">
        <v>0</v>
      </c>
      <c r="AC36" s="261">
        <v>0</v>
      </c>
      <c r="AD36" s="261">
        <v>0</v>
      </c>
      <c r="AE36" s="261">
        <v>0</v>
      </c>
      <c r="AF36" s="261">
        <v>0</v>
      </c>
      <c r="AG36" s="261">
        <v>0</v>
      </c>
      <c r="AH36" s="258">
        <v>0</v>
      </c>
      <c r="AI36" s="263">
        <v>1</v>
      </c>
      <c r="AJ36" s="257">
        <v>0</v>
      </c>
      <c r="AK36" s="261">
        <v>0</v>
      </c>
      <c r="AL36" s="258">
        <v>0</v>
      </c>
      <c r="AM36" s="260">
        <v>0</v>
      </c>
      <c r="AN36" s="261">
        <v>0</v>
      </c>
      <c r="AO36" s="261">
        <v>1</v>
      </c>
      <c r="AP36" s="261">
        <v>0</v>
      </c>
      <c r="AQ36" s="261">
        <v>0</v>
      </c>
      <c r="AR36" s="261">
        <v>0</v>
      </c>
      <c r="AS36" s="258">
        <v>1</v>
      </c>
      <c r="AT36" s="263">
        <v>1</v>
      </c>
      <c r="AU36" s="257">
        <v>0</v>
      </c>
      <c r="AV36" s="261">
        <v>0</v>
      </c>
      <c r="AW36" s="258">
        <v>0</v>
      </c>
      <c r="AX36" s="260">
        <v>0</v>
      </c>
      <c r="AY36" s="261">
        <v>2</v>
      </c>
      <c r="AZ36" s="261">
        <v>0</v>
      </c>
      <c r="BA36" s="261">
        <v>1</v>
      </c>
      <c r="BB36" s="261">
        <v>0</v>
      </c>
      <c r="BC36" s="261">
        <v>1</v>
      </c>
      <c r="BD36" s="262">
        <v>4</v>
      </c>
      <c r="BE36" s="263">
        <v>4</v>
      </c>
      <c r="BF36" s="257">
        <v>0</v>
      </c>
      <c r="BG36" s="261">
        <v>0</v>
      </c>
      <c r="BH36" s="258">
        <v>0</v>
      </c>
      <c r="BI36" s="260">
        <v>0</v>
      </c>
      <c r="BJ36" s="261">
        <v>0</v>
      </c>
      <c r="BK36" s="261">
        <v>3</v>
      </c>
      <c r="BL36" s="261">
        <v>1</v>
      </c>
      <c r="BM36" s="261">
        <v>0</v>
      </c>
      <c r="BN36" s="261">
        <v>0</v>
      </c>
      <c r="BO36" s="258">
        <v>4</v>
      </c>
      <c r="BP36" s="263">
        <v>4</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1</v>
      </c>
      <c r="DV36" s="258">
        <v>1</v>
      </c>
      <c r="DW36" s="260">
        <v>0</v>
      </c>
      <c r="DX36" s="261">
        <v>1</v>
      </c>
      <c r="DY36" s="261">
        <v>2</v>
      </c>
      <c r="DZ36" s="261">
        <v>0</v>
      </c>
      <c r="EA36" s="261">
        <v>0</v>
      </c>
      <c r="EB36" s="261">
        <v>1</v>
      </c>
      <c r="EC36" s="258">
        <v>4</v>
      </c>
      <c r="ED36" s="263">
        <v>5</v>
      </c>
      <c r="EE36" s="257">
        <v>0</v>
      </c>
      <c r="EF36" s="261">
        <v>0</v>
      </c>
      <c r="EG36" s="258">
        <v>0</v>
      </c>
      <c r="EH36" s="260">
        <v>0</v>
      </c>
      <c r="EI36" s="261">
        <v>0</v>
      </c>
      <c r="EJ36" s="261">
        <v>0</v>
      </c>
      <c r="EK36" s="261">
        <v>1</v>
      </c>
      <c r="EL36" s="261">
        <v>0</v>
      </c>
      <c r="EM36" s="261">
        <v>0</v>
      </c>
      <c r="EN36" s="258">
        <v>1</v>
      </c>
      <c r="EO36" s="263">
        <v>1</v>
      </c>
      <c r="EP36" s="257">
        <v>0</v>
      </c>
      <c r="EQ36" s="261">
        <v>1</v>
      </c>
      <c r="ER36" s="258">
        <v>1</v>
      </c>
      <c r="ES36" s="260">
        <v>0</v>
      </c>
      <c r="ET36" s="261">
        <v>1</v>
      </c>
      <c r="EU36" s="261">
        <v>3</v>
      </c>
      <c r="EV36" s="261">
        <v>1</v>
      </c>
      <c r="EW36" s="261">
        <v>0</v>
      </c>
      <c r="EX36" s="261">
        <v>0</v>
      </c>
      <c r="EY36" s="258">
        <v>5</v>
      </c>
      <c r="EZ36" s="263">
        <v>6</v>
      </c>
    </row>
    <row r="37" spans="2:156" ht="21" customHeight="1" x14ac:dyDescent="0.2">
      <c r="B37" s="472" t="s">
        <v>35</v>
      </c>
      <c r="C37" s="257">
        <v>0</v>
      </c>
      <c r="D37" s="261">
        <v>0</v>
      </c>
      <c r="E37" s="358">
        <v>0</v>
      </c>
      <c r="F37" s="260">
        <v>0</v>
      </c>
      <c r="G37" s="261">
        <v>3</v>
      </c>
      <c r="H37" s="261">
        <v>3</v>
      </c>
      <c r="I37" s="261">
        <v>1</v>
      </c>
      <c r="J37" s="261">
        <v>1</v>
      </c>
      <c r="K37" s="261">
        <v>1</v>
      </c>
      <c r="L37" s="262">
        <v>9</v>
      </c>
      <c r="M37" s="263">
        <v>9</v>
      </c>
      <c r="N37" s="257">
        <v>0</v>
      </c>
      <c r="O37" s="261">
        <v>0</v>
      </c>
      <c r="P37" s="258">
        <v>0</v>
      </c>
      <c r="Q37" s="260">
        <v>0</v>
      </c>
      <c r="R37" s="261">
        <v>0</v>
      </c>
      <c r="S37" s="261">
        <v>0</v>
      </c>
      <c r="T37" s="261">
        <v>0</v>
      </c>
      <c r="U37" s="261">
        <v>1</v>
      </c>
      <c r="V37" s="261">
        <v>1</v>
      </c>
      <c r="W37" s="258">
        <v>2</v>
      </c>
      <c r="X37" s="263">
        <v>2</v>
      </c>
      <c r="Y37" s="257">
        <v>1</v>
      </c>
      <c r="Z37" s="261">
        <v>2</v>
      </c>
      <c r="AA37" s="258">
        <v>3</v>
      </c>
      <c r="AB37" s="260">
        <v>0</v>
      </c>
      <c r="AC37" s="261">
        <v>2</v>
      </c>
      <c r="AD37" s="261">
        <v>2</v>
      </c>
      <c r="AE37" s="261">
        <v>1</v>
      </c>
      <c r="AF37" s="261">
        <v>2</v>
      </c>
      <c r="AG37" s="261">
        <v>2</v>
      </c>
      <c r="AH37" s="258">
        <v>9</v>
      </c>
      <c r="AI37" s="263">
        <v>12</v>
      </c>
      <c r="AJ37" s="257">
        <v>1</v>
      </c>
      <c r="AK37" s="261">
        <v>0</v>
      </c>
      <c r="AL37" s="258">
        <v>1</v>
      </c>
      <c r="AM37" s="260">
        <v>0</v>
      </c>
      <c r="AN37" s="261">
        <v>1</v>
      </c>
      <c r="AO37" s="261">
        <v>0</v>
      </c>
      <c r="AP37" s="261">
        <v>0</v>
      </c>
      <c r="AQ37" s="261">
        <v>1</v>
      </c>
      <c r="AR37" s="261">
        <v>0</v>
      </c>
      <c r="AS37" s="258">
        <v>2</v>
      </c>
      <c r="AT37" s="263">
        <v>3</v>
      </c>
      <c r="AU37" s="257">
        <v>4</v>
      </c>
      <c r="AV37" s="261">
        <v>2</v>
      </c>
      <c r="AW37" s="258">
        <v>6</v>
      </c>
      <c r="AX37" s="260">
        <v>0</v>
      </c>
      <c r="AY37" s="261">
        <v>2</v>
      </c>
      <c r="AZ37" s="261">
        <v>2</v>
      </c>
      <c r="BA37" s="261">
        <v>4</v>
      </c>
      <c r="BB37" s="261">
        <v>6</v>
      </c>
      <c r="BC37" s="261">
        <v>3</v>
      </c>
      <c r="BD37" s="262">
        <v>17</v>
      </c>
      <c r="BE37" s="263">
        <v>23</v>
      </c>
      <c r="BF37" s="257">
        <v>0</v>
      </c>
      <c r="BG37" s="261">
        <v>0</v>
      </c>
      <c r="BH37" s="258">
        <v>0</v>
      </c>
      <c r="BI37" s="260">
        <v>0</v>
      </c>
      <c r="BJ37" s="261">
        <v>1</v>
      </c>
      <c r="BK37" s="261">
        <v>3</v>
      </c>
      <c r="BL37" s="261">
        <v>1</v>
      </c>
      <c r="BM37" s="261">
        <v>2</v>
      </c>
      <c r="BN37" s="261">
        <v>1</v>
      </c>
      <c r="BO37" s="258">
        <v>8</v>
      </c>
      <c r="BP37" s="263">
        <v>8</v>
      </c>
      <c r="BQ37" s="257">
        <v>0</v>
      </c>
      <c r="BR37" s="261">
        <v>2</v>
      </c>
      <c r="BS37" s="258">
        <v>2</v>
      </c>
      <c r="BT37" s="260">
        <v>0</v>
      </c>
      <c r="BU37" s="261">
        <v>2</v>
      </c>
      <c r="BV37" s="261">
        <v>3</v>
      </c>
      <c r="BW37" s="261">
        <v>0</v>
      </c>
      <c r="BX37" s="261">
        <v>1</v>
      </c>
      <c r="BY37" s="261">
        <v>0</v>
      </c>
      <c r="BZ37" s="258">
        <v>6</v>
      </c>
      <c r="CA37" s="263">
        <v>8</v>
      </c>
      <c r="CB37" s="257">
        <v>0</v>
      </c>
      <c r="CC37" s="261">
        <v>0</v>
      </c>
      <c r="CD37" s="258">
        <v>0</v>
      </c>
      <c r="CE37" s="260">
        <v>0</v>
      </c>
      <c r="CF37" s="261">
        <v>0</v>
      </c>
      <c r="CG37" s="261">
        <v>0</v>
      </c>
      <c r="CH37" s="261">
        <v>0</v>
      </c>
      <c r="CI37" s="261">
        <v>1</v>
      </c>
      <c r="CJ37" s="261">
        <v>1</v>
      </c>
      <c r="CK37" s="258">
        <v>2</v>
      </c>
      <c r="CL37" s="263">
        <v>2</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1</v>
      </c>
      <c r="DU37" s="261">
        <v>4</v>
      </c>
      <c r="DV37" s="258">
        <v>5</v>
      </c>
      <c r="DW37" s="260">
        <v>0</v>
      </c>
      <c r="DX37" s="261">
        <v>7</v>
      </c>
      <c r="DY37" s="261">
        <v>8</v>
      </c>
      <c r="DZ37" s="261">
        <v>2</v>
      </c>
      <c r="EA37" s="261">
        <v>4</v>
      </c>
      <c r="EB37" s="261">
        <v>2</v>
      </c>
      <c r="EC37" s="258">
        <v>23</v>
      </c>
      <c r="ED37" s="263">
        <v>28</v>
      </c>
      <c r="EE37" s="257">
        <v>4</v>
      </c>
      <c r="EF37" s="261">
        <v>0</v>
      </c>
      <c r="EG37" s="258">
        <v>4</v>
      </c>
      <c r="EH37" s="260">
        <v>0</v>
      </c>
      <c r="EI37" s="261">
        <v>0</v>
      </c>
      <c r="EJ37" s="261">
        <v>1</v>
      </c>
      <c r="EK37" s="261">
        <v>3</v>
      </c>
      <c r="EL37" s="261">
        <v>3</v>
      </c>
      <c r="EM37" s="261">
        <v>2</v>
      </c>
      <c r="EN37" s="258">
        <v>9</v>
      </c>
      <c r="EO37" s="263">
        <v>13</v>
      </c>
      <c r="EP37" s="257">
        <v>3</v>
      </c>
      <c r="EQ37" s="261">
        <v>5</v>
      </c>
      <c r="ER37" s="258">
        <v>8</v>
      </c>
      <c r="ES37" s="260">
        <v>0</v>
      </c>
      <c r="ET37" s="261">
        <v>12</v>
      </c>
      <c r="EU37" s="261">
        <v>7</v>
      </c>
      <c r="EV37" s="261">
        <v>2</v>
      </c>
      <c r="EW37" s="261">
        <v>4</v>
      </c>
      <c r="EX37" s="261">
        <v>3</v>
      </c>
      <c r="EY37" s="258">
        <v>28</v>
      </c>
      <c r="EZ37" s="263">
        <v>36</v>
      </c>
    </row>
    <row r="38" spans="2:156" ht="21" customHeight="1" x14ac:dyDescent="0.2">
      <c r="B38" s="472" t="s">
        <v>36</v>
      </c>
      <c r="C38" s="257">
        <v>0</v>
      </c>
      <c r="D38" s="261">
        <v>0</v>
      </c>
      <c r="E38" s="358">
        <v>0</v>
      </c>
      <c r="F38" s="260">
        <v>0</v>
      </c>
      <c r="G38" s="261">
        <v>1</v>
      </c>
      <c r="H38" s="261">
        <v>1</v>
      </c>
      <c r="I38" s="261">
        <v>0</v>
      </c>
      <c r="J38" s="261">
        <v>1</v>
      </c>
      <c r="K38" s="261">
        <v>1</v>
      </c>
      <c r="L38" s="262">
        <v>4</v>
      </c>
      <c r="M38" s="263">
        <v>4</v>
      </c>
      <c r="N38" s="257">
        <v>0</v>
      </c>
      <c r="O38" s="261">
        <v>0</v>
      </c>
      <c r="P38" s="258">
        <v>0</v>
      </c>
      <c r="Q38" s="260">
        <v>0</v>
      </c>
      <c r="R38" s="261">
        <v>0</v>
      </c>
      <c r="S38" s="261">
        <v>0</v>
      </c>
      <c r="T38" s="261">
        <v>0</v>
      </c>
      <c r="U38" s="261">
        <v>0</v>
      </c>
      <c r="V38" s="261">
        <v>0</v>
      </c>
      <c r="W38" s="258">
        <v>0</v>
      </c>
      <c r="X38" s="263">
        <v>0</v>
      </c>
      <c r="Y38" s="257">
        <v>0</v>
      </c>
      <c r="Z38" s="261">
        <v>2</v>
      </c>
      <c r="AA38" s="258">
        <v>2</v>
      </c>
      <c r="AB38" s="260">
        <v>0</v>
      </c>
      <c r="AC38" s="261">
        <v>1</v>
      </c>
      <c r="AD38" s="261">
        <v>1</v>
      </c>
      <c r="AE38" s="261">
        <v>0</v>
      </c>
      <c r="AF38" s="261">
        <v>1</v>
      </c>
      <c r="AG38" s="261">
        <v>1</v>
      </c>
      <c r="AH38" s="258">
        <v>4</v>
      </c>
      <c r="AI38" s="263">
        <v>6</v>
      </c>
      <c r="AJ38" s="257">
        <v>0</v>
      </c>
      <c r="AK38" s="261">
        <v>0</v>
      </c>
      <c r="AL38" s="258">
        <v>0</v>
      </c>
      <c r="AM38" s="260">
        <v>0</v>
      </c>
      <c r="AN38" s="261">
        <v>1</v>
      </c>
      <c r="AO38" s="261">
        <v>0</v>
      </c>
      <c r="AP38" s="261">
        <v>0</v>
      </c>
      <c r="AQ38" s="261">
        <v>0</v>
      </c>
      <c r="AR38" s="261">
        <v>0</v>
      </c>
      <c r="AS38" s="258">
        <v>1</v>
      </c>
      <c r="AT38" s="263">
        <v>1</v>
      </c>
      <c r="AU38" s="257">
        <v>0</v>
      </c>
      <c r="AV38" s="261">
        <v>0</v>
      </c>
      <c r="AW38" s="258">
        <v>0</v>
      </c>
      <c r="AX38" s="260">
        <v>0</v>
      </c>
      <c r="AY38" s="261">
        <v>1</v>
      </c>
      <c r="AZ38" s="261">
        <v>4</v>
      </c>
      <c r="BA38" s="261">
        <v>1</v>
      </c>
      <c r="BB38" s="261">
        <v>4</v>
      </c>
      <c r="BC38" s="261">
        <v>2</v>
      </c>
      <c r="BD38" s="262">
        <v>12</v>
      </c>
      <c r="BE38" s="263">
        <v>12</v>
      </c>
      <c r="BF38" s="257">
        <v>0</v>
      </c>
      <c r="BG38" s="261">
        <v>0</v>
      </c>
      <c r="BH38" s="258">
        <v>0</v>
      </c>
      <c r="BI38" s="260">
        <v>0</v>
      </c>
      <c r="BJ38" s="261">
        <v>1</v>
      </c>
      <c r="BK38" s="261">
        <v>5</v>
      </c>
      <c r="BL38" s="261">
        <v>0</v>
      </c>
      <c r="BM38" s="261">
        <v>1</v>
      </c>
      <c r="BN38" s="261">
        <v>1</v>
      </c>
      <c r="BO38" s="258">
        <v>8</v>
      </c>
      <c r="BP38" s="263">
        <v>8</v>
      </c>
      <c r="BQ38" s="257">
        <v>0</v>
      </c>
      <c r="BR38" s="261">
        <v>0</v>
      </c>
      <c r="BS38" s="258">
        <v>0</v>
      </c>
      <c r="BT38" s="260">
        <v>0</v>
      </c>
      <c r="BU38" s="261">
        <v>1</v>
      </c>
      <c r="BV38" s="261">
        <v>0</v>
      </c>
      <c r="BW38" s="261">
        <v>0</v>
      </c>
      <c r="BX38" s="261">
        <v>0</v>
      </c>
      <c r="BY38" s="261">
        <v>0</v>
      </c>
      <c r="BZ38" s="258">
        <v>1</v>
      </c>
      <c r="CA38" s="263">
        <v>1</v>
      </c>
      <c r="CB38" s="257">
        <v>0</v>
      </c>
      <c r="CC38" s="261">
        <v>0</v>
      </c>
      <c r="CD38" s="258">
        <v>0</v>
      </c>
      <c r="CE38" s="260">
        <v>0</v>
      </c>
      <c r="CF38" s="261">
        <v>0</v>
      </c>
      <c r="CG38" s="261">
        <v>2</v>
      </c>
      <c r="CH38" s="261">
        <v>0</v>
      </c>
      <c r="CI38" s="261">
        <v>1</v>
      </c>
      <c r="CJ38" s="261">
        <v>0</v>
      </c>
      <c r="CK38" s="258">
        <v>3</v>
      </c>
      <c r="CL38" s="263">
        <v>3</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1</v>
      </c>
      <c r="DU38" s="261">
        <v>3</v>
      </c>
      <c r="DV38" s="258">
        <v>4</v>
      </c>
      <c r="DW38" s="260">
        <v>0</v>
      </c>
      <c r="DX38" s="261">
        <v>4</v>
      </c>
      <c r="DY38" s="261">
        <v>4</v>
      </c>
      <c r="DZ38" s="261">
        <v>0</v>
      </c>
      <c r="EA38" s="261">
        <v>2</v>
      </c>
      <c r="EB38" s="261">
        <v>2</v>
      </c>
      <c r="EC38" s="258">
        <v>12</v>
      </c>
      <c r="ED38" s="263">
        <v>16</v>
      </c>
      <c r="EE38" s="257">
        <v>0</v>
      </c>
      <c r="EF38" s="261">
        <v>0</v>
      </c>
      <c r="EG38" s="258">
        <v>0</v>
      </c>
      <c r="EH38" s="260">
        <v>0</v>
      </c>
      <c r="EI38" s="261">
        <v>0</v>
      </c>
      <c r="EJ38" s="261">
        <v>3</v>
      </c>
      <c r="EK38" s="261">
        <v>1</v>
      </c>
      <c r="EL38" s="261">
        <v>2</v>
      </c>
      <c r="EM38" s="261">
        <v>0</v>
      </c>
      <c r="EN38" s="258">
        <v>6</v>
      </c>
      <c r="EO38" s="263">
        <v>6</v>
      </c>
      <c r="EP38" s="257">
        <v>2</v>
      </c>
      <c r="EQ38" s="261">
        <v>6</v>
      </c>
      <c r="ER38" s="258">
        <v>8</v>
      </c>
      <c r="ES38" s="260">
        <v>0</v>
      </c>
      <c r="ET38" s="261">
        <v>4</v>
      </c>
      <c r="EU38" s="261">
        <v>6</v>
      </c>
      <c r="EV38" s="261">
        <v>0</v>
      </c>
      <c r="EW38" s="261">
        <v>2</v>
      </c>
      <c r="EX38" s="261">
        <v>2</v>
      </c>
      <c r="EY38" s="258">
        <v>14</v>
      </c>
      <c r="EZ38" s="263">
        <v>22</v>
      </c>
    </row>
    <row r="39" spans="2:156" ht="21" customHeight="1" thickBot="1" x14ac:dyDescent="0.25">
      <c r="B39" s="473" t="s">
        <v>37</v>
      </c>
      <c r="C39" s="264">
        <v>0</v>
      </c>
      <c r="D39" s="268">
        <v>0</v>
      </c>
      <c r="E39" s="359">
        <v>0</v>
      </c>
      <c r="F39" s="267">
        <v>0</v>
      </c>
      <c r="G39" s="268">
        <v>0</v>
      </c>
      <c r="H39" s="268">
        <v>0</v>
      </c>
      <c r="I39" s="268">
        <v>0</v>
      </c>
      <c r="J39" s="268">
        <v>0</v>
      </c>
      <c r="K39" s="268">
        <v>1</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1</v>
      </c>
      <c r="BD39" s="269">
        <v>2</v>
      </c>
      <c r="BE39" s="270">
        <v>2</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0</v>
      </c>
      <c r="DV39" s="265">
        <v>0</v>
      </c>
      <c r="DW39" s="267">
        <v>0</v>
      </c>
      <c r="DX39" s="268">
        <v>0</v>
      </c>
      <c r="DY39" s="268">
        <v>0</v>
      </c>
      <c r="DZ39" s="268">
        <v>0</v>
      </c>
      <c r="EA39" s="268">
        <v>0</v>
      </c>
      <c r="EB39" s="268">
        <v>1</v>
      </c>
      <c r="EC39" s="265">
        <v>1</v>
      </c>
      <c r="ED39" s="270">
        <v>1</v>
      </c>
      <c r="EE39" s="264">
        <v>0</v>
      </c>
      <c r="EF39" s="268">
        <v>0</v>
      </c>
      <c r="EG39" s="265">
        <v>0</v>
      </c>
      <c r="EH39" s="267">
        <v>0</v>
      </c>
      <c r="EI39" s="268">
        <v>0</v>
      </c>
      <c r="EJ39" s="268">
        <v>0</v>
      </c>
      <c r="EK39" s="268">
        <v>0</v>
      </c>
      <c r="EL39" s="268">
        <v>1</v>
      </c>
      <c r="EM39" s="268">
        <v>0</v>
      </c>
      <c r="EN39" s="265">
        <v>1</v>
      </c>
      <c r="EO39" s="270">
        <v>1</v>
      </c>
      <c r="EP39" s="264">
        <v>0</v>
      </c>
      <c r="EQ39" s="268">
        <v>0</v>
      </c>
      <c r="ER39" s="265">
        <v>0</v>
      </c>
      <c r="ES39" s="267">
        <v>0</v>
      </c>
      <c r="ET39" s="268">
        <v>0</v>
      </c>
      <c r="EU39" s="268">
        <v>0</v>
      </c>
      <c r="EV39" s="268">
        <v>0</v>
      </c>
      <c r="EW39" s="268">
        <v>0</v>
      </c>
      <c r="EX39" s="268">
        <v>1</v>
      </c>
      <c r="EY39" s="265">
        <v>1</v>
      </c>
      <c r="EZ39" s="270">
        <v>1</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77734375" style="242" customWidth="1"/>
    <col min="18" max="27" width="9" style="242"/>
    <col min="28" max="28" width="6.88671875" style="242" customWidth="1"/>
    <col min="29" max="38" width="9" style="242"/>
    <col min="39" max="39" width="7.21875" style="242" customWidth="1"/>
    <col min="40" max="49" width="9" style="242"/>
    <col min="50" max="50" width="7.44140625" style="242" customWidth="1"/>
    <col min="51" max="60" width="9" style="242"/>
    <col min="61" max="61" width="7.6640625" style="242" customWidth="1"/>
    <col min="62" max="71" width="9" style="242"/>
    <col min="72" max="72" width="7.88671875" style="242" customWidth="1"/>
    <col min="73" max="82" width="9" style="242"/>
    <col min="83" max="83" width="7" style="242" customWidth="1"/>
    <col min="84" max="93" width="9" style="242"/>
    <col min="94" max="94" width="7.6640625" style="242" customWidth="1"/>
    <col min="95" max="16384" width="9" style="242"/>
  </cols>
  <sheetData>
    <row r="1" spans="2:112" ht="24" customHeight="1" x14ac:dyDescent="0.2">
      <c r="B1" s="271" t="s">
        <v>123</v>
      </c>
      <c r="J1" s="501">
        <f>第１表!F2</f>
        <v>5</v>
      </c>
      <c r="K1" s="501"/>
      <c r="L1" s="235">
        <f>第１表!G2</f>
        <v>10</v>
      </c>
      <c r="M1" s="505">
        <f>IF(L1&lt;3,L1+12-2,L1-2)</f>
        <v>8</v>
      </c>
      <c r="N1" s="505"/>
    </row>
    <row r="2" spans="2:112" ht="24" customHeight="1" thickBot="1" x14ac:dyDescent="0.25">
      <c r="B2" s="271" t="s">
        <v>138</v>
      </c>
    </row>
    <row r="3" spans="2:112" ht="21" customHeight="1" thickBot="1" x14ac:dyDescent="0.25">
      <c r="B3" s="525"/>
      <c r="C3" s="528" t="s">
        <v>112</v>
      </c>
      <c r="D3" s="528"/>
      <c r="E3" s="528"/>
      <c r="F3" s="528"/>
      <c r="G3" s="528"/>
      <c r="H3" s="528"/>
      <c r="I3" s="528"/>
      <c r="J3" s="528"/>
      <c r="K3" s="528"/>
      <c r="L3" s="528"/>
      <c r="M3" s="529"/>
      <c r="N3" s="523" t="s">
        <v>111</v>
      </c>
      <c r="O3" s="523"/>
      <c r="P3" s="523"/>
      <c r="Q3" s="523"/>
      <c r="R3" s="523"/>
      <c r="S3" s="523"/>
      <c r="T3" s="523"/>
      <c r="U3" s="523"/>
      <c r="V3" s="523"/>
      <c r="W3" s="523"/>
      <c r="X3" s="524"/>
      <c r="Y3" s="522" t="s">
        <v>110</v>
      </c>
      <c r="Z3" s="523"/>
      <c r="AA3" s="523"/>
      <c r="AB3" s="523"/>
      <c r="AC3" s="523"/>
      <c r="AD3" s="523"/>
      <c r="AE3" s="523"/>
      <c r="AF3" s="523"/>
      <c r="AG3" s="523"/>
      <c r="AH3" s="523"/>
      <c r="AI3" s="524"/>
      <c r="AJ3" s="522" t="s">
        <v>109</v>
      </c>
      <c r="AK3" s="523"/>
      <c r="AL3" s="523"/>
      <c r="AM3" s="523"/>
      <c r="AN3" s="523"/>
      <c r="AO3" s="523"/>
      <c r="AP3" s="523"/>
      <c r="AQ3" s="523"/>
      <c r="AR3" s="523"/>
      <c r="AS3" s="523"/>
      <c r="AT3" s="524"/>
      <c r="AU3" s="522" t="s">
        <v>108</v>
      </c>
      <c r="AV3" s="523"/>
      <c r="AW3" s="523"/>
      <c r="AX3" s="523"/>
      <c r="AY3" s="523"/>
      <c r="AZ3" s="523"/>
      <c r="BA3" s="523"/>
      <c r="BB3" s="523"/>
      <c r="BC3" s="523"/>
      <c r="BD3" s="523"/>
      <c r="BE3" s="524"/>
      <c r="BF3" s="522" t="s">
        <v>107</v>
      </c>
      <c r="BG3" s="523"/>
      <c r="BH3" s="523"/>
      <c r="BI3" s="523"/>
      <c r="BJ3" s="523"/>
      <c r="BK3" s="523"/>
      <c r="BL3" s="523"/>
      <c r="BM3" s="523"/>
      <c r="BN3" s="523"/>
      <c r="BO3" s="523"/>
      <c r="BP3" s="524"/>
      <c r="BQ3" s="522" t="s">
        <v>106</v>
      </c>
      <c r="BR3" s="523"/>
      <c r="BS3" s="523"/>
      <c r="BT3" s="523"/>
      <c r="BU3" s="523"/>
      <c r="BV3" s="523"/>
      <c r="BW3" s="523"/>
      <c r="BX3" s="523"/>
      <c r="BY3" s="523"/>
      <c r="BZ3" s="523"/>
      <c r="CA3" s="524"/>
      <c r="CB3" s="522" t="s">
        <v>127</v>
      </c>
      <c r="CC3" s="523"/>
      <c r="CD3" s="523"/>
      <c r="CE3" s="523"/>
      <c r="CF3" s="523"/>
      <c r="CG3" s="523"/>
      <c r="CH3" s="523"/>
      <c r="CI3" s="523"/>
      <c r="CJ3" s="523"/>
      <c r="CK3" s="523"/>
      <c r="CL3" s="524"/>
      <c r="CM3" s="522" t="s">
        <v>105</v>
      </c>
      <c r="CN3" s="523"/>
      <c r="CO3" s="523"/>
      <c r="CP3" s="523"/>
      <c r="CQ3" s="523"/>
      <c r="CR3" s="523"/>
      <c r="CS3" s="523"/>
      <c r="CT3" s="523"/>
      <c r="CU3" s="523"/>
      <c r="CV3" s="523"/>
      <c r="CW3" s="524"/>
      <c r="CX3" s="522" t="s">
        <v>159</v>
      </c>
      <c r="CY3" s="523"/>
      <c r="CZ3" s="523"/>
      <c r="DA3" s="523"/>
      <c r="DB3" s="523"/>
      <c r="DC3" s="523"/>
      <c r="DD3" s="523"/>
      <c r="DE3" s="523"/>
      <c r="DF3" s="523"/>
      <c r="DG3" s="523"/>
      <c r="DH3" s="524"/>
    </row>
    <row r="4" spans="2:112" ht="21" customHeight="1" x14ac:dyDescent="0.2">
      <c r="B4" s="526"/>
      <c r="C4" s="530" t="s">
        <v>61</v>
      </c>
      <c r="D4" s="513"/>
      <c r="E4" s="514"/>
      <c r="F4" s="512" t="s">
        <v>62</v>
      </c>
      <c r="G4" s="513"/>
      <c r="H4" s="513"/>
      <c r="I4" s="513"/>
      <c r="J4" s="513"/>
      <c r="K4" s="513"/>
      <c r="L4" s="521"/>
      <c r="M4" s="515" t="s">
        <v>52</v>
      </c>
      <c r="N4" s="530" t="s">
        <v>61</v>
      </c>
      <c r="O4" s="513"/>
      <c r="P4" s="514"/>
      <c r="Q4" s="512" t="s">
        <v>62</v>
      </c>
      <c r="R4" s="513"/>
      <c r="S4" s="513"/>
      <c r="T4" s="513"/>
      <c r="U4" s="513"/>
      <c r="V4" s="513"/>
      <c r="W4" s="514"/>
      <c r="X4" s="515" t="s">
        <v>52</v>
      </c>
      <c r="Y4" s="517" t="s">
        <v>61</v>
      </c>
      <c r="Z4" s="513"/>
      <c r="AA4" s="521"/>
      <c r="AB4" s="512" t="s">
        <v>62</v>
      </c>
      <c r="AC4" s="513"/>
      <c r="AD4" s="513"/>
      <c r="AE4" s="513"/>
      <c r="AF4" s="513"/>
      <c r="AG4" s="513"/>
      <c r="AH4" s="514"/>
      <c r="AI4" s="515" t="s">
        <v>52</v>
      </c>
      <c r="AJ4" s="517" t="s">
        <v>61</v>
      </c>
      <c r="AK4" s="513"/>
      <c r="AL4" s="514"/>
      <c r="AM4" s="512" t="s">
        <v>62</v>
      </c>
      <c r="AN4" s="513"/>
      <c r="AO4" s="513"/>
      <c r="AP4" s="513"/>
      <c r="AQ4" s="513"/>
      <c r="AR4" s="513"/>
      <c r="AS4" s="514"/>
      <c r="AT4" s="515" t="s">
        <v>52</v>
      </c>
      <c r="AU4" s="517" t="s">
        <v>61</v>
      </c>
      <c r="AV4" s="513"/>
      <c r="AW4" s="521"/>
      <c r="AX4" s="512" t="s">
        <v>62</v>
      </c>
      <c r="AY4" s="513"/>
      <c r="AZ4" s="513"/>
      <c r="BA4" s="513"/>
      <c r="BB4" s="513"/>
      <c r="BC4" s="513"/>
      <c r="BD4" s="521"/>
      <c r="BE4" s="515" t="s">
        <v>52</v>
      </c>
      <c r="BF4" s="517" t="s">
        <v>61</v>
      </c>
      <c r="BG4" s="513"/>
      <c r="BH4" s="514"/>
      <c r="BI4" s="512" t="s">
        <v>62</v>
      </c>
      <c r="BJ4" s="513"/>
      <c r="BK4" s="513"/>
      <c r="BL4" s="513"/>
      <c r="BM4" s="513"/>
      <c r="BN4" s="513"/>
      <c r="BO4" s="514"/>
      <c r="BP4" s="515" t="s">
        <v>52</v>
      </c>
      <c r="BQ4" s="517" t="s">
        <v>61</v>
      </c>
      <c r="BR4" s="513"/>
      <c r="BS4" s="514"/>
      <c r="BT4" s="512" t="s">
        <v>62</v>
      </c>
      <c r="BU4" s="513"/>
      <c r="BV4" s="513"/>
      <c r="BW4" s="513"/>
      <c r="BX4" s="513"/>
      <c r="BY4" s="513"/>
      <c r="BZ4" s="514"/>
      <c r="CA4" s="515" t="s">
        <v>52</v>
      </c>
      <c r="CB4" s="517" t="s">
        <v>61</v>
      </c>
      <c r="CC4" s="513"/>
      <c r="CD4" s="514"/>
      <c r="CE4" s="512" t="s">
        <v>62</v>
      </c>
      <c r="CF4" s="513"/>
      <c r="CG4" s="513"/>
      <c r="CH4" s="513"/>
      <c r="CI4" s="513"/>
      <c r="CJ4" s="513"/>
      <c r="CK4" s="514"/>
      <c r="CL4" s="515" t="s">
        <v>52</v>
      </c>
      <c r="CM4" s="517" t="s">
        <v>61</v>
      </c>
      <c r="CN4" s="513"/>
      <c r="CO4" s="514"/>
      <c r="CP4" s="512" t="s">
        <v>62</v>
      </c>
      <c r="CQ4" s="513"/>
      <c r="CR4" s="513"/>
      <c r="CS4" s="513"/>
      <c r="CT4" s="513"/>
      <c r="CU4" s="513"/>
      <c r="CV4" s="514"/>
      <c r="CW4" s="515" t="s">
        <v>52</v>
      </c>
      <c r="CX4" s="517" t="s">
        <v>61</v>
      </c>
      <c r="CY4" s="513"/>
      <c r="CZ4" s="514"/>
      <c r="DA4" s="512" t="s">
        <v>62</v>
      </c>
      <c r="DB4" s="513"/>
      <c r="DC4" s="513"/>
      <c r="DD4" s="513"/>
      <c r="DE4" s="513"/>
      <c r="DF4" s="513"/>
      <c r="DG4" s="514"/>
      <c r="DH4" s="515" t="s">
        <v>52</v>
      </c>
    </row>
    <row r="5" spans="2:112" ht="30" customHeight="1" thickBot="1" x14ac:dyDescent="0.25">
      <c r="B5" s="527"/>
      <c r="C5" s="245" t="s">
        <v>43</v>
      </c>
      <c r="D5" s="243" t="s">
        <v>44</v>
      </c>
      <c r="E5" s="356" t="s">
        <v>45</v>
      </c>
      <c r="F5" s="248" t="s">
        <v>83</v>
      </c>
      <c r="G5" s="243" t="s">
        <v>47</v>
      </c>
      <c r="H5" s="243" t="s">
        <v>48</v>
      </c>
      <c r="I5" s="243" t="s">
        <v>49</v>
      </c>
      <c r="J5" s="243" t="s">
        <v>50</v>
      </c>
      <c r="K5" s="243" t="s">
        <v>51</v>
      </c>
      <c r="L5" s="249" t="s">
        <v>45</v>
      </c>
      <c r="M5" s="516"/>
      <c r="N5" s="245" t="s">
        <v>43</v>
      </c>
      <c r="O5" s="243" t="s">
        <v>44</v>
      </c>
      <c r="P5" s="246" t="s">
        <v>45</v>
      </c>
      <c r="Q5" s="248" t="s">
        <v>83</v>
      </c>
      <c r="R5" s="243" t="s">
        <v>47</v>
      </c>
      <c r="S5" s="243" t="s">
        <v>48</v>
      </c>
      <c r="T5" s="243" t="s">
        <v>49</v>
      </c>
      <c r="U5" s="243" t="s">
        <v>50</v>
      </c>
      <c r="V5" s="243" t="s">
        <v>51</v>
      </c>
      <c r="W5" s="246" t="s">
        <v>45</v>
      </c>
      <c r="X5" s="516"/>
      <c r="Y5" s="290" t="s">
        <v>43</v>
      </c>
      <c r="Z5" s="243" t="s">
        <v>44</v>
      </c>
      <c r="AA5" s="249" t="s">
        <v>45</v>
      </c>
      <c r="AB5" s="248" t="s">
        <v>83</v>
      </c>
      <c r="AC5" s="243" t="s">
        <v>47</v>
      </c>
      <c r="AD5" s="243" t="s">
        <v>48</v>
      </c>
      <c r="AE5" s="243" t="s">
        <v>49</v>
      </c>
      <c r="AF5" s="243" t="s">
        <v>50</v>
      </c>
      <c r="AG5" s="243" t="s">
        <v>51</v>
      </c>
      <c r="AH5" s="246" t="s">
        <v>45</v>
      </c>
      <c r="AI5" s="516"/>
      <c r="AJ5" s="244" t="s">
        <v>43</v>
      </c>
      <c r="AK5" s="243" t="s">
        <v>44</v>
      </c>
      <c r="AL5" s="246" t="s">
        <v>45</v>
      </c>
      <c r="AM5" s="248" t="s">
        <v>83</v>
      </c>
      <c r="AN5" s="243" t="s">
        <v>47</v>
      </c>
      <c r="AO5" s="243" t="s">
        <v>48</v>
      </c>
      <c r="AP5" s="243" t="s">
        <v>49</v>
      </c>
      <c r="AQ5" s="243" t="s">
        <v>50</v>
      </c>
      <c r="AR5" s="243" t="s">
        <v>51</v>
      </c>
      <c r="AS5" s="246" t="s">
        <v>45</v>
      </c>
      <c r="AT5" s="516"/>
      <c r="AU5" s="290" t="s">
        <v>43</v>
      </c>
      <c r="AV5" s="243" t="s">
        <v>44</v>
      </c>
      <c r="AW5" s="249" t="s">
        <v>45</v>
      </c>
      <c r="AX5" s="248" t="s">
        <v>83</v>
      </c>
      <c r="AY5" s="243" t="s">
        <v>47</v>
      </c>
      <c r="AZ5" s="243" t="s">
        <v>48</v>
      </c>
      <c r="BA5" s="243" t="s">
        <v>49</v>
      </c>
      <c r="BB5" s="243" t="s">
        <v>50</v>
      </c>
      <c r="BC5" s="243" t="s">
        <v>51</v>
      </c>
      <c r="BD5" s="249" t="s">
        <v>45</v>
      </c>
      <c r="BE5" s="516"/>
      <c r="BF5" s="290" t="s">
        <v>43</v>
      </c>
      <c r="BG5" s="243" t="s">
        <v>44</v>
      </c>
      <c r="BH5" s="246" t="s">
        <v>45</v>
      </c>
      <c r="BI5" s="248" t="s">
        <v>83</v>
      </c>
      <c r="BJ5" s="243" t="s">
        <v>47</v>
      </c>
      <c r="BK5" s="243" t="s">
        <v>48</v>
      </c>
      <c r="BL5" s="243" t="s">
        <v>49</v>
      </c>
      <c r="BM5" s="243" t="s">
        <v>50</v>
      </c>
      <c r="BN5" s="243" t="s">
        <v>51</v>
      </c>
      <c r="BO5" s="246" t="s">
        <v>45</v>
      </c>
      <c r="BP5" s="516"/>
      <c r="BQ5" s="290" t="s">
        <v>43</v>
      </c>
      <c r="BR5" s="243" t="s">
        <v>44</v>
      </c>
      <c r="BS5" s="246" t="s">
        <v>45</v>
      </c>
      <c r="BT5" s="248" t="s">
        <v>83</v>
      </c>
      <c r="BU5" s="243" t="s">
        <v>47</v>
      </c>
      <c r="BV5" s="243" t="s">
        <v>48</v>
      </c>
      <c r="BW5" s="243" t="s">
        <v>49</v>
      </c>
      <c r="BX5" s="243" t="s">
        <v>50</v>
      </c>
      <c r="BY5" s="243" t="s">
        <v>51</v>
      </c>
      <c r="BZ5" s="246" t="s">
        <v>45</v>
      </c>
      <c r="CA5" s="516"/>
      <c r="CB5" s="290" t="s">
        <v>43</v>
      </c>
      <c r="CC5" s="243" t="s">
        <v>44</v>
      </c>
      <c r="CD5" s="246" t="s">
        <v>45</v>
      </c>
      <c r="CE5" s="248" t="s">
        <v>83</v>
      </c>
      <c r="CF5" s="243" t="s">
        <v>47</v>
      </c>
      <c r="CG5" s="243" t="s">
        <v>48</v>
      </c>
      <c r="CH5" s="243" t="s">
        <v>49</v>
      </c>
      <c r="CI5" s="243" t="s">
        <v>50</v>
      </c>
      <c r="CJ5" s="243" t="s">
        <v>51</v>
      </c>
      <c r="CK5" s="246" t="s">
        <v>45</v>
      </c>
      <c r="CL5" s="516"/>
      <c r="CM5" s="290" t="s">
        <v>43</v>
      </c>
      <c r="CN5" s="243" t="s">
        <v>44</v>
      </c>
      <c r="CO5" s="246" t="s">
        <v>45</v>
      </c>
      <c r="CP5" s="248" t="s">
        <v>83</v>
      </c>
      <c r="CQ5" s="243" t="s">
        <v>47</v>
      </c>
      <c r="CR5" s="243" t="s">
        <v>48</v>
      </c>
      <c r="CS5" s="243" t="s">
        <v>49</v>
      </c>
      <c r="CT5" s="243" t="s">
        <v>50</v>
      </c>
      <c r="CU5" s="243" t="s">
        <v>51</v>
      </c>
      <c r="CV5" s="246" t="s">
        <v>45</v>
      </c>
      <c r="CW5" s="516"/>
      <c r="CX5" s="339" t="s">
        <v>43</v>
      </c>
      <c r="CY5" s="243" t="s">
        <v>44</v>
      </c>
      <c r="CZ5" s="246" t="s">
        <v>45</v>
      </c>
      <c r="DA5" s="248" t="s">
        <v>83</v>
      </c>
      <c r="DB5" s="243" t="s">
        <v>47</v>
      </c>
      <c r="DC5" s="243" t="s">
        <v>48</v>
      </c>
      <c r="DD5" s="243" t="s">
        <v>49</v>
      </c>
      <c r="DE5" s="243" t="s">
        <v>50</v>
      </c>
      <c r="DF5" s="243" t="s">
        <v>51</v>
      </c>
      <c r="DG5" s="246" t="s">
        <v>45</v>
      </c>
      <c r="DH5" s="516"/>
    </row>
    <row r="6" spans="2:112" ht="21" customHeight="1" x14ac:dyDescent="0.2">
      <c r="B6" s="470" t="s">
        <v>4</v>
      </c>
      <c r="C6" s="250">
        <v>0</v>
      </c>
      <c r="D6" s="254">
        <v>0</v>
      </c>
      <c r="E6" s="357">
        <v>0</v>
      </c>
      <c r="F6" s="253">
        <v>0</v>
      </c>
      <c r="G6" s="254">
        <v>217558</v>
      </c>
      <c r="H6" s="254">
        <v>351845</v>
      </c>
      <c r="I6" s="254">
        <v>370403</v>
      </c>
      <c r="J6" s="254">
        <v>447576</v>
      </c>
      <c r="K6" s="254">
        <v>424459</v>
      </c>
      <c r="L6" s="255">
        <v>1811841</v>
      </c>
      <c r="M6" s="256">
        <v>1811841</v>
      </c>
      <c r="N6" s="250">
        <v>7</v>
      </c>
      <c r="O6" s="254">
        <v>50</v>
      </c>
      <c r="P6" s="251">
        <v>57</v>
      </c>
      <c r="Q6" s="253">
        <v>0</v>
      </c>
      <c r="R6" s="254">
        <v>494</v>
      </c>
      <c r="S6" s="254">
        <v>1983</v>
      </c>
      <c r="T6" s="254">
        <v>3682</v>
      </c>
      <c r="U6" s="254">
        <v>9665</v>
      </c>
      <c r="V6" s="254">
        <v>19516</v>
      </c>
      <c r="W6" s="251">
        <v>35340</v>
      </c>
      <c r="X6" s="256">
        <v>35397</v>
      </c>
      <c r="Y6" s="250">
        <v>13927</v>
      </c>
      <c r="Z6" s="254">
        <v>45757</v>
      </c>
      <c r="AA6" s="251">
        <v>59684</v>
      </c>
      <c r="AB6" s="253">
        <v>0</v>
      </c>
      <c r="AC6" s="254">
        <v>112393</v>
      </c>
      <c r="AD6" s="254">
        <v>183118</v>
      </c>
      <c r="AE6" s="254">
        <v>116610</v>
      </c>
      <c r="AF6" s="254">
        <v>98829</v>
      </c>
      <c r="AG6" s="254">
        <v>82695</v>
      </c>
      <c r="AH6" s="251">
        <v>593645</v>
      </c>
      <c r="AI6" s="256">
        <v>653329</v>
      </c>
      <c r="AJ6" s="250">
        <v>2402</v>
      </c>
      <c r="AK6" s="254">
        <v>9296</v>
      </c>
      <c r="AL6" s="251">
        <v>11698</v>
      </c>
      <c r="AM6" s="253">
        <v>0</v>
      </c>
      <c r="AN6" s="254">
        <v>13355</v>
      </c>
      <c r="AO6" s="254">
        <v>22426</v>
      </c>
      <c r="AP6" s="254">
        <v>14509</v>
      </c>
      <c r="AQ6" s="254">
        <v>13160</v>
      </c>
      <c r="AR6" s="254">
        <v>7803</v>
      </c>
      <c r="AS6" s="251">
        <v>71253</v>
      </c>
      <c r="AT6" s="256">
        <v>82951</v>
      </c>
      <c r="AU6" s="250">
        <v>0</v>
      </c>
      <c r="AV6" s="254">
        <v>1</v>
      </c>
      <c r="AW6" s="251">
        <v>1</v>
      </c>
      <c r="AX6" s="253">
        <v>0</v>
      </c>
      <c r="AY6" s="254">
        <v>188779</v>
      </c>
      <c r="AZ6" s="254">
        <v>196823</v>
      </c>
      <c r="BA6" s="254">
        <v>120744</v>
      </c>
      <c r="BB6" s="254">
        <v>69864</v>
      </c>
      <c r="BC6" s="254">
        <v>33086</v>
      </c>
      <c r="BD6" s="255">
        <v>609296</v>
      </c>
      <c r="BE6" s="256">
        <v>609297</v>
      </c>
      <c r="BF6" s="250">
        <v>0</v>
      </c>
      <c r="BG6" s="254">
        <v>0</v>
      </c>
      <c r="BH6" s="251">
        <v>0</v>
      </c>
      <c r="BI6" s="253">
        <v>0</v>
      </c>
      <c r="BJ6" s="254">
        <v>30748</v>
      </c>
      <c r="BK6" s="254">
        <v>48974</v>
      </c>
      <c r="BL6" s="254">
        <v>29584</v>
      </c>
      <c r="BM6" s="254">
        <v>18440</v>
      </c>
      <c r="BN6" s="254">
        <v>6772</v>
      </c>
      <c r="BO6" s="251">
        <v>134518</v>
      </c>
      <c r="BP6" s="256">
        <v>134518</v>
      </c>
      <c r="BQ6" s="250">
        <v>367</v>
      </c>
      <c r="BR6" s="254">
        <v>1399</v>
      </c>
      <c r="BS6" s="251">
        <v>1766</v>
      </c>
      <c r="BT6" s="253">
        <v>0</v>
      </c>
      <c r="BU6" s="254">
        <v>16701</v>
      </c>
      <c r="BV6" s="254">
        <v>32720</v>
      </c>
      <c r="BW6" s="254">
        <v>54371</v>
      </c>
      <c r="BX6" s="254">
        <v>41950</v>
      </c>
      <c r="BY6" s="254">
        <v>20824</v>
      </c>
      <c r="BZ6" s="251">
        <v>166566</v>
      </c>
      <c r="CA6" s="256">
        <v>168332</v>
      </c>
      <c r="CB6" s="250">
        <v>12</v>
      </c>
      <c r="CC6" s="254">
        <v>88</v>
      </c>
      <c r="CD6" s="251">
        <v>100</v>
      </c>
      <c r="CE6" s="253">
        <v>0</v>
      </c>
      <c r="CF6" s="254">
        <v>1538</v>
      </c>
      <c r="CG6" s="254">
        <v>3631</v>
      </c>
      <c r="CH6" s="254">
        <v>4452</v>
      </c>
      <c r="CI6" s="254">
        <v>4455</v>
      </c>
      <c r="CJ6" s="254">
        <v>2644</v>
      </c>
      <c r="CK6" s="251">
        <v>16720</v>
      </c>
      <c r="CL6" s="256">
        <v>16820</v>
      </c>
      <c r="CM6" s="250">
        <v>0</v>
      </c>
      <c r="CN6" s="254">
        <v>0</v>
      </c>
      <c r="CO6" s="251">
        <v>0</v>
      </c>
      <c r="CP6" s="253">
        <v>0</v>
      </c>
      <c r="CQ6" s="254">
        <v>0</v>
      </c>
      <c r="CR6" s="254">
        <v>0</v>
      </c>
      <c r="CS6" s="254">
        <v>0</v>
      </c>
      <c r="CT6" s="254">
        <v>4</v>
      </c>
      <c r="CU6" s="254">
        <v>0</v>
      </c>
      <c r="CV6" s="251">
        <v>4</v>
      </c>
      <c r="CW6" s="256">
        <v>4</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70890</v>
      </c>
      <c r="H7" s="261">
        <v>149644</v>
      </c>
      <c r="I7" s="261">
        <v>134907</v>
      </c>
      <c r="J7" s="261">
        <v>159132</v>
      </c>
      <c r="K7" s="261">
        <v>159422</v>
      </c>
      <c r="L7" s="262">
        <v>673995</v>
      </c>
      <c r="M7" s="263">
        <v>673995</v>
      </c>
      <c r="N7" s="257">
        <v>5</v>
      </c>
      <c r="O7" s="261">
        <v>14</v>
      </c>
      <c r="P7" s="258">
        <v>19</v>
      </c>
      <c r="Q7" s="260">
        <v>0</v>
      </c>
      <c r="R7" s="261">
        <v>87</v>
      </c>
      <c r="S7" s="261">
        <v>671</v>
      </c>
      <c r="T7" s="261">
        <v>1370</v>
      </c>
      <c r="U7" s="261">
        <v>3924</v>
      </c>
      <c r="V7" s="261">
        <v>8692</v>
      </c>
      <c r="W7" s="258">
        <v>14744</v>
      </c>
      <c r="X7" s="263">
        <v>14763</v>
      </c>
      <c r="Y7" s="257">
        <v>6047</v>
      </c>
      <c r="Z7" s="261">
        <v>23888</v>
      </c>
      <c r="AA7" s="258">
        <v>29935</v>
      </c>
      <c r="AB7" s="260">
        <v>0</v>
      </c>
      <c r="AC7" s="261">
        <v>40417</v>
      </c>
      <c r="AD7" s="261">
        <v>96113</v>
      </c>
      <c r="AE7" s="261">
        <v>58966</v>
      </c>
      <c r="AF7" s="261">
        <v>46152</v>
      </c>
      <c r="AG7" s="261">
        <v>38047</v>
      </c>
      <c r="AH7" s="258">
        <v>279695</v>
      </c>
      <c r="AI7" s="263">
        <v>309630</v>
      </c>
      <c r="AJ7" s="257">
        <v>866</v>
      </c>
      <c r="AK7" s="261">
        <v>4756</v>
      </c>
      <c r="AL7" s="258">
        <v>5622</v>
      </c>
      <c r="AM7" s="260">
        <v>0</v>
      </c>
      <c r="AN7" s="261">
        <v>3144</v>
      </c>
      <c r="AO7" s="261">
        <v>8638</v>
      </c>
      <c r="AP7" s="261">
        <v>6048</v>
      </c>
      <c r="AQ7" s="261">
        <v>5339</v>
      </c>
      <c r="AR7" s="261">
        <v>3143</v>
      </c>
      <c r="AS7" s="258">
        <v>26312</v>
      </c>
      <c r="AT7" s="263">
        <v>31934</v>
      </c>
      <c r="AU7" s="257">
        <v>0</v>
      </c>
      <c r="AV7" s="261">
        <v>1</v>
      </c>
      <c r="AW7" s="258">
        <v>1</v>
      </c>
      <c r="AX7" s="260">
        <v>0</v>
      </c>
      <c r="AY7" s="261">
        <v>58014</v>
      </c>
      <c r="AZ7" s="261">
        <v>77956</v>
      </c>
      <c r="BA7" s="261">
        <v>42858</v>
      </c>
      <c r="BB7" s="261">
        <v>22967</v>
      </c>
      <c r="BC7" s="261">
        <v>11425</v>
      </c>
      <c r="BD7" s="262">
        <v>213220</v>
      </c>
      <c r="BE7" s="263">
        <v>213221</v>
      </c>
      <c r="BF7" s="257">
        <v>0</v>
      </c>
      <c r="BG7" s="261">
        <v>0</v>
      </c>
      <c r="BH7" s="258">
        <v>0</v>
      </c>
      <c r="BI7" s="260">
        <v>0</v>
      </c>
      <c r="BJ7" s="261">
        <v>8996</v>
      </c>
      <c r="BK7" s="261">
        <v>21522</v>
      </c>
      <c r="BL7" s="261">
        <v>12768</v>
      </c>
      <c r="BM7" s="261">
        <v>7895</v>
      </c>
      <c r="BN7" s="261">
        <v>2944</v>
      </c>
      <c r="BO7" s="258">
        <v>54125</v>
      </c>
      <c r="BP7" s="263">
        <v>54125</v>
      </c>
      <c r="BQ7" s="257">
        <v>127</v>
      </c>
      <c r="BR7" s="261">
        <v>588</v>
      </c>
      <c r="BS7" s="258">
        <v>715</v>
      </c>
      <c r="BT7" s="260">
        <v>0</v>
      </c>
      <c r="BU7" s="261">
        <v>4937</v>
      </c>
      <c r="BV7" s="261">
        <v>12608</v>
      </c>
      <c r="BW7" s="261">
        <v>21144</v>
      </c>
      <c r="BX7" s="261">
        <v>15101</v>
      </c>
      <c r="BY7" s="261">
        <v>7656</v>
      </c>
      <c r="BZ7" s="258">
        <v>61446</v>
      </c>
      <c r="CA7" s="263">
        <v>62161</v>
      </c>
      <c r="CB7" s="257">
        <v>3</v>
      </c>
      <c r="CC7" s="261">
        <v>75</v>
      </c>
      <c r="CD7" s="258">
        <v>78</v>
      </c>
      <c r="CE7" s="260">
        <v>0</v>
      </c>
      <c r="CF7" s="261">
        <v>762</v>
      </c>
      <c r="CG7" s="261">
        <v>2179</v>
      </c>
      <c r="CH7" s="261">
        <v>2498</v>
      </c>
      <c r="CI7" s="261">
        <v>2378</v>
      </c>
      <c r="CJ7" s="261">
        <v>1576</v>
      </c>
      <c r="CK7" s="258">
        <v>9393</v>
      </c>
      <c r="CL7" s="263">
        <v>9471</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38804</v>
      </c>
      <c r="H8" s="261">
        <v>50735</v>
      </c>
      <c r="I8" s="261">
        <v>54024</v>
      </c>
      <c r="J8" s="261">
        <v>67616</v>
      </c>
      <c r="K8" s="261">
        <v>72327</v>
      </c>
      <c r="L8" s="262">
        <v>283506</v>
      </c>
      <c r="M8" s="263">
        <v>283506</v>
      </c>
      <c r="N8" s="257">
        <v>2</v>
      </c>
      <c r="O8" s="261">
        <v>4</v>
      </c>
      <c r="P8" s="258">
        <v>6</v>
      </c>
      <c r="Q8" s="260">
        <v>0</v>
      </c>
      <c r="R8" s="261">
        <v>99</v>
      </c>
      <c r="S8" s="261">
        <v>283</v>
      </c>
      <c r="T8" s="261">
        <v>501</v>
      </c>
      <c r="U8" s="261">
        <v>1195</v>
      </c>
      <c r="V8" s="261">
        <v>2917</v>
      </c>
      <c r="W8" s="258">
        <v>4995</v>
      </c>
      <c r="X8" s="263">
        <v>5001</v>
      </c>
      <c r="Y8" s="257">
        <v>2431</v>
      </c>
      <c r="Z8" s="261">
        <v>7148</v>
      </c>
      <c r="AA8" s="258">
        <v>9579</v>
      </c>
      <c r="AB8" s="260">
        <v>0</v>
      </c>
      <c r="AC8" s="261">
        <v>23868</v>
      </c>
      <c r="AD8" s="261">
        <v>26885</v>
      </c>
      <c r="AE8" s="261">
        <v>17563</v>
      </c>
      <c r="AF8" s="261">
        <v>15254</v>
      </c>
      <c r="AG8" s="261">
        <v>13781</v>
      </c>
      <c r="AH8" s="258">
        <v>97351</v>
      </c>
      <c r="AI8" s="263">
        <v>106930</v>
      </c>
      <c r="AJ8" s="257">
        <v>215</v>
      </c>
      <c r="AK8" s="261">
        <v>595</v>
      </c>
      <c r="AL8" s="258">
        <v>810</v>
      </c>
      <c r="AM8" s="260">
        <v>0</v>
      </c>
      <c r="AN8" s="261">
        <v>2156</v>
      </c>
      <c r="AO8" s="261">
        <v>2716</v>
      </c>
      <c r="AP8" s="261">
        <v>1367</v>
      </c>
      <c r="AQ8" s="261">
        <v>1734</v>
      </c>
      <c r="AR8" s="261">
        <v>950</v>
      </c>
      <c r="AS8" s="258">
        <v>8923</v>
      </c>
      <c r="AT8" s="263">
        <v>9733</v>
      </c>
      <c r="AU8" s="257">
        <v>0</v>
      </c>
      <c r="AV8" s="261">
        <v>0</v>
      </c>
      <c r="AW8" s="258">
        <v>0</v>
      </c>
      <c r="AX8" s="260">
        <v>0</v>
      </c>
      <c r="AY8" s="261">
        <v>31071</v>
      </c>
      <c r="AZ8" s="261">
        <v>26309</v>
      </c>
      <c r="BA8" s="261">
        <v>17019</v>
      </c>
      <c r="BB8" s="261">
        <v>10447</v>
      </c>
      <c r="BC8" s="261">
        <v>5089</v>
      </c>
      <c r="BD8" s="262">
        <v>89935</v>
      </c>
      <c r="BE8" s="263">
        <v>89935</v>
      </c>
      <c r="BF8" s="257">
        <v>0</v>
      </c>
      <c r="BG8" s="261">
        <v>0</v>
      </c>
      <c r="BH8" s="258">
        <v>0</v>
      </c>
      <c r="BI8" s="260">
        <v>0</v>
      </c>
      <c r="BJ8" s="261">
        <v>4262</v>
      </c>
      <c r="BK8" s="261">
        <v>5607</v>
      </c>
      <c r="BL8" s="261">
        <v>3759</v>
      </c>
      <c r="BM8" s="261">
        <v>2605</v>
      </c>
      <c r="BN8" s="261">
        <v>1060</v>
      </c>
      <c r="BO8" s="258">
        <v>17293</v>
      </c>
      <c r="BP8" s="263">
        <v>17293</v>
      </c>
      <c r="BQ8" s="257">
        <v>19</v>
      </c>
      <c r="BR8" s="261">
        <v>140</v>
      </c>
      <c r="BS8" s="258">
        <v>159</v>
      </c>
      <c r="BT8" s="260">
        <v>0</v>
      </c>
      <c r="BU8" s="261">
        <v>2138</v>
      </c>
      <c r="BV8" s="261">
        <v>3562</v>
      </c>
      <c r="BW8" s="261">
        <v>5717</v>
      </c>
      <c r="BX8" s="261">
        <v>4909</v>
      </c>
      <c r="BY8" s="261">
        <v>2890</v>
      </c>
      <c r="BZ8" s="258">
        <v>19216</v>
      </c>
      <c r="CA8" s="263">
        <v>19375</v>
      </c>
      <c r="CB8" s="257">
        <v>0</v>
      </c>
      <c r="CC8" s="261">
        <v>0</v>
      </c>
      <c r="CD8" s="258">
        <v>0</v>
      </c>
      <c r="CE8" s="260">
        <v>0</v>
      </c>
      <c r="CF8" s="261">
        <v>161</v>
      </c>
      <c r="CG8" s="261">
        <v>319</v>
      </c>
      <c r="CH8" s="261">
        <v>455</v>
      </c>
      <c r="CI8" s="261">
        <v>624</v>
      </c>
      <c r="CJ8" s="261">
        <v>357</v>
      </c>
      <c r="CK8" s="258">
        <v>1916</v>
      </c>
      <c r="CL8" s="263">
        <v>1916</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14448</v>
      </c>
      <c r="H9" s="261">
        <v>27071</v>
      </c>
      <c r="I9" s="261">
        <v>32946</v>
      </c>
      <c r="J9" s="261">
        <v>33686</v>
      </c>
      <c r="K9" s="261">
        <v>27128</v>
      </c>
      <c r="L9" s="262">
        <v>135279</v>
      </c>
      <c r="M9" s="263">
        <v>135279</v>
      </c>
      <c r="N9" s="257">
        <v>0</v>
      </c>
      <c r="O9" s="261">
        <v>5</v>
      </c>
      <c r="P9" s="258">
        <v>5</v>
      </c>
      <c r="Q9" s="260">
        <v>0</v>
      </c>
      <c r="R9" s="261">
        <v>10</v>
      </c>
      <c r="S9" s="261">
        <v>94</v>
      </c>
      <c r="T9" s="261">
        <v>262</v>
      </c>
      <c r="U9" s="261">
        <v>704</v>
      </c>
      <c r="V9" s="261">
        <v>1207</v>
      </c>
      <c r="W9" s="258">
        <v>2277</v>
      </c>
      <c r="X9" s="263">
        <v>2282</v>
      </c>
      <c r="Y9" s="257">
        <v>567</v>
      </c>
      <c r="Z9" s="261">
        <v>3201</v>
      </c>
      <c r="AA9" s="258">
        <v>3768</v>
      </c>
      <c r="AB9" s="260">
        <v>0</v>
      </c>
      <c r="AC9" s="261">
        <v>6041</v>
      </c>
      <c r="AD9" s="261">
        <v>12722</v>
      </c>
      <c r="AE9" s="261">
        <v>8858</v>
      </c>
      <c r="AF9" s="261">
        <v>8023</v>
      </c>
      <c r="AG9" s="261">
        <v>5616</v>
      </c>
      <c r="AH9" s="258">
        <v>41260</v>
      </c>
      <c r="AI9" s="263">
        <v>45028</v>
      </c>
      <c r="AJ9" s="257">
        <v>72</v>
      </c>
      <c r="AK9" s="261">
        <v>563</v>
      </c>
      <c r="AL9" s="258">
        <v>635</v>
      </c>
      <c r="AM9" s="260">
        <v>0</v>
      </c>
      <c r="AN9" s="261">
        <v>349</v>
      </c>
      <c r="AO9" s="261">
        <v>1123</v>
      </c>
      <c r="AP9" s="261">
        <v>684</v>
      </c>
      <c r="AQ9" s="261">
        <v>530</v>
      </c>
      <c r="AR9" s="261">
        <v>263</v>
      </c>
      <c r="AS9" s="258">
        <v>2949</v>
      </c>
      <c r="AT9" s="263">
        <v>3584</v>
      </c>
      <c r="AU9" s="257">
        <v>0</v>
      </c>
      <c r="AV9" s="261">
        <v>0</v>
      </c>
      <c r="AW9" s="258">
        <v>0</v>
      </c>
      <c r="AX9" s="260">
        <v>0</v>
      </c>
      <c r="AY9" s="261">
        <v>14343</v>
      </c>
      <c r="AZ9" s="261">
        <v>17486</v>
      </c>
      <c r="BA9" s="261">
        <v>13073</v>
      </c>
      <c r="BB9" s="261">
        <v>6424</v>
      </c>
      <c r="BC9" s="261">
        <v>3281</v>
      </c>
      <c r="BD9" s="262">
        <v>54607</v>
      </c>
      <c r="BE9" s="263">
        <v>54607</v>
      </c>
      <c r="BF9" s="257">
        <v>0</v>
      </c>
      <c r="BG9" s="261">
        <v>0</v>
      </c>
      <c r="BH9" s="258">
        <v>0</v>
      </c>
      <c r="BI9" s="260">
        <v>0</v>
      </c>
      <c r="BJ9" s="261">
        <v>1013</v>
      </c>
      <c r="BK9" s="261">
        <v>3069</v>
      </c>
      <c r="BL9" s="261">
        <v>2014</v>
      </c>
      <c r="BM9" s="261">
        <v>1274</v>
      </c>
      <c r="BN9" s="261">
        <v>372</v>
      </c>
      <c r="BO9" s="258">
        <v>7742</v>
      </c>
      <c r="BP9" s="263">
        <v>7742</v>
      </c>
      <c r="BQ9" s="257">
        <v>24</v>
      </c>
      <c r="BR9" s="261">
        <v>48</v>
      </c>
      <c r="BS9" s="258">
        <v>72</v>
      </c>
      <c r="BT9" s="260">
        <v>0</v>
      </c>
      <c r="BU9" s="261">
        <v>1053</v>
      </c>
      <c r="BV9" s="261">
        <v>2544</v>
      </c>
      <c r="BW9" s="261">
        <v>4546</v>
      </c>
      <c r="BX9" s="261">
        <v>4509</v>
      </c>
      <c r="BY9" s="261">
        <v>1942</v>
      </c>
      <c r="BZ9" s="258">
        <v>14594</v>
      </c>
      <c r="CA9" s="263">
        <v>14666</v>
      </c>
      <c r="CB9" s="257">
        <v>0</v>
      </c>
      <c r="CC9" s="261">
        <v>0</v>
      </c>
      <c r="CD9" s="258">
        <v>0</v>
      </c>
      <c r="CE9" s="260">
        <v>0</v>
      </c>
      <c r="CF9" s="261">
        <v>12</v>
      </c>
      <c r="CG9" s="261">
        <v>75</v>
      </c>
      <c r="CH9" s="261">
        <v>104</v>
      </c>
      <c r="CI9" s="261">
        <v>100</v>
      </c>
      <c r="CJ9" s="261">
        <v>30</v>
      </c>
      <c r="CK9" s="258">
        <v>321</v>
      </c>
      <c r="CL9" s="263">
        <v>321</v>
      </c>
      <c r="CM9" s="257">
        <v>0</v>
      </c>
      <c r="CN9" s="261">
        <v>0</v>
      </c>
      <c r="CO9" s="258">
        <v>0</v>
      </c>
      <c r="CP9" s="260">
        <v>0</v>
      </c>
      <c r="CQ9" s="261">
        <v>0</v>
      </c>
      <c r="CR9" s="261">
        <v>0</v>
      </c>
      <c r="CS9" s="261">
        <v>0</v>
      </c>
      <c r="CT9" s="261">
        <v>4</v>
      </c>
      <c r="CU9" s="261">
        <v>0</v>
      </c>
      <c r="CV9" s="258">
        <v>4</v>
      </c>
      <c r="CW9" s="263">
        <v>4</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7876</v>
      </c>
      <c r="H10" s="261">
        <v>18762</v>
      </c>
      <c r="I10" s="261">
        <v>20596</v>
      </c>
      <c r="J10" s="261">
        <v>29214</v>
      </c>
      <c r="K10" s="261">
        <v>22026</v>
      </c>
      <c r="L10" s="262">
        <v>108474</v>
      </c>
      <c r="M10" s="263">
        <v>108474</v>
      </c>
      <c r="N10" s="257">
        <v>0</v>
      </c>
      <c r="O10" s="261">
        <v>0</v>
      </c>
      <c r="P10" s="258">
        <v>0</v>
      </c>
      <c r="Q10" s="260">
        <v>0</v>
      </c>
      <c r="R10" s="261">
        <v>42</v>
      </c>
      <c r="S10" s="261">
        <v>202</v>
      </c>
      <c r="T10" s="261">
        <v>233</v>
      </c>
      <c r="U10" s="261">
        <v>586</v>
      </c>
      <c r="V10" s="261">
        <v>867</v>
      </c>
      <c r="W10" s="258">
        <v>1930</v>
      </c>
      <c r="X10" s="263">
        <v>1930</v>
      </c>
      <c r="Y10" s="257">
        <v>131</v>
      </c>
      <c r="Z10" s="261">
        <v>172</v>
      </c>
      <c r="AA10" s="258">
        <v>303</v>
      </c>
      <c r="AB10" s="260">
        <v>0</v>
      </c>
      <c r="AC10" s="261">
        <v>4553</v>
      </c>
      <c r="AD10" s="261">
        <v>5042</v>
      </c>
      <c r="AE10" s="261">
        <v>3052</v>
      </c>
      <c r="AF10" s="261">
        <v>3428</v>
      </c>
      <c r="AG10" s="261">
        <v>2864</v>
      </c>
      <c r="AH10" s="258">
        <v>18939</v>
      </c>
      <c r="AI10" s="263">
        <v>19242</v>
      </c>
      <c r="AJ10" s="257">
        <v>36</v>
      </c>
      <c r="AK10" s="261">
        <v>92</v>
      </c>
      <c r="AL10" s="258">
        <v>128</v>
      </c>
      <c r="AM10" s="260">
        <v>0</v>
      </c>
      <c r="AN10" s="261">
        <v>823</v>
      </c>
      <c r="AO10" s="261">
        <v>941</v>
      </c>
      <c r="AP10" s="261">
        <v>670</v>
      </c>
      <c r="AQ10" s="261">
        <v>706</v>
      </c>
      <c r="AR10" s="261">
        <v>302</v>
      </c>
      <c r="AS10" s="258">
        <v>3442</v>
      </c>
      <c r="AT10" s="263">
        <v>3570</v>
      </c>
      <c r="AU10" s="257">
        <v>0</v>
      </c>
      <c r="AV10" s="261">
        <v>0</v>
      </c>
      <c r="AW10" s="258">
        <v>0</v>
      </c>
      <c r="AX10" s="260">
        <v>0</v>
      </c>
      <c r="AY10" s="261">
        <v>13953</v>
      </c>
      <c r="AZ10" s="261">
        <v>9953</v>
      </c>
      <c r="BA10" s="261">
        <v>5169</v>
      </c>
      <c r="BB10" s="261">
        <v>3160</v>
      </c>
      <c r="BC10" s="261">
        <v>1441</v>
      </c>
      <c r="BD10" s="262">
        <v>33676</v>
      </c>
      <c r="BE10" s="263">
        <v>33676</v>
      </c>
      <c r="BF10" s="257">
        <v>0</v>
      </c>
      <c r="BG10" s="261">
        <v>0</v>
      </c>
      <c r="BH10" s="258">
        <v>0</v>
      </c>
      <c r="BI10" s="260">
        <v>0</v>
      </c>
      <c r="BJ10" s="261">
        <v>2010</v>
      </c>
      <c r="BK10" s="261">
        <v>1720</v>
      </c>
      <c r="BL10" s="261">
        <v>1170</v>
      </c>
      <c r="BM10" s="261">
        <v>619</v>
      </c>
      <c r="BN10" s="261">
        <v>218</v>
      </c>
      <c r="BO10" s="258">
        <v>5737</v>
      </c>
      <c r="BP10" s="263">
        <v>5737</v>
      </c>
      <c r="BQ10" s="257">
        <v>5</v>
      </c>
      <c r="BR10" s="261">
        <v>14</v>
      </c>
      <c r="BS10" s="258">
        <v>19</v>
      </c>
      <c r="BT10" s="260">
        <v>0</v>
      </c>
      <c r="BU10" s="261">
        <v>1595</v>
      </c>
      <c r="BV10" s="261">
        <v>2571</v>
      </c>
      <c r="BW10" s="261">
        <v>2767</v>
      </c>
      <c r="BX10" s="261">
        <v>1801</v>
      </c>
      <c r="BY10" s="261">
        <v>932</v>
      </c>
      <c r="BZ10" s="258">
        <v>9666</v>
      </c>
      <c r="CA10" s="263">
        <v>9685</v>
      </c>
      <c r="CB10" s="257">
        <v>0</v>
      </c>
      <c r="CC10" s="261">
        <v>0</v>
      </c>
      <c r="CD10" s="258">
        <v>0</v>
      </c>
      <c r="CE10" s="260">
        <v>0</v>
      </c>
      <c r="CF10" s="261">
        <v>71</v>
      </c>
      <c r="CG10" s="261">
        <v>100</v>
      </c>
      <c r="CH10" s="261">
        <v>149</v>
      </c>
      <c r="CI10" s="261">
        <v>163</v>
      </c>
      <c r="CJ10" s="261">
        <v>28</v>
      </c>
      <c r="CK10" s="258">
        <v>511</v>
      </c>
      <c r="CL10" s="263">
        <v>511</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6633</v>
      </c>
      <c r="H11" s="261">
        <v>12482</v>
      </c>
      <c r="I11" s="261">
        <v>14808</v>
      </c>
      <c r="J11" s="261">
        <v>17591</v>
      </c>
      <c r="K11" s="261">
        <v>16398</v>
      </c>
      <c r="L11" s="262">
        <v>67912</v>
      </c>
      <c r="M11" s="263">
        <v>67912</v>
      </c>
      <c r="N11" s="257">
        <v>0</v>
      </c>
      <c r="O11" s="261">
        <v>0</v>
      </c>
      <c r="P11" s="258">
        <v>0</v>
      </c>
      <c r="Q11" s="260">
        <v>0</v>
      </c>
      <c r="R11" s="261">
        <v>14</v>
      </c>
      <c r="S11" s="261">
        <v>104</v>
      </c>
      <c r="T11" s="261">
        <v>128</v>
      </c>
      <c r="U11" s="261">
        <v>300</v>
      </c>
      <c r="V11" s="261">
        <v>526</v>
      </c>
      <c r="W11" s="258">
        <v>1072</v>
      </c>
      <c r="X11" s="263">
        <v>1072</v>
      </c>
      <c r="Y11" s="257">
        <v>269</v>
      </c>
      <c r="Z11" s="261">
        <v>357</v>
      </c>
      <c r="AA11" s="258">
        <v>626</v>
      </c>
      <c r="AB11" s="260">
        <v>0</v>
      </c>
      <c r="AC11" s="261">
        <v>2088</v>
      </c>
      <c r="AD11" s="261">
        <v>3071</v>
      </c>
      <c r="AE11" s="261">
        <v>2031</v>
      </c>
      <c r="AF11" s="261">
        <v>1822</v>
      </c>
      <c r="AG11" s="261">
        <v>1842</v>
      </c>
      <c r="AH11" s="258">
        <v>10854</v>
      </c>
      <c r="AI11" s="263">
        <v>11480</v>
      </c>
      <c r="AJ11" s="257">
        <v>94</v>
      </c>
      <c r="AK11" s="261">
        <v>267</v>
      </c>
      <c r="AL11" s="258">
        <v>361</v>
      </c>
      <c r="AM11" s="260">
        <v>0</v>
      </c>
      <c r="AN11" s="261">
        <v>891</v>
      </c>
      <c r="AO11" s="261">
        <v>1129</v>
      </c>
      <c r="AP11" s="261">
        <v>641</v>
      </c>
      <c r="AQ11" s="261">
        <v>544</v>
      </c>
      <c r="AR11" s="261">
        <v>262</v>
      </c>
      <c r="AS11" s="258">
        <v>3467</v>
      </c>
      <c r="AT11" s="263">
        <v>3828</v>
      </c>
      <c r="AU11" s="257">
        <v>0</v>
      </c>
      <c r="AV11" s="261">
        <v>0</v>
      </c>
      <c r="AW11" s="258">
        <v>0</v>
      </c>
      <c r="AX11" s="260">
        <v>0</v>
      </c>
      <c r="AY11" s="261">
        <v>5471</v>
      </c>
      <c r="AZ11" s="261">
        <v>6411</v>
      </c>
      <c r="BA11" s="261">
        <v>4157</v>
      </c>
      <c r="BB11" s="261">
        <v>2626</v>
      </c>
      <c r="BC11" s="261">
        <v>1590</v>
      </c>
      <c r="BD11" s="262">
        <v>20255</v>
      </c>
      <c r="BE11" s="263">
        <v>20255</v>
      </c>
      <c r="BF11" s="257">
        <v>0</v>
      </c>
      <c r="BG11" s="261">
        <v>0</v>
      </c>
      <c r="BH11" s="258">
        <v>0</v>
      </c>
      <c r="BI11" s="260">
        <v>0</v>
      </c>
      <c r="BJ11" s="261">
        <v>960</v>
      </c>
      <c r="BK11" s="261">
        <v>1292</v>
      </c>
      <c r="BL11" s="261">
        <v>774</v>
      </c>
      <c r="BM11" s="261">
        <v>484</v>
      </c>
      <c r="BN11" s="261">
        <v>137</v>
      </c>
      <c r="BO11" s="258">
        <v>3647</v>
      </c>
      <c r="BP11" s="263">
        <v>3647</v>
      </c>
      <c r="BQ11" s="257">
        <v>8</v>
      </c>
      <c r="BR11" s="261">
        <v>50</v>
      </c>
      <c r="BS11" s="258">
        <v>58</v>
      </c>
      <c r="BT11" s="260">
        <v>0</v>
      </c>
      <c r="BU11" s="261">
        <v>579</v>
      </c>
      <c r="BV11" s="261">
        <v>1441</v>
      </c>
      <c r="BW11" s="261">
        <v>2971</v>
      </c>
      <c r="BX11" s="261">
        <v>1724</v>
      </c>
      <c r="BY11" s="261">
        <v>534</v>
      </c>
      <c r="BZ11" s="258">
        <v>7249</v>
      </c>
      <c r="CA11" s="263">
        <v>7307</v>
      </c>
      <c r="CB11" s="257">
        <v>0</v>
      </c>
      <c r="CC11" s="261">
        <v>0</v>
      </c>
      <c r="CD11" s="258">
        <v>0</v>
      </c>
      <c r="CE11" s="260">
        <v>0</v>
      </c>
      <c r="CF11" s="261">
        <v>29</v>
      </c>
      <c r="CG11" s="261">
        <v>20</v>
      </c>
      <c r="CH11" s="261">
        <v>71</v>
      </c>
      <c r="CI11" s="261">
        <v>46</v>
      </c>
      <c r="CJ11" s="261">
        <v>6</v>
      </c>
      <c r="CK11" s="258">
        <v>172</v>
      </c>
      <c r="CL11" s="263">
        <v>172</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7255</v>
      </c>
      <c r="H12" s="261">
        <v>8001</v>
      </c>
      <c r="I12" s="261">
        <v>11483</v>
      </c>
      <c r="J12" s="261">
        <v>15438</v>
      </c>
      <c r="K12" s="261">
        <v>15391</v>
      </c>
      <c r="L12" s="262">
        <v>57568</v>
      </c>
      <c r="M12" s="263">
        <v>57568</v>
      </c>
      <c r="N12" s="257">
        <v>0</v>
      </c>
      <c r="O12" s="261">
        <v>0</v>
      </c>
      <c r="P12" s="258">
        <v>0</v>
      </c>
      <c r="Q12" s="260">
        <v>0</v>
      </c>
      <c r="R12" s="261">
        <v>12</v>
      </c>
      <c r="S12" s="261">
        <v>34</v>
      </c>
      <c r="T12" s="261">
        <v>81</v>
      </c>
      <c r="U12" s="261">
        <v>268</v>
      </c>
      <c r="V12" s="261">
        <v>494</v>
      </c>
      <c r="W12" s="258">
        <v>889</v>
      </c>
      <c r="X12" s="263">
        <v>889</v>
      </c>
      <c r="Y12" s="257">
        <v>343</v>
      </c>
      <c r="Z12" s="261">
        <v>690</v>
      </c>
      <c r="AA12" s="258">
        <v>1033</v>
      </c>
      <c r="AB12" s="260">
        <v>0</v>
      </c>
      <c r="AC12" s="261">
        <v>3475</v>
      </c>
      <c r="AD12" s="261">
        <v>3258</v>
      </c>
      <c r="AE12" s="261">
        <v>2418</v>
      </c>
      <c r="AF12" s="261">
        <v>2667</v>
      </c>
      <c r="AG12" s="261">
        <v>2193</v>
      </c>
      <c r="AH12" s="258">
        <v>14011</v>
      </c>
      <c r="AI12" s="263">
        <v>15044</v>
      </c>
      <c r="AJ12" s="257">
        <v>33</v>
      </c>
      <c r="AK12" s="261">
        <v>136</v>
      </c>
      <c r="AL12" s="258">
        <v>169</v>
      </c>
      <c r="AM12" s="260">
        <v>0</v>
      </c>
      <c r="AN12" s="261">
        <v>518</v>
      </c>
      <c r="AO12" s="261">
        <v>638</v>
      </c>
      <c r="AP12" s="261">
        <v>458</v>
      </c>
      <c r="AQ12" s="261">
        <v>452</v>
      </c>
      <c r="AR12" s="261">
        <v>289</v>
      </c>
      <c r="AS12" s="258">
        <v>2355</v>
      </c>
      <c r="AT12" s="263">
        <v>2524</v>
      </c>
      <c r="AU12" s="257">
        <v>0</v>
      </c>
      <c r="AV12" s="261">
        <v>0</v>
      </c>
      <c r="AW12" s="258">
        <v>0</v>
      </c>
      <c r="AX12" s="260">
        <v>0</v>
      </c>
      <c r="AY12" s="261">
        <v>4899</v>
      </c>
      <c r="AZ12" s="261">
        <v>3404</v>
      </c>
      <c r="BA12" s="261">
        <v>2483</v>
      </c>
      <c r="BB12" s="261">
        <v>1571</v>
      </c>
      <c r="BC12" s="261">
        <v>434</v>
      </c>
      <c r="BD12" s="262">
        <v>12791</v>
      </c>
      <c r="BE12" s="263">
        <v>12791</v>
      </c>
      <c r="BF12" s="257">
        <v>0</v>
      </c>
      <c r="BG12" s="261">
        <v>0</v>
      </c>
      <c r="BH12" s="258">
        <v>0</v>
      </c>
      <c r="BI12" s="260">
        <v>0</v>
      </c>
      <c r="BJ12" s="261">
        <v>868</v>
      </c>
      <c r="BK12" s="261">
        <v>1060</v>
      </c>
      <c r="BL12" s="261">
        <v>556</v>
      </c>
      <c r="BM12" s="261">
        <v>545</v>
      </c>
      <c r="BN12" s="261">
        <v>119</v>
      </c>
      <c r="BO12" s="258">
        <v>3148</v>
      </c>
      <c r="BP12" s="263">
        <v>3148</v>
      </c>
      <c r="BQ12" s="257">
        <v>32</v>
      </c>
      <c r="BR12" s="261">
        <v>8</v>
      </c>
      <c r="BS12" s="258">
        <v>40</v>
      </c>
      <c r="BT12" s="260">
        <v>0</v>
      </c>
      <c r="BU12" s="261">
        <v>580</v>
      </c>
      <c r="BV12" s="261">
        <v>832</v>
      </c>
      <c r="BW12" s="261">
        <v>1452</v>
      </c>
      <c r="BX12" s="261">
        <v>1116</v>
      </c>
      <c r="BY12" s="261">
        <v>640</v>
      </c>
      <c r="BZ12" s="258">
        <v>4620</v>
      </c>
      <c r="CA12" s="263">
        <v>4660</v>
      </c>
      <c r="CB12" s="257">
        <v>0</v>
      </c>
      <c r="CC12" s="261">
        <v>5</v>
      </c>
      <c r="CD12" s="258">
        <v>5</v>
      </c>
      <c r="CE12" s="260">
        <v>0</v>
      </c>
      <c r="CF12" s="261">
        <v>103</v>
      </c>
      <c r="CG12" s="261">
        <v>70</v>
      </c>
      <c r="CH12" s="261">
        <v>213</v>
      </c>
      <c r="CI12" s="261">
        <v>220</v>
      </c>
      <c r="CJ12" s="261">
        <v>97</v>
      </c>
      <c r="CK12" s="258">
        <v>703</v>
      </c>
      <c r="CL12" s="263">
        <v>708</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7511</v>
      </c>
      <c r="H13" s="261">
        <v>17459</v>
      </c>
      <c r="I13" s="261">
        <v>22731</v>
      </c>
      <c r="J13" s="261">
        <v>27214</v>
      </c>
      <c r="K13" s="261">
        <v>23619</v>
      </c>
      <c r="L13" s="262">
        <v>108534</v>
      </c>
      <c r="M13" s="263">
        <v>108534</v>
      </c>
      <c r="N13" s="257">
        <v>0</v>
      </c>
      <c r="O13" s="261">
        <v>0</v>
      </c>
      <c r="P13" s="258">
        <v>0</v>
      </c>
      <c r="Q13" s="260">
        <v>0</v>
      </c>
      <c r="R13" s="261">
        <v>31</v>
      </c>
      <c r="S13" s="261">
        <v>121</v>
      </c>
      <c r="T13" s="261">
        <v>175</v>
      </c>
      <c r="U13" s="261">
        <v>389</v>
      </c>
      <c r="V13" s="261">
        <v>896</v>
      </c>
      <c r="W13" s="258">
        <v>1612</v>
      </c>
      <c r="X13" s="263">
        <v>1612</v>
      </c>
      <c r="Y13" s="257">
        <v>1036</v>
      </c>
      <c r="Z13" s="261">
        <v>2206</v>
      </c>
      <c r="AA13" s="258">
        <v>3242</v>
      </c>
      <c r="AB13" s="260">
        <v>0</v>
      </c>
      <c r="AC13" s="261">
        <v>8445</v>
      </c>
      <c r="AD13" s="261">
        <v>6127</v>
      </c>
      <c r="AE13" s="261">
        <v>3452</v>
      </c>
      <c r="AF13" s="261">
        <v>3425</v>
      </c>
      <c r="AG13" s="261">
        <v>3498</v>
      </c>
      <c r="AH13" s="258">
        <v>24947</v>
      </c>
      <c r="AI13" s="263">
        <v>28189</v>
      </c>
      <c r="AJ13" s="257">
        <v>208</v>
      </c>
      <c r="AK13" s="261">
        <v>508</v>
      </c>
      <c r="AL13" s="258">
        <v>716</v>
      </c>
      <c r="AM13" s="260">
        <v>0</v>
      </c>
      <c r="AN13" s="261">
        <v>1182</v>
      </c>
      <c r="AO13" s="261">
        <v>1165</v>
      </c>
      <c r="AP13" s="261">
        <v>806</v>
      </c>
      <c r="AQ13" s="261">
        <v>591</v>
      </c>
      <c r="AR13" s="261">
        <v>573</v>
      </c>
      <c r="AS13" s="258">
        <v>4317</v>
      </c>
      <c r="AT13" s="263">
        <v>5033</v>
      </c>
      <c r="AU13" s="257">
        <v>0</v>
      </c>
      <c r="AV13" s="261">
        <v>0</v>
      </c>
      <c r="AW13" s="258">
        <v>0</v>
      </c>
      <c r="AX13" s="260">
        <v>0</v>
      </c>
      <c r="AY13" s="261">
        <v>14145</v>
      </c>
      <c r="AZ13" s="261">
        <v>8665</v>
      </c>
      <c r="BA13" s="261">
        <v>5299</v>
      </c>
      <c r="BB13" s="261">
        <v>3596</v>
      </c>
      <c r="BC13" s="261">
        <v>1344</v>
      </c>
      <c r="BD13" s="262">
        <v>33049</v>
      </c>
      <c r="BE13" s="263">
        <v>33049</v>
      </c>
      <c r="BF13" s="257">
        <v>0</v>
      </c>
      <c r="BG13" s="261">
        <v>0</v>
      </c>
      <c r="BH13" s="258">
        <v>0</v>
      </c>
      <c r="BI13" s="260">
        <v>0</v>
      </c>
      <c r="BJ13" s="261">
        <v>1902</v>
      </c>
      <c r="BK13" s="261">
        <v>1627</v>
      </c>
      <c r="BL13" s="261">
        <v>787</v>
      </c>
      <c r="BM13" s="261">
        <v>509</v>
      </c>
      <c r="BN13" s="261">
        <v>202</v>
      </c>
      <c r="BO13" s="258">
        <v>5027</v>
      </c>
      <c r="BP13" s="263">
        <v>5027</v>
      </c>
      <c r="BQ13" s="257">
        <v>54</v>
      </c>
      <c r="BR13" s="261">
        <v>159</v>
      </c>
      <c r="BS13" s="258">
        <v>213</v>
      </c>
      <c r="BT13" s="260">
        <v>0</v>
      </c>
      <c r="BU13" s="261">
        <v>1263</v>
      </c>
      <c r="BV13" s="261">
        <v>1533</v>
      </c>
      <c r="BW13" s="261">
        <v>2178</v>
      </c>
      <c r="BX13" s="261">
        <v>1931</v>
      </c>
      <c r="BY13" s="261">
        <v>910</v>
      </c>
      <c r="BZ13" s="258">
        <v>7815</v>
      </c>
      <c r="CA13" s="263">
        <v>8028</v>
      </c>
      <c r="CB13" s="257">
        <v>0</v>
      </c>
      <c r="CC13" s="261">
        <v>8</v>
      </c>
      <c r="CD13" s="258">
        <v>8</v>
      </c>
      <c r="CE13" s="260">
        <v>0</v>
      </c>
      <c r="CF13" s="261">
        <v>88</v>
      </c>
      <c r="CG13" s="261">
        <v>144</v>
      </c>
      <c r="CH13" s="261">
        <v>169</v>
      </c>
      <c r="CI13" s="261">
        <v>100</v>
      </c>
      <c r="CJ13" s="261">
        <v>69</v>
      </c>
      <c r="CK13" s="258">
        <v>570</v>
      </c>
      <c r="CL13" s="263">
        <v>578</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5309</v>
      </c>
      <c r="H14" s="261">
        <v>7389</v>
      </c>
      <c r="I14" s="261">
        <v>8888</v>
      </c>
      <c r="J14" s="261">
        <v>10664</v>
      </c>
      <c r="K14" s="261">
        <v>9618</v>
      </c>
      <c r="L14" s="262">
        <v>41868</v>
      </c>
      <c r="M14" s="263">
        <v>41868</v>
      </c>
      <c r="N14" s="257">
        <v>0</v>
      </c>
      <c r="O14" s="261">
        <v>1</v>
      </c>
      <c r="P14" s="258">
        <v>1</v>
      </c>
      <c r="Q14" s="260">
        <v>0</v>
      </c>
      <c r="R14" s="261">
        <v>22</v>
      </c>
      <c r="S14" s="261">
        <v>48</v>
      </c>
      <c r="T14" s="261">
        <v>108</v>
      </c>
      <c r="U14" s="261">
        <v>282</v>
      </c>
      <c r="V14" s="261">
        <v>373</v>
      </c>
      <c r="W14" s="258">
        <v>833</v>
      </c>
      <c r="X14" s="263">
        <v>834</v>
      </c>
      <c r="Y14" s="257">
        <v>250</v>
      </c>
      <c r="Z14" s="261">
        <v>328</v>
      </c>
      <c r="AA14" s="258">
        <v>578</v>
      </c>
      <c r="AB14" s="260">
        <v>0</v>
      </c>
      <c r="AC14" s="261">
        <v>2773</v>
      </c>
      <c r="AD14" s="261">
        <v>2253</v>
      </c>
      <c r="AE14" s="261">
        <v>1854</v>
      </c>
      <c r="AF14" s="261">
        <v>1942</v>
      </c>
      <c r="AG14" s="261">
        <v>1363</v>
      </c>
      <c r="AH14" s="258">
        <v>10185</v>
      </c>
      <c r="AI14" s="263">
        <v>10763</v>
      </c>
      <c r="AJ14" s="257">
        <v>55</v>
      </c>
      <c r="AK14" s="261">
        <v>111</v>
      </c>
      <c r="AL14" s="258">
        <v>166</v>
      </c>
      <c r="AM14" s="260">
        <v>0</v>
      </c>
      <c r="AN14" s="261">
        <v>307</v>
      </c>
      <c r="AO14" s="261">
        <v>298</v>
      </c>
      <c r="AP14" s="261">
        <v>349</v>
      </c>
      <c r="AQ14" s="261">
        <v>361</v>
      </c>
      <c r="AR14" s="261">
        <v>67</v>
      </c>
      <c r="AS14" s="258">
        <v>1382</v>
      </c>
      <c r="AT14" s="263">
        <v>1548</v>
      </c>
      <c r="AU14" s="257">
        <v>0</v>
      </c>
      <c r="AV14" s="261">
        <v>0</v>
      </c>
      <c r="AW14" s="258">
        <v>0</v>
      </c>
      <c r="AX14" s="260">
        <v>0</v>
      </c>
      <c r="AY14" s="261">
        <v>6312</v>
      </c>
      <c r="AZ14" s="261">
        <v>4084</v>
      </c>
      <c r="BA14" s="261">
        <v>3057</v>
      </c>
      <c r="BB14" s="261">
        <v>2149</v>
      </c>
      <c r="BC14" s="261">
        <v>839</v>
      </c>
      <c r="BD14" s="262">
        <v>16441</v>
      </c>
      <c r="BE14" s="263">
        <v>16441</v>
      </c>
      <c r="BF14" s="257">
        <v>0</v>
      </c>
      <c r="BG14" s="261">
        <v>0</v>
      </c>
      <c r="BH14" s="258">
        <v>0</v>
      </c>
      <c r="BI14" s="260">
        <v>0</v>
      </c>
      <c r="BJ14" s="261">
        <v>1366</v>
      </c>
      <c r="BK14" s="261">
        <v>1026</v>
      </c>
      <c r="BL14" s="261">
        <v>757</v>
      </c>
      <c r="BM14" s="261">
        <v>481</v>
      </c>
      <c r="BN14" s="261">
        <v>112</v>
      </c>
      <c r="BO14" s="258">
        <v>3742</v>
      </c>
      <c r="BP14" s="263">
        <v>3742</v>
      </c>
      <c r="BQ14" s="257">
        <v>35</v>
      </c>
      <c r="BR14" s="261">
        <v>105</v>
      </c>
      <c r="BS14" s="258">
        <v>140</v>
      </c>
      <c r="BT14" s="260">
        <v>0</v>
      </c>
      <c r="BU14" s="261">
        <v>795</v>
      </c>
      <c r="BV14" s="261">
        <v>887</v>
      </c>
      <c r="BW14" s="261">
        <v>1413</v>
      </c>
      <c r="BX14" s="261">
        <v>1108</v>
      </c>
      <c r="BY14" s="261">
        <v>442</v>
      </c>
      <c r="BZ14" s="258">
        <v>4645</v>
      </c>
      <c r="CA14" s="263">
        <v>4785</v>
      </c>
      <c r="CB14" s="257">
        <v>0</v>
      </c>
      <c r="CC14" s="261">
        <v>0</v>
      </c>
      <c r="CD14" s="258">
        <v>0</v>
      </c>
      <c r="CE14" s="260">
        <v>0</v>
      </c>
      <c r="CF14" s="261">
        <v>8</v>
      </c>
      <c r="CG14" s="261">
        <v>39</v>
      </c>
      <c r="CH14" s="261">
        <v>57</v>
      </c>
      <c r="CI14" s="261">
        <v>65</v>
      </c>
      <c r="CJ14" s="261">
        <v>85</v>
      </c>
      <c r="CK14" s="258">
        <v>254</v>
      </c>
      <c r="CL14" s="263">
        <v>254</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6409</v>
      </c>
      <c r="H15" s="261">
        <v>9531</v>
      </c>
      <c r="I15" s="261">
        <v>10196</v>
      </c>
      <c r="J15" s="261">
        <v>14050</v>
      </c>
      <c r="K15" s="261">
        <v>12169</v>
      </c>
      <c r="L15" s="262">
        <v>52355</v>
      </c>
      <c r="M15" s="263">
        <v>52355</v>
      </c>
      <c r="N15" s="257">
        <v>0</v>
      </c>
      <c r="O15" s="261">
        <v>25</v>
      </c>
      <c r="P15" s="258">
        <v>25</v>
      </c>
      <c r="Q15" s="260">
        <v>0</v>
      </c>
      <c r="R15" s="261">
        <v>22</v>
      </c>
      <c r="S15" s="261">
        <v>79</v>
      </c>
      <c r="T15" s="261">
        <v>94</v>
      </c>
      <c r="U15" s="261">
        <v>331</v>
      </c>
      <c r="V15" s="261">
        <v>477</v>
      </c>
      <c r="W15" s="258">
        <v>1003</v>
      </c>
      <c r="X15" s="263">
        <v>1028</v>
      </c>
      <c r="Y15" s="257">
        <v>573</v>
      </c>
      <c r="Z15" s="261">
        <v>1739</v>
      </c>
      <c r="AA15" s="258">
        <v>2312</v>
      </c>
      <c r="AB15" s="260">
        <v>0</v>
      </c>
      <c r="AC15" s="261">
        <v>2020</v>
      </c>
      <c r="AD15" s="261">
        <v>3251</v>
      </c>
      <c r="AE15" s="261">
        <v>2138</v>
      </c>
      <c r="AF15" s="261">
        <v>1971</v>
      </c>
      <c r="AG15" s="261">
        <v>1811</v>
      </c>
      <c r="AH15" s="258">
        <v>11191</v>
      </c>
      <c r="AI15" s="263">
        <v>13503</v>
      </c>
      <c r="AJ15" s="257">
        <v>45</v>
      </c>
      <c r="AK15" s="261">
        <v>266</v>
      </c>
      <c r="AL15" s="258">
        <v>311</v>
      </c>
      <c r="AM15" s="260">
        <v>0</v>
      </c>
      <c r="AN15" s="261">
        <v>174</v>
      </c>
      <c r="AO15" s="261">
        <v>565</v>
      </c>
      <c r="AP15" s="261">
        <v>201</v>
      </c>
      <c r="AQ15" s="261">
        <v>323</v>
      </c>
      <c r="AR15" s="261">
        <v>175</v>
      </c>
      <c r="AS15" s="258">
        <v>1438</v>
      </c>
      <c r="AT15" s="263">
        <v>1749</v>
      </c>
      <c r="AU15" s="257">
        <v>0</v>
      </c>
      <c r="AV15" s="261">
        <v>0</v>
      </c>
      <c r="AW15" s="258">
        <v>0</v>
      </c>
      <c r="AX15" s="260">
        <v>0</v>
      </c>
      <c r="AY15" s="261">
        <v>6070</v>
      </c>
      <c r="AZ15" s="261">
        <v>4494</v>
      </c>
      <c r="BA15" s="261">
        <v>3133</v>
      </c>
      <c r="BB15" s="261">
        <v>2480</v>
      </c>
      <c r="BC15" s="261">
        <v>1096</v>
      </c>
      <c r="BD15" s="262">
        <v>17273</v>
      </c>
      <c r="BE15" s="263">
        <v>17273</v>
      </c>
      <c r="BF15" s="257">
        <v>0</v>
      </c>
      <c r="BG15" s="261">
        <v>0</v>
      </c>
      <c r="BH15" s="258">
        <v>0</v>
      </c>
      <c r="BI15" s="260">
        <v>0</v>
      </c>
      <c r="BJ15" s="261">
        <v>1061</v>
      </c>
      <c r="BK15" s="261">
        <v>1301</v>
      </c>
      <c r="BL15" s="261">
        <v>951</v>
      </c>
      <c r="BM15" s="261">
        <v>566</v>
      </c>
      <c r="BN15" s="261">
        <v>211</v>
      </c>
      <c r="BO15" s="258">
        <v>4090</v>
      </c>
      <c r="BP15" s="263">
        <v>4090</v>
      </c>
      <c r="BQ15" s="257">
        <v>23</v>
      </c>
      <c r="BR15" s="261">
        <v>82</v>
      </c>
      <c r="BS15" s="258">
        <v>105</v>
      </c>
      <c r="BT15" s="260">
        <v>0</v>
      </c>
      <c r="BU15" s="261">
        <v>764</v>
      </c>
      <c r="BV15" s="261">
        <v>932</v>
      </c>
      <c r="BW15" s="261">
        <v>1369</v>
      </c>
      <c r="BX15" s="261">
        <v>943</v>
      </c>
      <c r="BY15" s="261">
        <v>707</v>
      </c>
      <c r="BZ15" s="258">
        <v>4715</v>
      </c>
      <c r="CA15" s="263">
        <v>4820</v>
      </c>
      <c r="CB15" s="257">
        <v>0</v>
      </c>
      <c r="CC15" s="261">
        <v>0</v>
      </c>
      <c r="CD15" s="258">
        <v>0</v>
      </c>
      <c r="CE15" s="260">
        <v>0</v>
      </c>
      <c r="CF15" s="261">
        <v>46</v>
      </c>
      <c r="CG15" s="261">
        <v>37</v>
      </c>
      <c r="CH15" s="261">
        <v>13</v>
      </c>
      <c r="CI15" s="261">
        <v>26</v>
      </c>
      <c r="CJ15" s="261">
        <v>17</v>
      </c>
      <c r="CK15" s="258">
        <v>139</v>
      </c>
      <c r="CL15" s="263">
        <v>139</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0</v>
      </c>
      <c r="E16" s="358">
        <v>0</v>
      </c>
      <c r="F16" s="260">
        <v>0</v>
      </c>
      <c r="G16" s="261">
        <v>2268</v>
      </c>
      <c r="H16" s="261">
        <v>3673</v>
      </c>
      <c r="I16" s="261">
        <v>3301</v>
      </c>
      <c r="J16" s="261">
        <v>4978</v>
      </c>
      <c r="K16" s="261">
        <v>7056</v>
      </c>
      <c r="L16" s="262">
        <v>21276</v>
      </c>
      <c r="M16" s="263">
        <v>21276</v>
      </c>
      <c r="N16" s="257">
        <v>0</v>
      </c>
      <c r="O16" s="261">
        <v>0</v>
      </c>
      <c r="P16" s="258">
        <v>0</v>
      </c>
      <c r="Q16" s="260">
        <v>0</v>
      </c>
      <c r="R16" s="261">
        <v>0</v>
      </c>
      <c r="S16" s="261">
        <v>5</v>
      </c>
      <c r="T16" s="261">
        <v>17</v>
      </c>
      <c r="U16" s="261">
        <v>79</v>
      </c>
      <c r="V16" s="261">
        <v>187</v>
      </c>
      <c r="W16" s="258">
        <v>288</v>
      </c>
      <c r="X16" s="263">
        <v>288</v>
      </c>
      <c r="Y16" s="257">
        <v>64</v>
      </c>
      <c r="Z16" s="261">
        <v>257</v>
      </c>
      <c r="AA16" s="258">
        <v>321</v>
      </c>
      <c r="AB16" s="260">
        <v>0</v>
      </c>
      <c r="AC16" s="261">
        <v>984</v>
      </c>
      <c r="AD16" s="261">
        <v>1502</v>
      </c>
      <c r="AE16" s="261">
        <v>887</v>
      </c>
      <c r="AF16" s="261">
        <v>959</v>
      </c>
      <c r="AG16" s="261">
        <v>760</v>
      </c>
      <c r="AH16" s="258">
        <v>5092</v>
      </c>
      <c r="AI16" s="263">
        <v>5413</v>
      </c>
      <c r="AJ16" s="257">
        <v>9</v>
      </c>
      <c r="AK16" s="261">
        <v>64</v>
      </c>
      <c r="AL16" s="258">
        <v>73</v>
      </c>
      <c r="AM16" s="260">
        <v>0</v>
      </c>
      <c r="AN16" s="261">
        <v>218</v>
      </c>
      <c r="AO16" s="261">
        <v>328</v>
      </c>
      <c r="AP16" s="261">
        <v>118</v>
      </c>
      <c r="AQ16" s="261">
        <v>142</v>
      </c>
      <c r="AR16" s="261">
        <v>137</v>
      </c>
      <c r="AS16" s="258">
        <v>943</v>
      </c>
      <c r="AT16" s="263">
        <v>1016</v>
      </c>
      <c r="AU16" s="257">
        <v>0</v>
      </c>
      <c r="AV16" s="261">
        <v>0</v>
      </c>
      <c r="AW16" s="258">
        <v>0</v>
      </c>
      <c r="AX16" s="260">
        <v>0</v>
      </c>
      <c r="AY16" s="261">
        <v>1441</v>
      </c>
      <c r="AZ16" s="261">
        <v>1578</v>
      </c>
      <c r="BA16" s="261">
        <v>1031</v>
      </c>
      <c r="BB16" s="261">
        <v>659</v>
      </c>
      <c r="BC16" s="261">
        <v>308</v>
      </c>
      <c r="BD16" s="262">
        <v>5017</v>
      </c>
      <c r="BE16" s="263">
        <v>5017</v>
      </c>
      <c r="BF16" s="257">
        <v>0</v>
      </c>
      <c r="BG16" s="261">
        <v>0</v>
      </c>
      <c r="BH16" s="258">
        <v>0</v>
      </c>
      <c r="BI16" s="260">
        <v>0</v>
      </c>
      <c r="BJ16" s="261">
        <v>173</v>
      </c>
      <c r="BK16" s="261">
        <v>211</v>
      </c>
      <c r="BL16" s="261">
        <v>247</v>
      </c>
      <c r="BM16" s="261">
        <v>222</v>
      </c>
      <c r="BN16" s="261">
        <v>112</v>
      </c>
      <c r="BO16" s="258">
        <v>965</v>
      </c>
      <c r="BP16" s="263">
        <v>965</v>
      </c>
      <c r="BQ16" s="257">
        <v>0</v>
      </c>
      <c r="BR16" s="261">
        <v>2</v>
      </c>
      <c r="BS16" s="258">
        <v>2</v>
      </c>
      <c r="BT16" s="260">
        <v>0</v>
      </c>
      <c r="BU16" s="261">
        <v>142</v>
      </c>
      <c r="BV16" s="261">
        <v>218</v>
      </c>
      <c r="BW16" s="261">
        <v>516</v>
      </c>
      <c r="BX16" s="261">
        <v>445</v>
      </c>
      <c r="BY16" s="261">
        <v>233</v>
      </c>
      <c r="BZ16" s="258">
        <v>1554</v>
      </c>
      <c r="CA16" s="263">
        <v>1556</v>
      </c>
      <c r="CB16" s="257">
        <v>0</v>
      </c>
      <c r="CC16" s="261">
        <v>0</v>
      </c>
      <c r="CD16" s="258">
        <v>0</v>
      </c>
      <c r="CE16" s="260">
        <v>0</v>
      </c>
      <c r="CF16" s="261">
        <v>10</v>
      </c>
      <c r="CG16" s="261">
        <v>30</v>
      </c>
      <c r="CH16" s="261">
        <v>70</v>
      </c>
      <c r="CI16" s="261">
        <v>102</v>
      </c>
      <c r="CJ16" s="261">
        <v>29</v>
      </c>
      <c r="CK16" s="258">
        <v>241</v>
      </c>
      <c r="CL16" s="263">
        <v>241</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1247</v>
      </c>
      <c r="H17" s="261">
        <v>2779</v>
      </c>
      <c r="I17" s="261">
        <v>2178</v>
      </c>
      <c r="J17" s="261">
        <v>2188</v>
      </c>
      <c r="K17" s="261">
        <v>2517</v>
      </c>
      <c r="L17" s="262">
        <v>10909</v>
      </c>
      <c r="M17" s="263">
        <v>10909</v>
      </c>
      <c r="N17" s="257">
        <v>0</v>
      </c>
      <c r="O17" s="261">
        <v>0</v>
      </c>
      <c r="P17" s="258">
        <v>0</v>
      </c>
      <c r="Q17" s="260">
        <v>0</v>
      </c>
      <c r="R17" s="261">
        <v>0</v>
      </c>
      <c r="S17" s="261">
        <v>22</v>
      </c>
      <c r="T17" s="261">
        <v>40</v>
      </c>
      <c r="U17" s="261">
        <v>45</v>
      </c>
      <c r="V17" s="261">
        <v>149</v>
      </c>
      <c r="W17" s="258">
        <v>256</v>
      </c>
      <c r="X17" s="263">
        <v>256</v>
      </c>
      <c r="Y17" s="257">
        <v>10</v>
      </c>
      <c r="Z17" s="261">
        <v>114</v>
      </c>
      <c r="AA17" s="258">
        <v>124</v>
      </c>
      <c r="AB17" s="260">
        <v>0</v>
      </c>
      <c r="AC17" s="261">
        <v>390</v>
      </c>
      <c r="AD17" s="261">
        <v>561</v>
      </c>
      <c r="AE17" s="261">
        <v>401</v>
      </c>
      <c r="AF17" s="261">
        <v>313</v>
      </c>
      <c r="AG17" s="261">
        <v>500</v>
      </c>
      <c r="AH17" s="258">
        <v>2165</v>
      </c>
      <c r="AI17" s="263">
        <v>2289</v>
      </c>
      <c r="AJ17" s="257">
        <v>0</v>
      </c>
      <c r="AK17" s="261">
        <v>16</v>
      </c>
      <c r="AL17" s="258">
        <v>16</v>
      </c>
      <c r="AM17" s="260">
        <v>0</v>
      </c>
      <c r="AN17" s="261">
        <v>83</v>
      </c>
      <c r="AO17" s="261">
        <v>154</v>
      </c>
      <c r="AP17" s="261">
        <v>34</v>
      </c>
      <c r="AQ17" s="261">
        <v>30</v>
      </c>
      <c r="AR17" s="261">
        <v>75</v>
      </c>
      <c r="AS17" s="258">
        <v>376</v>
      </c>
      <c r="AT17" s="263">
        <v>392</v>
      </c>
      <c r="AU17" s="257">
        <v>0</v>
      </c>
      <c r="AV17" s="261">
        <v>0</v>
      </c>
      <c r="AW17" s="258">
        <v>0</v>
      </c>
      <c r="AX17" s="260">
        <v>0</v>
      </c>
      <c r="AY17" s="261">
        <v>1032</v>
      </c>
      <c r="AZ17" s="261">
        <v>1270</v>
      </c>
      <c r="BA17" s="261">
        <v>611</v>
      </c>
      <c r="BB17" s="261">
        <v>246</v>
      </c>
      <c r="BC17" s="261">
        <v>113</v>
      </c>
      <c r="BD17" s="262">
        <v>3272</v>
      </c>
      <c r="BE17" s="263">
        <v>3272</v>
      </c>
      <c r="BF17" s="257">
        <v>0</v>
      </c>
      <c r="BG17" s="261">
        <v>0</v>
      </c>
      <c r="BH17" s="258">
        <v>0</v>
      </c>
      <c r="BI17" s="260">
        <v>0</v>
      </c>
      <c r="BJ17" s="261">
        <v>232</v>
      </c>
      <c r="BK17" s="261">
        <v>278</v>
      </c>
      <c r="BL17" s="261">
        <v>270</v>
      </c>
      <c r="BM17" s="261">
        <v>101</v>
      </c>
      <c r="BN17" s="261">
        <v>71</v>
      </c>
      <c r="BO17" s="258">
        <v>952</v>
      </c>
      <c r="BP17" s="263">
        <v>952</v>
      </c>
      <c r="BQ17" s="257">
        <v>0</v>
      </c>
      <c r="BR17" s="261">
        <v>3</v>
      </c>
      <c r="BS17" s="258">
        <v>3</v>
      </c>
      <c r="BT17" s="260">
        <v>0</v>
      </c>
      <c r="BU17" s="261">
        <v>61</v>
      </c>
      <c r="BV17" s="261">
        <v>427</v>
      </c>
      <c r="BW17" s="261">
        <v>834</v>
      </c>
      <c r="BX17" s="261">
        <v>698</v>
      </c>
      <c r="BY17" s="261">
        <v>477</v>
      </c>
      <c r="BZ17" s="258">
        <v>2497</v>
      </c>
      <c r="CA17" s="263">
        <v>2500</v>
      </c>
      <c r="CB17" s="257">
        <v>0</v>
      </c>
      <c r="CC17" s="261">
        <v>0</v>
      </c>
      <c r="CD17" s="258">
        <v>0</v>
      </c>
      <c r="CE17" s="260">
        <v>0</v>
      </c>
      <c r="CF17" s="261">
        <v>11</v>
      </c>
      <c r="CG17" s="261">
        <v>34</v>
      </c>
      <c r="CH17" s="261">
        <v>138</v>
      </c>
      <c r="CI17" s="261">
        <v>37</v>
      </c>
      <c r="CJ17" s="261">
        <v>0</v>
      </c>
      <c r="CK17" s="258">
        <v>220</v>
      </c>
      <c r="CL17" s="263">
        <v>220</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2153</v>
      </c>
      <c r="H18" s="261">
        <v>4107</v>
      </c>
      <c r="I18" s="261">
        <v>4354</v>
      </c>
      <c r="J18" s="261">
        <v>5186</v>
      </c>
      <c r="K18" s="261">
        <v>4346</v>
      </c>
      <c r="L18" s="262">
        <v>20146</v>
      </c>
      <c r="M18" s="263">
        <v>20146</v>
      </c>
      <c r="N18" s="257">
        <v>0</v>
      </c>
      <c r="O18" s="261">
        <v>0</v>
      </c>
      <c r="P18" s="258">
        <v>0</v>
      </c>
      <c r="Q18" s="260">
        <v>0</v>
      </c>
      <c r="R18" s="261">
        <v>6</v>
      </c>
      <c r="S18" s="261">
        <v>23</v>
      </c>
      <c r="T18" s="261">
        <v>57</v>
      </c>
      <c r="U18" s="261">
        <v>76</v>
      </c>
      <c r="V18" s="261">
        <v>238</v>
      </c>
      <c r="W18" s="258">
        <v>400</v>
      </c>
      <c r="X18" s="263">
        <v>400</v>
      </c>
      <c r="Y18" s="257">
        <v>72</v>
      </c>
      <c r="Z18" s="261">
        <v>339</v>
      </c>
      <c r="AA18" s="258">
        <v>411</v>
      </c>
      <c r="AB18" s="260">
        <v>0</v>
      </c>
      <c r="AC18" s="261">
        <v>1306</v>
      </c>
      <c r="AD18" s="261">
        <v>2769</v>
      </c>
      <c r="AE18" s="261">
        <v>1657</v>
      </c>
      <c r="AF18" s="261">
        <v>1360</v>
      </c>
      <c r="AG18" s="261">
        <v>1046</v>
      </c>
      <c r="AH18" s="258">
        <v>8138</v>
      </c>
      <c r="AI18" s="263">
        <v>8549</v>
      </c>
      <c r="AJ18" s="257">
        <v>70</v>
      </c>
      <c r="AK18" s="261">
        <v>137</v>
      </c>
      <c r="AL18" s="258">
        <v>207</v>
      </c>
      <c r="AM18" s="260">
        <v>0</v>
      </c>
      <c r="AN18" s="261">
        <v>137</v>
      </c>
      <c r="AO18" s="261">
        <v>501</v>
      </c>
      <c r="AP18" s="261">
        <v>252</v>
      </c>
      <c r="AQ18" s="261">
        <v>131</v>
      </c>
      <c r="AR18" s="261">
        <v>189</v>
      </c>
      <c r="AS18" s="258">
        <v>1210</v>
      </c>
      <c r="AT18" s="263">
        <v>1417</v>
      </c>
      <c r="AU18" s="257">
        <v>0</v>
      </c>
      <c r="AV18" s="261">
        <v>0</v>
      </c>
      <c r="AW18" s="258">
        <v>0</v>
      </c>
      <c r="AX18" s="260">
        <v>0</v>
      </c>
      <c r="AY18" s="261">
        <v>2971</v>
      </c>
      <c r="AZ18" s="261">
        <v>4756</v>
      </c>
      <c r="BA18" s="261">
        <v>2760</v>
      </c>
      <c r="BB18" s="261">
        <v>1655</v>
      </c>
      <c r="BC18" s="261">
        <v>1169</v>
      </c>
      <c r="BD18" s="262">
        <v>13311</v>
      </c>
      <c r="BE18" s="263">
        <v>13311</v>
      </c>
      <c r="BF18" s="257">
        <v>0</v>
      </c>
      <c r="BG18" s="261">
        <v>0</v>
      </c>
      <c r="BH18" s="258">
        <v>0</v>
      </c>
      <c r="BI18" s="260">
        <v>0</v>
      </c>
      <c r="BJ18" s="261">
        <v>1407</v>
      </c>
      <c r="BK18" s="261">
        <v>2252</v>
      </c>
      <c r="BL18" s="261">
        <v>876</v>
      </c>
      <c r="BM18" s="261">
        <v>524</v>
      </c>
      <c r="BN18" s="261">
        <v>124</v>
      </c>
      <c r="BO18" s="258">
        <v>5183</v>
      </c>
      <c r="BP18" s="263">
        <v>5183</v>
      </c>
      <c r="BQ18" s="257">
        <v>0</v>
      </c>
      <c r="BR18" s="261">
        <v>7</v>
      </c>
      <c r="BS18" s="258">
        <v>7</v>
      </c>
      <c r="BT18" s="260">
        <v>0</v>
      </c>
      <c r="BU18" s="261">
        <v>252</v>
      </c>
      <c r="BV18" s="261">
        <v>597</v>
      </c>
      <c r="BW18" s="261">
        <v>793</v>
      </c>
      <c r="BX18" s="261">
        <v>607</v>
      </c>
      <c r="BY18" s="261">
        <v>247</v>
      </c>
      <c r="BZ18" s="258">
        <v>2496</v>
      </c>
      <c r="CA18" s="263">
        <v>2503</v>
      </c>
      <c r="CB18" s="257">
        <v>0</v>
      </c>
      <c r="CC18" s="261">
        <v>0</v>
      </c>
      <c r="CD18" s="258">
        <v>0</v>
      </c>
      <c r="CE18" s="260">
        <v>0</v>
      </c>
      <c r="CF18" s="261">
        <v>12</v>
      </c>
      <c r="CG18" s="261">
        <v>92</v>
      </c>
      <c r="CH18" s="261">
        <v>50</v>
      </c>
      <c r="CI18" s="261">
        <v>80</v>
      </c>
      <c r="CJ18" s="261">
        <v>31</v>
      </c>
      <c r="CK18" s="258">
        <v>265</v>
      </c>
      <c r="CL18" s="263">
        <v>265</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2823</v>
      </c>
      <c r="H19" s="261">
        <v>7160</v>
      </c>
      <c r="I19" s="261">
        <v>9267</v>
      </c>
      <c r="J19" s="261">
        <v>11212</v>
      </c>
      <c r="K19" s="261">
        <v>9105</v>
      </c>
      <c r="L19" s="262">
        <v>39567</v>
      </c>
      <c r="M19" s="263">
        <v>39567</v>
      </c>
      <c r="N19" s="257">
        <v>0</v>
      </c>
      <c r="O19" s="261">
        <v>0</v>
      </c>
      <c r="P19" s="258">
        <v>0</v>
      </c>
      <c r="Q19" s="260">
        <v>0</v>
      </c>
      <c r="R19" s="261">
        <v>9</v>
      </c>
      <c r="S19" s="261">
        <v>50</v>
      </c>
      <c r="T19" s="261">
        <v>98</v>
      </c>
      <c r="U19" s="261">
        <v>209</v>
      </c>
      <c r="V19" s="261">
        <v>427</v>
      </c>
      <c r="W19" s="258">
        <v>793</v>
      </c>
      <c r="X19" s="263">
        <v>793</v>
      </c>
      <c r="Y19" s="257">
        <v>172</v>
      </c>
      <c r="Z19" s="261">
        <v>628</v>
      </c>
      <c r="AA19" s="258">
        <v>800</v>
      </c>
      <c r="AB19" s="260">
        <v>0</v>
      </c>
      <c r="AC19" s="261">
        <v>1431</v>
      </c>
      <c r="AD19" s="261">
        <v>2783</v>
      </c>
      <c r="AE19" s="261">
        <v>2092</v>
      </c>
      <c r="AF19" s="261">
        <v>1749</v>
      </c>
      <c r="AG19" s="261">
        <v>1512</v>
      </c>
      <c r="AH19" s="258">
        <v>9567</v>
      </c>
      <c r="AI19" s="263">
        <v>10367</v>
      </c>
      <c r="AJ19" s="257">
        <v>56</v>
      </c>
      <c r="AK19" s="261">
        <v>136</v>
      </c>
      <c r="AL19" s="258">
        <v>192</v>
      </c>
      <c r="AM19" s="260">
        <v>0</v>
      </c>
      <c r="AN19" s="261">
        <v>95</v>
      </c>
      <c r="AO19" s="261">
        <v>474</v>
      </c>
      <c r="AP19" s="261">
        <v>565</v>
      </c>
      <c r="AQ19" s="261">
        <v>333</v>
      </c>
      <c r="AR19" s="261">
        <v>322</v>
      </c>
      <c r="AS19" s="258">
        <v>1789</v>
      </c>
      <c r="AT19" s="263">
        <v>1981</v>
      </c>
      <c r="AU19" s="257">
        <v>0</v>
      </c>
      <c r="AV19" s="261">
        <v>0</v>
      </c>
      <c r="AW19" s="258">
        <v>0</v>
      </c>
      <c r="AX19" s="260">
        <v>0</v>
      </c>
      <c r="AY19" s="261">
        <v>3141</v>
      </c>
      <c r="AZ19" s="261">
        <v>5229</v>
      </c>
      <c r="BA19" s="261">
        <v>3444</v>
      </c>
      <c r="BB19" s="261">
        <v>2023</v>
      </c>
      <c r="BC19" s="261">
        <v>1099</v>
      </c>
      <c r="BD19" s="262">
        <v>14936</v>
      </c>
      <c r="BE19" s="263">
        <v>14936</v>
      </c>
      <c r="BF19" s="257">
        <v>0</v>
      </c>
      <c r="BG19" s="261">
        <v>0</v>
      </c>
      <c r="BH19" s="258">
        <v>0</v>
      </c>
      <c r="BI19" s="260">
        <v>0</v>
      </c>
      <c r="BJ19" s="261">
        <v>463</v>
      </c>
      <c r="BK19" s="261">
        <v>1571</v>
      </c>
      <c r="BL19" s="261">
        <v>905</v>
      </c>
      <c r="BM19" s="261">
        <v>421</v>
      </c>
      <c r="BN19" s="261">
        <v>166</v>
      </c>
      <c r="BO19" s="258">
        <v>3526</v>
      </c>
      <c r="BP19" s="263">
        <v>3526</v>
      </c>
      <c r="BQ19" s="257">
        <v>3</v>
      </c>
      <c r="BR19" s="261">
        <v>16</v>
      </c>
      <c r="BS19" s="258">
        <v>19</v>
      </c>
      <c r="BT19" s="260">
        <v>0</v>
      </c>
      <c r="BU19" s="261">
        <v>402</v>
      </c>
      <c r="BV19" s="261">
        <v>688</v>
      </c>
      <c r="BW19" s="261">
        <v>1106</v>
      </c>
      <c r="BX19" s="261">
        <v>1307</v>
      </c>
      <c r="BY19" s="261">
        <v>424</v>
      </c>
      <c r="BZ19" s="258">
        <v>3927</v>
      </c>
      <c r="CA19" s="263">
        <v>3946</v>
      </c>
      <c r="CB19" s="257">
        <v>0</v>
      </c>
      <c r="CC19" s="261">
        <v>0</v>
      </c>
      <c r="CD19" s="258">
        <v>0</v>
      </c>
      <c r="CE19" s="260">
        <v>0</v>
      </c>
      <c r="CF19" s="261">
        <v>33</v>
      </c>
      <c r="CG19" s="261">
        <v>149</v>
      </c>
      <c r="CH19" s="261">
        <v>110</v>
      </c>
      <c r="CI19" s="261">
        <v>143</v>
      </c>
      <c r="CJ19" s="261">
        <v>74</v>
      </c>
      <c r="CK19" s="258">
        <v>509</v>
      </c>
      <c r="CL19" s="263">
        <v>509</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5797</v>
      </c>
      <c r="H20" s="261">
        <v>8182</v>
      </c>
      <c r="I20" s="261">
        <v>9304</v>
      </c>
      <c r="J20" s="261">
        <v>13997</v>
      </c>
      <c r="K20" s="261">
        <v>12011</v>
      </c>
      <c r="L20" s="262">
        <v>49291</v>
      </c>
      <c r="M20" s="263">
        <v>49291</v>
      </c>
      <c r="N20" s="257">
        <v>0</v>
      </c>
      <c r="O20" s="261">
        <v>0</v>
      </c>
      <c r="P20" s="258">
        <v>0</v>
      </c>
      <c r="Q20" s="260">
        <v>0</v>
      </c>
      <c r="R20" s="261">
        <v>22</v>
      </c>
      <c r="S20" s="261">
        <v>24</v>
      </c>
      <c r="T20" s="261">
        <v>66</v>
      </c>
      <c r="U20" s="261">
        <v>246</v>
      </c>
      <c r="V20" s="261">
        <v>447</v>
      </c>
      <c r="W20" s="258">
        <v>805</v>
      </c>
      <c r="X20" s="263">
        <v>805</v>
      </c>
      <c r="Y20" s="257">
        <v>395</v>
      </c>
      <c r="Z20" s="261">
        <v>1012</v>
      </c>
      <c r="AA20" s="258">
        <v>1407</v>
      </c>
      <c r="AB20" s="260">
        <v>0</v>
      </c>
      <c r="AC20" s="261">
        <v>3176</v>
      </c>
      <c r="AD20" s="261">
        <v>3971</v>
      </c>
      <c r="AE20" s="261">
        <v>2750</v>
      </c>
      <c r="AF20" s="261">
        <v>2045</v>
      </c>
      <c r="AG20" s="261">
        <v>1938</v>
      </c>
      <c r="AH20" s="258">
        <v>13880</v>
      </c>
      <c r="AI20" s="263">
        <v>15287</v>
      </c>
      <c r="AJ20" s="257">
        <v>55</v>
      </c>
      <c r="AK20" s="261">
        <v>130</v>
      </c>
      <c r="AL20" s="258">
        <v>185</v>
      </c>
      <c r="AM20" s="260">
        <v>0</v>
      </c>
      <c r="AN20" s="261">
        <v>524</v>
      </c>
      <c r="AO20" s="261">
        <v>817</v>
      </c>
      <c r="AP20" s="261">
        <v>492</v>
      </c>
      <c r="AQ20" s="261">
        <v>320</v>
      </c>
      <c r="AR20" s="261">
        <v>175</v>
      </c>
      <c r="AS20" s="258">
        <v>2328</v>
      </c>
      <c r="AT20" s="263">
        <v>2513</v>
      </c>
      <c r="AU20" s="257">
        <v>0</v>
      </c>
      <c r="AV20" s="261">
        <v>0</v>
      </c>
      <c r="AW20" s="258">
        <v>0</v>
      </c>
      <c r="AX20" s="260">
        <v>0</v>
      </c>
      <c r="AY20" s="261">
        <v>6105</v>
      </c>
      <c r="AZ20" s="261">
        <v>6166</v>
      </c>
      <c r="BA20" s="261">
        <v>4407</v>
      </c>
      <c r="BB20" s="261">
        <v>2475</v>
      </c>
      <c r="BC20" s="261">
        <v>1067</v>
      </c>
      <c r="BD20" s="262">
        <v>20220</v>
      </c>
      <c r="BE20" s="263">
        <v>20220</v>
      </c>
      <c r="BF20" s="257">
        <v>0</v>
      </c>
      <c r="BG20" s="261">
        <v>0</v>
      </c>
      <c r="BH20" s="258">
        <v>0</v>
      </c>
      <c r="BI20" s="260">
        <v>0</v>
      </c>
      <c r="BJ20" s="261">
        <v>1302</v>
      </c>
      <c r="BK20" s="261">
        <v>1607</v>
      </c>
      <c r="BL20" s="261">
        <v>888</v>
      </c>
      <c r="BM20" s="261">
        <v>530</v>
      </c>
      <c r="BN20" s="261">
        <v>209</v>
      </c>
      <c r="BO20" s="258">
        <v>4536</v>
      </c>
      <c r="BP20" s="263">
        <v>4536</v>
      </c>
      <c r="BQ20" s="257">
        <v>1</v>
      </c>
      <c r="BR20" s="261">
        <v>29</v>
      </c>
      <c r="BS20" s="258">
        <v>30</v>
      </c>
      <c r="BT20" s="260">
        <v>0</v>
      </c>
      <c r="BU20" s="261">
        <v>440</v>
      </c>
      <c r="BV20" s="261">
        <v>900</v>
      </c>
      <c r="BW20" s="261">
        <v>1803</v>
      </c>
      <c r="BX20" s="261">
        <v>1599</v>
      </c>
      <c r="BY20" s="261">
        <v>841</v>
      </c>
      <c r="BZ20" s="258">
        <v>5583</v>
      </c>
      <c r="CA20" s="263">
        <v>5613</v>
      </c>
      <c r="CB20" s="257">
        <v>6</v>
      </c>
      <c r="CC20" s="261">
        <v>0</v>
      </c>
      <c r="CD20" s="258">
        <v>6</v>
      </c>
      <c r="CE20" s="260">
        <v>0</v>
      </c>
      <c r="CF20" s="261">
        <v>8</v>
      </c>
      <c r="CG20" s="261">
        <v>26</v>
      </c>
      <c r="CH20" s="261">
        <v>31</v>
      </c>
      <c r="CI20" s="261">
        <v>23</v>
      </c>
      <c r="CJ20" s="261">
        <v>43</v>
      </c>
      <c r="CK20" s="258">
        <v>131</v>
      </c>
      <c r="CL20" s="263">
        <v>137</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2022</v>
      </c>
      <c r="H21" s="261">
        <v>2637</v>
      </c>
      <c r="I21" s="261">
        <v>2653</v>
      </c>
      <c r="J21" s="261">
        <v>3826</v>
      </c>
      <c r="K21" s="261">
        <v>3089</v>
      </c>
      <c r="L21" s="262">
        <v>14227</v>
      </c>
      <c r="M21" s="263">
        <v>14227</v>
      </c>
      <c r="N21" s="257">
        <v>0</v>
      </c>
      <c r="O21" s="261">
        <v>0</v>
      </c>
      <c r="P21" s="258">
        <v>0</v>
      </c>
      <c r="Q21" s="260">
        <v>0</v>
      </c>
      <c r="R21" s="261">
        <v>21</v>
      </c>
      <c r="S21" s="261">
        <v>23</v>
      </c>
      <c r="T21" s="261">
        <v>48</v>
      </c>
      <c r="U21" s="261">
        <v>90</v>
      </c>
      <c r="V21" s="261">
        <v>139</v>
      </c>
      <c r="W21" s="258">
        <v>321</v>
      </c>
      <c r="X21" s="263">
        <v>321</v>
      </c>
      <c r="Y21" s="257">
        <v>182</v>
      </c>
      <c r="Z21" s="261">
        <v>265</v>
      </c>
      <c r="AA21" s="258">
        <v>447</v>
      </c>
      <c r="AB21" s="260">
        <v>0</v>
      </c>
      <c r="AC21" s="261">
        <v>1613</v>
      </c>
      <c r="AD21" s="261">
        <v>1380</v>
      </c>
      <c r="AE21" s="261">
        <v>1105</v>
      </c>
      <c r="AF21" s="261">
        <v>988</v>
      </c>
      <c r="AG21" s="261">
        <v>729</v>
      </c>
      <c r="AH21" s="258">
        <v>5815</v>
      </c>
      <c r="AI21" s="263">
        <v>6262</v>
      </c>
      <c r="AJ21" s="257">
        <v>16</v>
      </c>
      <c r="AK21" s="261">
        <v>49</v>
      </c>
      <c r="AL21" s="258">
        <v>65</v>
      </c>
      <c r="AM21" s="260">
        <v>0</v>
      </c>
      <c r="AN21" s="261">
        <v>227</v>
      </c>
      <c r="AO21" s="261">
        <v>194</v>
      </c>
      <c r="AP21" s="261">
        <v>160</v>
      </c>
      <c r="AQ21" s="261">
        <v>187</v>
      </c>
      <c r="AR21" s="261">
        <v>30</v>
      </c>
      <c r="AS21" s="258">
        <v>798</v>
      </c>
      <c r="AT21" s="263">
        <v>863</v>
      </c>
      <c r="AU21" s="257">
        <v>0</v>
      </c>
      <c r="AV21" s="261">
        <v>0</v>
      </c>
      <c r="AW21" s="258">
        <v>0</v>
      </c>
      <c r="AX21" s="260">
        <v>0</v>
      </c>
      <c r="AY21" s="261">
        <v>2221</v>
      </c>
      <c r="AZ21" s="261">
        <v>2323</v>
      </c>
      <c r="BA21" s="261">
        <v>1468</v>
      </c>
      <c r="BB21" s="261">
        <v>664</v>
      </c>
      <c r="BC21" s="261">
        <v>401</v>
      </c>
      <c r="BD21" s="262">
        <v>7077</v>
      </c>
      <c r="BE21" s="263">
        <v>7077</v>
      </c>
      <c r="BF21" s="257">
        <v>0</v>
      </c>
      <c r="BG21" s="261">
        <v>0</v>
      </c>
      <c r="BH21" s="258">
        <v>0</v>
      </c>
      <c r="BI21" s="260">
        <v>0</v>
      </c>
      <c r="BJ21" s="261">
        <v>767</v>
      </c>
      <c r="BK21" s="261">
        <v>807</v>
      </c>
      <c r="BL21" s="261">
        <v>545</v>
      </c>
      <c r="BM21" s="261">
        <v>193</v>
      </c>
      <c r="BN21" s="261">
        <v>91</v>
      </c>
      <c r="BO21" s="258">
        <v>2403</v>
      </c>
      <c r="BP21" s="263">
        <v>2403</v>
      </c>
      <c r="BQ21" s="257">
        <v>7</v>
      </c>
      <c r="BR21" s="261">
        <v>15</v>
      </c>
      <c r="BS21" s="258">
        <v>22</v>
      </c>
      <c r="BT21" s="260">
        <v>0</v>
      </c>
      <c r="BU21" s="261">
        <v>107</v>
      </c>
      <c r="BV21" s="261">
        <v>399</v>
      </c>
      <c r="BW21" s="261">
        <v>508</v>
      </c>
      <c r="BX21" s="261">
        <v>299</v>
      </c>
      <c r="BY21" s="261">
        <v>130</v>
      </c>
      <c r="BZ21" s="258">
        <v>1443</v>
      </c>
      <c r="CA21" s="263">
        <v>1465</v>
      </c>
      <c r="CB21" s="257">
        <v>0</v>
      </c>
      <c r="CC21" s="261">
        <v>0</v>
      </c>
      <c r="CD21" s="258">
        <v>0</v>
      </c>
      <c r="CE21" s="260">
        <v>0</v>
      </c>
      <c r="CF21" s="261">
        <v>14</v>
      </c>
      <c r="CG21" s="261">
        <v>62</v>
      </c>
      <c r="CH21" s="261">
        <v>55</v>
      </c>
      <c r="CI21" s="261">
        <v>66</v>
      </c>
      <c r="CJ21" s="261">
        <v>27</v>
      </c>
      <c r="CK21" s="258">
        <v>224</v>
      </c>
      <c r="CL21" s="263">
        <v>224</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3002</v>
      </c>
      <c r="H22" s="261">
        <v>3082</v>
      </c>
      <c r="I22" s="261">
        <v>5879</v>
      </c>
      <c r="J22" s="261">
        <v>5594</v>
      </c>
      <c r="K22" s="261">
        <v>4620</v>
      </c>
      <c r="L22" s="262">
        <v>22177</v>
      </c>
      <c r="M22" s="263">
        <v>22177</v>
      </c>
      <c r="N22" s="257">
        <v>0</v>
      </c>
      <c r="O22" s="261">
        <v>0</v>
      </c>
      <c r="P22" s="258">
        <v>0</v>
      </c>
      <c r="Q22" s="260">
        <v>0</v>
      </c>
      <c r="R22" s="261">
        <v>15</v>
      </c>
      <c r="S22" s="261">
        <v>17</v>
      </c>
      <c r="T22" s="261">
        <v>84</v>
      </c>
      <c r="U22" s="261">
        <v>128</v>
      </c>
      <c r="V22" s="261">
        <v>236</v>
      </c>
      <c r="W22" s="258">
        <v>480</v>
      </c>
      <c r="X22" s="263">
        <v>480</v>
      </c>
      <c r="Y22" s="257">
        <v>282</v>
      </c>
      <c r="Z22" s="261">
        <v>716</v>
      </c>
      <c r="AA22" s="258">
        <v>998</v>
      </c>
      <c r="AB22" s="260">
        <v>0</v>
      </c>
      <c r="AC22" s="261">
        <v>2394</v>
      </c>
      <c r="AD22" s="261">
        <v>2145</v>
      </c>
      <c r="AE22" s="261">
        <v>1322</v>
      </c>
      <c r="AF22" s="261">
        <v>1163</v>
      </c>
      <c r="AG22" s="261">
        <v>816</v>
      </c>
      <c r="AH22" s="258">
        <v>7840</v>
      </c>
      <c r="AI22" s="263">
        <v>8838</v>
      </c>
      <c r="AJ22" s="257">
        <v>107</v>
      </c>
      <c r="AK22" s="261">
        <v>386</v>
      </c>
      <c r="AL22" s="258">
        <v>493</v>
      </c>
      <c r="AM22" s="260">
        <v>0</v>
      </c>
      <c r="AN22" s="261">
        <v>600</v>
      </c>
      <c r="AO22" s="261">
        <v>838</v>
      </c>
      <c r="AP22" s="261">
        <v>544</v>
      </c>
      <c r="AQ22" s="261">
        <v>447</v>
      </c>
      <c r="AR22" s="261">
        <v>194</v>
      </c>
      <c r="AS22" s="258">
        <v>2623</v>
      </c>
      <c r="AT22" s="263">
        <v>3116</v>
      </c>
      <c r="AU22" s="257">
        <v>0</v>
      </c>
      <c r="AV22" s="261">
        <v>0</v>
      </c>
      <c r="AW22" s="258">
        <v>0</v>
      </c>
      <c r="AX22" s="260">
        <v>0</v>
      </c>
      <c r="AY22" s="261">
        <v>2865</v>
      </c>
      <c r="AZ22" s="261">
        <v>2571</v>
      </c>
      <c r="BA22" s="261">
        <v>1550</v>
      </c>
      <c r="BB22" s="261">
        <v>983</v>
      </c>
      <c r="BC22" s="261">
        <v>354</v>
      </c>
      <c r="BD22" s="262">
        <v>8323</v>
      </c>
      <c r="BE22" s="263">
        <v>8323</v>
      </c>
      <c r="BF22" s="257">
        <v>0</v>
      </c>
      <c r="BG22" s="261">
        <v>0</v>
      </c>
      <c r="BH22" s="258">
        <v>0</v>
      </c>
      <c r="BI22" s="260">
        <v>0</v>
      </c>
      <c r="BJ22" s="261">
        <v>879</v>
      </c>
      <c r="BK22" s="261">
        <v>806</v>
      </c>
      <c r="BL22" s="261">
        <v>439</v>
      </c>
      <c r="BM22" s="261">
        <v>258</v>
      </c>
      <c r="BN22" s="261">
        <v>122</v>
      </c>
      <c r="BO22" s="258">
        <v>2504</v>
      </c>
      <c r="BP22" s="263">
        <v>2504</v>
      </c>
      <c r="BQ22" s="257">
        <v>0</v>
      </c>
      <c r="BR22" s="261">
        <v>76</v>
      </c>
      <c r="BS22" s="258">
        <v>76</v>
      </c>
      <c r="BT22" s="260">
        <v>0</v>
      </c>
      <c r="BU22" s="261">
        <v>461</v>
      </c>
      <c r="BV22" s="261">
        <v>553</v>
      </c>
      <c r="BW22" s="261">
        <v>1221</v>
      </c>
      <c r="BX22" s="261">
        <v>870</v>
      </c>
      <c r="BY22" s="261">
        <v>310</v>
      </c>
      <c r="BZ22" s="258">
        <v>3415</v>
      </c>
      <c r="CA22" s="263">
        <v>3491</v>
      </c>
      <c r="CB22" s="257">
        <v>0</v>
      </c>
      <c r="CC22" s="261">
        <v>0</v>
      </c>
      <c r="CD22" s="258">
        <v>0</v>
      </c>
      <c r="CE22" s="260">
        <v>0</v>
      </c>
      <c r="CF22" s="261">
        <v>21</v>
      </c>
      <c r="CG22" s="261">
        <v>37</v>
      </c>
      <c r="CH22" s="261">
        <v>73</v>
      </c>
      <c r="CI22" s="261">
        <v>50</v>
      </c>
      <c r="CJ22" s="261">
        <v>22</v>
      </c>
      <c r="CK22" s="258">
        <v>203</v>
      </c>
      <c r="CL22" s="263">
        <v>203</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3041</v>
      </c>
      <c r="H23" s="261">
        <v>6553</v>
      </c>
      <c r="I23" s="261">
        <v>6484</v>
      </c>
      <c r="J23" s="261">
        <v>8122</v>
      </c>
      <c r="K23" s="261">
        <v>6270</v>
      </c>
      <c r="L23" s="262">
        <v>30470</v>
      </c>
      <c r="M23" s="263">
        <v>30470</v>
      </c>
      <c r="N23" s="257">
        <v>0</v>
      </c>
      <c r="O23" s="261">
        <v>0</v>
      </c>
      <c r="P23" s="258">
        <v>0</v>
      </c>
      <c r="Q23" s="260">
        <v>0</v>
      </c>
      <c r="R23" s="261">
        <v>0</v>
      </c>
      <c r="S23" s="261">
        <v>24</v>
      </c>
      <c r="T23" s="261">
        <v>65</v>
      </c>
      <c r="U23" s="261">
        <v>175</v>
      </c>
      <c r="V23" s="261">
        <v>261</v>
      </c>
      <c r="W23" s="258">
        <v>525</v>
      </c>
      <c r="X23" s="263">
        <v>525</v>
      </c>
      <c r="Y23" s="257">
        <v>291</v>
      </c>
      <c r="Z23" s="261">
        <v>811</v>
      </c>
      <c r="AA23" s="258">
        <v>1102</v>
      </c>
      <c r="AB23" s="260">
        <v>0</v>
      </c>
      <c r="AC23" s="261">
        <v>2101</v>
      </c>
      <c r="AD23" s="261">
        <v>3008</v>
      </c>
      <c r="AE23" s="261">
        <v>1972</v>
      </c>
      <c r="AF23" s="261">
        <v>1577</v>
      </c>
      <c r="AG23" s="261">
        <v>1223</v>
      </c>
      <c r="AH23" s="258">
        <v>9881</v>
      </c>
      <c r="AI23" s="263">
        <v>10983</v>
      </c>
      <c r="AJ23" s="257">
        <v>179</v>
      </c>
      <c r="AK23" s="261">
        <v>297</v>
      </c>
      <c r="AL23" s="258">
        <v>476</v>
      </c>
      <c r="AM23" s="260">
        <v>0</v>
      </c>
      <c r="AN23" s="261">
        <v>249</v>
      </c>
      <c r="AO23" s="261">
        <v>446</v>
      </c>
      <c r="AP23" s="261">
        <v>327</v>
      </c>
      <c r="AQ23" s="261">
        <v>153</v>
      </c>
      <c r="AR23" s="261">
        <v>106</v>
      </c>
      <c r="AS23" s="258">
        <v>1281</v>
      </c>
      <c r="AT23" s="263">
        <v>1757</v>
      </c>
      <c r="AU23" s="257">
        <v>0</v>
      </c>
      <c r="AV23" s="261">
        <v>0</v>
      </c>
      <c r="AW23" s="258">
        <v>0</v>
      </c>
      <c r="AX23" s="260">
        <v>0</v>
      </c>
      <c r="AY23" s="261">
        <v>2688</v>
      </c>
      <c r="AZ23" s="261">
        <v>3297</v>
      </c>
      <c r="BA23" s="261">
        <v>2265</v>
      </c>
      <c r="BB23" s="261">
        <v>1317</v>
      </c>
      <c r="BC23" s="261">
        <v>322</v>
      </c>
      <c r="BD23" s="262">
        <v>9889</v>
      </c>
      <c r="BE23" s="263">
        <v>9889</v>
      </c>
      <c r="BF23" s="257">
        <v>0</v>
      </c>
      <c r="BG23" s="261">
        <v>0</v>
      </c>
      <c r="BH23" s="258">
        <v>0</v>
      </c>
      <c r="BI23" s="260">
        <v>0</v>
      </c>
      <c r="BJ23" s="261">
        <v>338</v>
      </c>
      <c r="BK23" s="261">
        <v>475</v>
      </c>
      <c r="BL23" s="261">
        <v>252</v>
      </c>
      <c r="BM23" s="261">
        <v>125</v>
      </c>
      <c r="BN23" s="261">
        <v>77</v>
      </c>
      <c r="BO23" s="258">
        <v>1267</v>
      </c>
      <c r="BP23" s="263">
        <v>1267</v>
      </c>
      <c r="BQ23" s="257">
        <v>3</v>
      </c>
      <c r="BR23" s="261">
        <v>8</v>
      </c>
      <c r="BS23" s="258">
        <v>11</v>
      </c>
      <c r="BT23" s="260">
        <v>0</v>
      </c>
      <c r="BU23" s="261">
        <v>136</v>
      </c>
      <c r="BV23" s="261">
        <v>389</v>
      </c>
      <c r="BW23" s="261">
        <v>927</v>
      </c>
      <c r="BX23" s="261">
        <v>889</v>
      </c>
      <c r="BY23" s="261">
        <v>503</v>
      </c>
      <c r="BZ23" s="258">
        <v>2844</v>
      </c>
      <c r="CA23" s="263">
        <v>2855</v>
      </c>
      <c r="CB23" s="257">
        <v>0</v>
      </c>
      <c r="CC23" s="261">
        <v>0</v>
      </c>
      <c r="CD23" s="258">
        <v>0</v>
      </c>
      <c r="CE23" s="260">
        <v>0</v>
      </c>
      <c r="CF23" s="261">
        <v>14</v>
      </c>
      <c r="CG23" s="261">
        <v>49</v>
      </c>
      <c r="CH23" s="261">
        <v>32</v>
      </c>
      <c r="CI23" s="261">
        <v>20</v>
      </c>
      <c r="CJ23" s="261">
        <v>14</v>
      </c>
      <c r="CK23" s="258">
        <v>129</v>
      </c>
      <c r="CL23" s="263">
        <v>129</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817</v>
      </c>
      <c r="H24" s="261">
        <v>1246</v>
      </c>
      <c r="I24" s="261">
        <v>761</v>
      </c>
      <c r="J24" s="261">
        <v>1753</v>
      </c>
      <c r="K24" s="261">
        <v>1767</v>
      </c>
      <c r="L24" s="262">
        <v>6344</v>
      </c>
      <c r="M24" s="263">
        <v>6344</v>
      </c>
      <c r="N24" s="257">
        <v>0</v>
      </c>
      <c r="O24" s="261">
        <v>0</v>
      </c>
      <c r="P24" s="258">
        <v>0</v>
      </c>
      <c r="Q24" s="260">
        <v>0</v>
      </c>
      <c r="R24" s="261">
        <v>18</v>
      </c>
      <c r="S24" s="261">
        <v>4</v>
      </c>
      <c r="T24" s="261">
        <v>8</v>
      </c>
      <c r="U24" s="261">
        <v>37</v>
      </c>
      <c r="V24" s="261">
        <v>120</v>
      </c>
      <c r="W24" s="258">
        <v>187</v>
      </c>
      <c r="X24" s="263">
        <v>187</v>
      </c>
      <c r="Y24" s="257">
        <v>37</v>
      </c>
      <c r="Z24" s="261">
        <v>47</v>
      </c>
      <c r="AA24" s="258">
        <v>84</v>
      </c>
      <c r="AB24" s="260">
        <v>0</v>
      </c>
      <c r="AC24" s="261">
        <v>374</v>
      </c>
      <c r="AD24" s="261">
        <v>555</v>
      </c>
      <c r="AE24" s="261">
        <v>298</v>
      </c>
      <c r="AF24" s="261">
        <v>552</v>
      </c>
      <c r="AG24" s="261">
        <v>394</v>
      </c>
      <c r="AH24" s="258">
        <v>2173</v>
      </c>
      <c r="AI24" s="263">
        <v>2257</v>
      </c>
      <c r="AJ24" s="257">
        <v>0</v>
      </c>
      <c r="AK24" s="261">
        <v>15</v>
      </c>
      <c r="AL24" s="258">
        <v>15</v>
      </c>
      <c r="AM24" s="260">
        <v>0</v>
      </c>
      <c r="AN24" s="261">
        <v>128</v>
      </c>
      <c r="AO24" s="261">
        <v>83</v>
      </c>
      <c r="AP24" s="261">
        <v>48</v>
      </c>
      <c r="AQ24" s="261">
        <v>60</v>
      </c>
      <c r="AR24" s="261">
        <v>52</v>
      </c>
      <c r="AS24" s="258">
        <v>371</v>
      </c>
      <c r="AT24" s="263">
        <v>386</v>
      </c>
      <c r="AU24" s="257">
        <v>0</v>
      </c>
      <c r="AV24" s="261">
        <v>0</v>
      </c>
      <c r="AW24" s="258">
        <v>0</v>
      </c>
      <c r="AX24" s="260">
        <v>0</v>
      </c>
      <c r="AY24" s="261">
        <v>1001</v>
      </c>
      <c r="AZ24" s="261">
        <v>1166</v>
      </c>
      <c r="BA24" s="261">
        <v>685</v>
      </c>
      <c r="BB24" s="261">
        <v>348</v>
      </c>
      <c r="BC24" s="261">
        <v>171</v>
      </c>
      <c r="BD24" s="262">
        <v>3371</v>
      </c>
      <c r="BE24" s="263">
        <v>3371</v>
      </c>
      <c r="BF24" s="257">
        <v>0</v>
      </c>
      <c r="BG24" s="261">
        <v>0</v>
      </c>
      <c r="BH24" s="258">
        <v>0</v>
      </c>
      <c r="BI24" s="260">
        <v>0</v>
      </c>
      <c r="BJ24" s="261">
        <v>158</v>
      </c>
      <c r="BK24" s="261">
        <v>229</v>
      </c>
      <c r="BL24" s="261">
        <v>102</v>
      </c>
      <c r="BM24" s="261">
        <v>88</v>
      </c>
      <c r="BN24" s="261">
        <v>52</v>
      </c>
      <c r="BO24" s="258">
        <v>629</v>
      </c>
      <c r="BP24" s="263">
        <v>629</v>
      </c>
      <c r="BQ24" s="257">
        <v>0</v>
      </c>
      <c r="BR24" s="261">
        <v>11</v>
      </c>
      <c r="BS24" s="258">
        <v>11</v>
      </c>
      <c r="BT24" s="260">
        <v>0</v>
      </c>
      <c r="BU24" s="261">
        <v>52</v>
      </c>
      <c r="BV24" s="261">
        <v>99</v>
      </c>
      <c r="BW24" s="261">
        <v>345</v>
      </c>
      <c r="BX24" s="261">
        <v>312</v>
      </c>
      <c r="BY24" s="261">
        <v>195</v>
      </c>
      <c r="BZ24" s="258">
        <v>1003</v>
      </c>
      <c r="CA24" s="263">
        <v>1014</v>
      </c>
      <c r="CB24" s="257">
        <v>0</v>
      </c>
      <c r="CC24" s="261">
        <v>0</v>
      </c>
      <c r="CD24" s="258">
        <v>0</v>
      </c>
      <c r="CE24" s="260">
        <v>0</v>
      </c>
      <c r="CF24" s="261">
        <v>9</v>
      </c>
      <c r="CG24" s="261">
        <v>10</v>
      </c>
      <c r="CH24" s="261">
        <v>22</v>
      </c>
      <c r="CI24" s="261">
        <v>32</v>
      </c>
      <c r="CJ24" s="261">
        <v>2</v>
      </c>
      <c r="CK24" s="258">
        <v>75</v>
      </c>
      <c r="CL24" s="263">
        <v>75</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2163</v>
      </c>
      <c r="H25" s="261">
        <v>2400</v>
      </c>
      <c r="I25" s="261">
        <v>2600</v>
      </c>
      <c r="J25" s="261">
        <v>2949</v>
      </c>
      <c r="K25" s="261">
        <v>2381</v>
      </c>
      <c r="L25" s="262">
        <v>12493</v>
      </c>
      <c r="M25" s="263">
        <v>12493</v>
      </c>
      <c r="N25" s="257">
        <v>0</v>
      </c>
      <c r="O25" s="261">
        <v>1</v>
      </c>
      <c r="P25" s="258">
        <v>1</v>
      </c>
      <c r="Q25" s="260">
        <v>0</v>
      </c>
      <c r="R25" s="261">
        <v>14</v>
      </c>
      <c r="S25" s="261">
        <v>14</v>
      </c>
      <c r="T25" s="261">
        <v>32</v>
      </c>
      <c r="U25" s="261">
        <v>63</v>
      </c>
      <c r="V25" s="261">
        <v>121</v>
      </c>
      <c r="W25" s="258">
        <v>244</v>
      </c>
      <c r="X25" s="263">
        <v>245</v>
      </c>
      <c r="Y25" s="257">
        <v>194</v>
      </c>
      <c r="Z25" s="261">
        <v>337</v>
      </c>
      <c r="AA25" s="258">
        <v>531</v>
      </c>
      <c r="AB25" s="260">
        <v>0</v>
      </c>
      <c r="AC25" s="261">
        <v>877</v>
      </c>
      <c r="AD25" s="261">
        <v>1615</v>
      </c>
      <c r="AE25" s="261">
        <v>871</v>
      </c>
      <c r="AF25" s="261">
        <v>842</v>
      </c>
      <c r="AG25" s="261">
        <v>494</v>
      </c>
      <c r="AH25" s="258">
        <v>4699</v>
      </c>
      <c r="AI25" s="263">
        <v>5230</v>
      </c>
      <c r="AJ25" s="257">
        <v>56</v>
      </c>
      <c r="AK25" s="261">
        <v>105</v>
      </c>
      <c r="AL25" s="258">
        <v>161</v>
      </c>
      <c r="AM25" s="260">
        <v>0</v>
      </c>
      <c r="AN25" s="261">
        <v>135</v>
      </c>
      <c r="AO25" s="261">
        <v>275</v>
      </c>
      <c r="AP25" s="261">
        <v>111</v>
      </c>
      <c r="AQ25" s="261">
        <v>120</v>
      </c>
      <c r="AR25" s="261">
        <v>110</v>
      </c>
      <c r="AS25" s="258">
        <v>751</v>
      </c>
      <c r="AT25" s="263">
        <v>912</v>
      </c>
      <c r="AU25" s="257">
        <v>0</v>
      </c>
      <c r="AV25" s="261">
        <v>0</v>
      </c>
      <c r="AW25" s="258">
        <v>0</v>
      </c>
      <c r="AX25" s="260">
        <v>0</v>
      </c>
      <c r="AY25" s="261">
        <v>2644</v>
      </c>
      <c r="AZ25" s="261">
        <v>2394</v>
      </c>
      <c r="BA25" s="261">
        <v>1584</v>
      </c>
      <c r="BB25" s="261">
        <v>946</v>
      </c>
      <c r="BC25" s="261">
        <v>402</v>
      </c>
      <c r="BD25" s="262">
        <v>7970</v>
      </c>
      <c r="BE25" s="263">
        <v>7970</v>
      </c>
      <c r="BF25" s="257">
        <v>0</v>
      </c>
      <c r="BG25" s="261">
        <v>0</v>
      </c>
      <c r="BH25" s="258">
        <v>0</v>
      </c>
      <c r="BI25" s="260">
        <v>0</v>
      </c>
      <c r="BJ25" s="261">
        <v>304</v>
      </c>
      <c r="BK25" s="261">
        <v>356</v>
      </c>
      <c r="BL25" s="261">
        <v>307</v>
      </c>
      <c r="BM25" s="261">
        <v>224</v>
      </c>
      <c r="BN25" s="261">
        <v>59</v>
      </c>
      <c r="BO25" s="258">
        <v>1250</v>
      </c>
      <c r="BP25" s="263">
        <v>1250</v>
      </c>
      <c r="BQ25" s="257">
        <v>10</v>
      </c>
      <c r="BR25" s="261">
        <v>9</v>
      </c>
      <c r="BS25" s="258">
        <v>19</v>
      </c>
      <c r="BT25" s="260">
        <v>0</v>
      </c>
      <c r="BU25" s="261">
        <v>155</v>
      </c>
      <c r="BV25" s="261">
        <v>381</v>
      </c>
      <c r="BW25" s="261">
        <v>652</v>
      </c>
      <c r="BX25" s="261">
        <v>465</v>
      </c>
      <c r="BY25" s="261">
        <v>218</v>
      </c>
      <c r="BZ25" s="258">
        <v>1871</v>
      </c>
      <c r="CA25" s="263">
        <v>1890</v>
      </c>
      <c r="CB25" s="257">
        <v>3</v>
      </c>
      <c r="CC25" s="261">
        <v>0</v>
      </c>
      <c r="CD25" s="258">
        <v>3</v>
      </c>
      <c r="CE25" s="260">
        <v>0</v>
      </c>
      <c r="CF25" s="261">
        <v>7</v>
      </c>
      <c r="CG25" s="261">
        <v>8</v>
      </c>
      <c r="CH25" s="261">
        <v>6</v>
      </c>
      <c r="CI25" s="261">
        <v>13</v>
      </c>
      <c r="CJ25" s="261">
        <v>24</v>
      </c>
      <c r="CK25" s="258">
        <v>58</v>
      </c>
      <c r="CL25" s="263">
        <v>61</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790</v>
      </c>
      <c r="H26" s="261">
        <v>984</v>
      </c>
      <c r="I26" s="261">
        <v>1765</v>
      </c>
      <c r="J26" s="261">
        <v>1370</v>
      </c>
      <c r="K26" s="261">
        <v>1916</v>
      </c>
      <c r="L26" s="262">
        <v>6825</v>
      </c>
      <c r="M26" s="263">
        <v>6825</v>
      </c>
      <c r="N26" s="257">
        <v>0</v>
      </c>
      <c r="O26" s="261">
        <v>0</v>
      </c>
      <c r="P26" s="258">
        <v>0</v>
      </c>
      <c r="Q26" s="260">
        <v>0</v>
      </c>
      <c r="R26" s="261">
        <v>0</v>
      </c>
      <c r="S26" s="261">
        <v>6</v>
      </c>
      <c r="T26" s="261">
        <v>8</v>
      </c>
      <c r="U26" s="261">
        <v>61</v>
      </c>
      <c r="V26" s="261">
        <v>110</v>
      </c>
      <c r="W26" s="258">
        <v>185</v>
      </c>
      <c r="X26" s="263">
        <v>185</v>
      </c>
      <c r="Y26" s="257">
        <v>146</v>
      </c>
      <c r="Z26" s="261">
        <v>225</v>
      </c>
      <c r="AA26" s="258">
        <v>371</v>
      </c>
      <c r="AB26" s="260">
        <v>0</v>
      </c>
      <c r="AC26" s="261">
        <v>525</v>
      </c>
      <c r="AD26" s="261">
        <v>573</v>
      </c>
      <c r="AE26" s="261">
        <v>240</v>
      </c>
      <c r="AF26" s="261">
        <v>449</v>
      </c>
      <c r="AG26" s="261">
        <v>240</v>
      </c>
      <c r="AH26" s="258">
        <v>2027</v>
      </c>
      <c r="AI26" s="263">
        <v>2398</v>
      </c>
      <c r="AJ26" s="257">
        <v>0</v>
      </c>
      <c r="AK26" s="261">
        <v>8</v>
      </c>
      <c r="AL26" s="258">
        <v>8</v>
      </c>
      <c r="AM26" s="260">
        <v>0</v>
      </c>
      <c r="AN26" s="261">
        <v>51</v>
      </c>
      <c r="AO26" s="261">
        <v>82</v>
      </c>
      <c r="AP26" s="261">
        <v>26</v>
      </c>
      <c r="AQ26" s="261">
        <v>42</v>
      </c>
      <c r="AR26" s="261">
        <v>40</v>
      </c>
      <c r="AS26" s="258">
        <v>241</v>
      </c>
      <c r="AT26" s="263">
        <v>249</v>
      </c>
      <c r="AU26" s="257">
        <v>0</v>
      </c>
      <c r="AV26" s="261">
        <v>0</v>
      </c>
      <c r="AW26" s="258">
        <v>0</v>
      </c>
      <c r="AX26" s="260">
        <v>0</v>
      </c>
      <c r="AY26" s="261">
        <v>947</v>
      </c>
      <c r="AZ26" s="261">
        <v>864</v>
      </c>
      <c r="BA26" s="261">
        <v>453</v>
      </c>
      <c r="BB26" s="261">
        <v>193</v>
      </c>
      <c r="BC26" s="261">
        <v>75</v>
      </c>
      <c r="BD26" s="262">
        <v>2532</v>
      </c>
      <c r="BE26" s="263">
        <v>2532</v>
      </c>
      <c r="BF26" s="257">
        <v>0</v>
      </c>
      <c r="BG26" s="261">
        <v>0</v>
      </c>
      <c r="BH26" s="258">
        <v>0</v>
      </c>
      <c r="BI26" s="260">
        <v>0</v>
      </c>
      <c r="BJ26" s="261">
        <v>375</v>
      </c>
      <c r="BK26" s="261">
        <v>291</v>
      </c>
      <c r="BL26" s="261">
        <v>204</v>
      </c>
      <c r="BM26" s="261">
        <v>125</v>
      </c>
      <c r="BN26" s="261">
        <v>103</v>
      </c>
      <c r="BO26" s="258">
        <v>1098</v>
      </c>
      <c r="BP26" s="263">
        <v>1098</v>
      </c>
      <c r="BQ26" s="257">
        <v>4</v>
      </c>
      <c r="BR26" s="261">
        <v>0</v>
      </c>
      <c r="BS26" s="258">
        <v>4</v>
      </c>
      <c r="BT26" s="260">
        <v>0</v>
      </c>
      <c r="BU26" s="261">
        <v>88</v>
      </c>
      <c r="BV26" s="261">
        <v>140</v>
      </c>
      <c r="BW26" s="261">
        <v>177</v>
      </c>
      <c r="BX26" s="261">
        <v>215</v>
      </c>
      <c r="BY26" s="261">
        <v>97</v>
      </c>
      <c r="BZ26" s="258">
        <v>717</v>
      </c>
      <c r="CA26" s="263">
        <v>721</v>
      </c>
      <c r="CB26" s="257">
        <v>0</v>
      </c>
      <c r="CC26" s="261">
        <v>0</v>
      </c>
      <c r="CD26" s="258">
        <v>0</v>
      </c>
      <c r="CE26" s="260">
        <v>0</v>
      </c>
      <c r="CF26" s="261">
        <v>35</v>
      </c>
      <c r="CG26" s="261">
        <v>0</v>
      </c>
      <c r="CH26" s="261">
        <v>18</v>
      </c>
      <c r="CI26" s="261">
        <v>12</v>
      </c>
      <c r="CJ26" s="261">
        <v>31</v>
      </c>
      <c r="CK26" s="258">
        <v>96</v>
      </c>
      <c r="CL26" s="263">
        <v>96</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1238</v>
      </c>
      <c r="H27" s="261">
        <v>1656</v>
      </c>
      <c r="I27" s="261">
        <v>2004</v>
      </c>
      <c r="J27" s="261">
        <v>2489</v>
      </c>
      <c r="K27" s="261">
        <v>2043</v>
      </c>
      <c r="L27" s="262">
        <v>9430</v>
      </c>
      <c r="M27" s="263">
        <v>9430</v>
      </c>
      <c r="N27" s="257">
        <v>0</v>
      </c>
      <c r="O27" s="261">
        <v>0</v>
      </c>
      <c r="P27" s="258">
        <v>0</v>
      </c>
      <c r="Q27" s="260">
        <v>0</v>
      </c>
      <c r="R27" s="261">
        <v>9</v>
      </c>
      <c r="S27" s="261">
        <v>32</v>
      </c>
      <c r="T27" s="261">
        <v>59</v>
      </c>
      <c r="U27" s="261">
        <v>85</v>
      </c>
      <c r="V27" s="261">
        <v>113</v>
      </c>
      <c r="W27" s="258">
        <v>298</v>
      </c>
      <c r="X27" s="263">
        <v>298</v>
      </c>
      <c r="Y27" s="257">
        <v>94</v>
      </c>
      <c r="Z27" s="261">
        <v>292</v>
      </c>
      <c r="AA27" s="258">
        <v>386</v>
      </c>
      <c r="AB27" s="260">
        <v>0</v>
      </c>
      <c r="AC27" s="261">
        <v>673</v>
      </c>
      <c r="AD27" s="261">
        <v>760</v>
      </c>
      <c r="AE27" s="261">
        <v>474</v>
      </c>
      <c r="AF27" s="261">
        <v>272</v>
      </c>
      <c r="AG27" s="261">
        <v>253</v>
      </c>
      <c r="AH27" s="258">
        <v>2432</v>
      </c>
      <c r="AI27" s="263">
        <v>2818</v>
      </c>
      <c r="AJ27" s="257">
        <v>8</v>
      </c>
      <c r="AK27" s="261">
        <v>55</v>
      </c>
      <c r="AL27" s="258">
        <v>63</v>
      </c>
      <c r="AM27" s="260">
        <v>0</v>
      </c>
      <c r="AN27" s="261">
        <v>32</v>
      </c>
      <c r="AO27" s="261">
        <v>141</v>
      </c>
      <c r="AP27" s="261">
        <v>86</v>
      </c>
      <c r="AQ27" s="261">
        <v>52</v>
      </c>
      <c r="AR27" s="261">
        <v>48</v>
      </c>
      <c r="AS27" s="258">
        <v>359</v>
      </c>
      <c r="AT27" s="263">
        <v>422</v>
      </c>
      <c r="AU27" s="257">
        <v>0</v>
      </c>
      <c r="AV27" s="261">
        <v>0</v>
      </c>
      <c r="AW27" s="258">
        <v>0</v>
      </c>
      <c r="AX27" s="260">
        <v>0</v>
      </c>
      <c r="AY27" s="261">
        <v>1343</v>
      </c>
      <c r="AZ27" s="261">
        <v>908</v>
      </c>
      <c r="BA27" s="261">
        <v>771</v>
      </c>
      <c r="BB27" s="261">
        <v>515</v>
      </c>
      <c r="BC27" s="261">
        <v>83</v>
      </c>
      <c r="BD27" s="262">
        <v>3620</v>
      </c>
      <c r="BE27" s="263">
        <v>3620</v>
      </c>
      <c r="BF27" s="257">
        <v>0</v>
      </c>
      <c r="BG27" s="261">
        <v>0</v>
      </c>
      <c r="BH27" s="258">
        <v>0</v>
      </c>
      <c r="BI27" s="260">
        <v>0</v>
      </c>
      <c r="BJ27" s="261">
        <v>280</v>
      </c>
      <c r="BK27" s="261">
        <v>449</v>
      </c>
      <c r="BL27" s="261">
        <v>198</v>
      </c>
      <c r="BM27" s="261">
        <v>142</v>
      </c>
      <c r="BN27" s="261">
        <v>37</v>
      </c>
      <c r="BO27" s="258">
        <v>1106</v>
      </c>
      <c r="BP27" s="263">
        <v>1106</v>
      </c>
      <c r="BQ27" s="257">
        <v>0</v>
      </c>
      <c r="BR27" s="261">
        <v>0</v>
      </c>
      <c r="BS27" s="258">
        <v>0</v>
      </c>
      <c r="BT27" s="260">
        <v>0</v>
      </c>
      <c r="BU27" s="261">
        <v>125</v>
      </c>
      <c r="BV27" s="261">
        <v>174</v>
      </c>
      <c r="BW27" s="261">
        <v>307</v>
      </c>
      <c r="BX27" s="261">
        <v>159</v>
      </c>
      <c r="BY27" s="261">
        <v>21</v>
      </c>
      <c r="BZ27" s="258">
        <v>786</v>
      </c>
      <c r="CA27" s="263">
        <v>786</v>
      </c>
      <c r="CB27" s="257">
        <v>0</v>
      </c>
      <c r="CC27" s="261">
        <v>0</v>
      </c>
      <c r="CD27" s="258">
        <v>0</v>
      </c>
      <c r="CE27" s="260">
        <v>0</v>
      </c>
      <c r="CF27" s="261">
        <v>12</v>
      </c>
      <c r="CG27" s="261">
        <v>35</v>
      </c>
      <c r="CH27" s="261">
        <v>4</v>
      </c>
      <c r="CI27" s="261">
        <v>38</v>
      </c>
      <c r="CJ27" s="261">
        <v>32</v>
      </c>
      <c r="CK27" s="258">
        <v>121</v>
      </c>
      <c r="CL27" s="263">
        <v>121</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988</v>
      </c>
      <c r="H28" s="261">
        <v>1240</v>
      </c>
      <c r="I28" s="261">
        <v>1638</v>
      </c>
      <c r="J28" s="261">
        <v>1388</v>
      </c>
      <c r="K28" s="261">
        <v>1690</v>
      </c>
      <c r="L28" s="262">
        <v>6944</v>
      </c>
      <c r="M28" s="263">
        <v>6944</v>
      </c>
      <c r="N28" s="257">
        <v>0</v>
      </c>
      <c r="O28" s="261">
        <v>0</v>
      </c>
      <c r="P28" s="258">
        <v>0</v>
      </c>
      <c r="Q28" s="260">
        <v>0</v>
      </c>
      <c r="R28" s="261">
        <v>0</v>
      </c>
      <c r="S28" s="261">
        <v>0</v>
      </c>
      <c r="T28" s="261">
        <v>10</v>
      </c>
      <c r="U28" s="261">
        <v>45</v>
      </c>
      <c r="V28" s="261">
        <v>94</v>
      </c>
      <c r="W28" s="258">
        <v>149</v>
      </c>
      <c r="X28" s="263">
        <v>149</v>
      </c>
      <c r="Y28" s="257">
        <v>37</v>
      </c>
      <c r="Z28" s="261">
        <v>109</v>
      </c>
      <c r="AA28" s="258">
        <v>146</v>
      </c>
      <c r="AB28" s="260">
        <v>0</v>
      </c>
      <c r="AC28" s="261">
        <v>384</v>
      </c>
      <c r="AD28" s="261">
        <v>579</v>
      </c>
      <c r="AE28" s="261">
        <v>452</v>
      </c>
      <c r="AF28" s="261">
        <v>268</v>
      </c>
      <c r="AG28" s="261">
        <v>383</v>
      </c>
      <c r="AH28" s="258">
        <v>2066</v>
      </c>
      <c r="AI28" s="263">
        <v>2212</v>
      </c>
      <c r="AJ28" s="257">
        <v>12</v>
      </c>
      <c r="AK28" s="261">
        <v>27</v>
      </c>
      <c r="AL28" s="258">
        <v>39</v>
      </c>
      <c r="AM28" s="260">
        <v>0</v>
      </c>
      <c r="AN28" s="261">
        <v>0</v>
      </c>
      <c r="AO28" s="261">
        <v>64</v>
      </c>
      <c r="AP28" s="261">
        <v>102</v>
      </c>
      <c r="AQ28" s="261">
        <v>17</v>
      </c>
      <c r="AR28" s="261">
        <v>42</v>
      </c>
      <c r="AS28" s="258">
        <v>225</v>
      </c>
      <c r="AT28" s="263">
        <v>264</v>
      </c>
      <c r="AU28" s="257">
        <v>0</v>
      </c>
      <c r="AV28" s="261">
        <v>0</v>
      </c>
      <c r="AW28" s="258">
        <v>0</v>
      </c>
      <c r="AX28" s="260">
        <v>0</v>
      </c>
      <c r="AY28" s="261">
        <v>1031</v>
      </c>
      <c r="AZ28" s="261">
        <v>788</v>
      </c>
      <c r="BA28" s="261">
        <v>517</v>
      </c>
      <c r="BB28" s="261">
        <v>234</v>
      </c>
      <c r="BC28" s="261">
        <v>123</v>
      </c>
      <c r="BD28" s="262">
        <v>2693</v>
      </c>
      <c r="BE28" s="263">
        <v>2693</v>
      </c>
      <c r="BF28" s="257">
        <v>0</v>
      </c>
      <c r="BG28" s="261">
        <v>0</v>
      </c>
      <c r="BH28" s="258">
        <v>0</v>
      </c>
      <c r="BI28" s="260">
        <v>0</v>
      </c>
      <c r="BJ28" s="261">
        <v>146</v>
      </c>
      <c r="BK28" s="261">
        <v>205</v>
      </c>
      <c r="BL28" s="261">
        <v>115</v>
      </c>
      <c r="BM28" s="261">
        <v>58</v>
      </c>
      <c r="BN28" s="261">
        <v>42</v>
      </c>
      <c r="BO28" s="258">
        <v>566</v>
      </c>
      <c r="BP28" s="263">
        <v>566</v>
      </c>
      <c r="BQ28" s="257">
        <v>0</v>
      </c>
      <c r="BR28" s="261">
        <v>0</v>
      </c>
      <c r="BS28" s="258">
        <v>0</v>
      </c>
      <c r="BT28" s="260">
        <v>0</v>
      </c>
      <c r="BU28" s="261">
        <v>126</v>
      </c>
      <c r="BV28" s="261">
        <v>155</v>
      </c>
      <c r="BW28" s="261">
        <v>266</v>
      </c>
      <c r="BX28" s="261">
        <v>137</v>
      </c>
      <c r="BY28" s="261">
        <v>129</v>
      </c>
      <c r="BZ28" s="258">
        <v>813</v>
      </c>
      <c r="CA28" s="263">
        <v>813</v>
      </c>
      <c r="CB28" s="257">
        <v>0</v>
      </c>
      <c r="CC28" s="261">
        <v>0</v>
      </c>
      <c r="CD28" s="258">
        <v>0</v>
      </c>
      <c r="CE28" s="260">
        <v>0</v>
      </c>
      <c r="CF28" s="261">
        <v>21</v>
      </c>
      <c r="CG28" s="261">
        <v>16</v>
      </c>
      <c r="CH28" s="261">
        <v>17</v>
      </c>
      <c r="CI28" s="261">
        <v>21</v>
      </c>
      <c r="CJ28" s="261">
        <v>0</v>
      </c>
      <c r="CK28" s="258">
        <v>75</v>
      </c>
      <c r="CL28" s="263">
        <v>75</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697</v>
      </c>
      <c r="H29" s="261">
        <v>773</v>
      </c>
      <c r="I29" s="261">
        <v>1178</v>
      </c>
      <c r="J29" s="261">
        <v>866</v>
      </c>
      <c r="K29" s="261">
        <v>1390</v>
      </c>
      <c r="L29" s="262">
        <v>4904</v>
      </c>
      <c r="M29" s="263">
        <v>4904</v>
      </c>
      <c r="N29" s="257">
        <v>0</v>
      </c>
      <c r="O29" s="261">
        <v>0</v>
      </c>
      <c r="P29" s="258">
        <v>0</v>
      </c>
      <c r="Q29" s="260">
        <v>0</v>
      </c>
      <c r="R29" s="261">
        <v>4</v>
      </c>
      <c r="S29" s="261">
        <v>32</v>
      </c>
      <c r="T29" s="261">
        <v>17</v>
      </c>
      <c r="U29" s="261">
        <v>48</v>
      </c>
      <c r="V29" s="261">
        <v>100</v>
      </c>
      <c r="W29" s="258">
        <v>201</v>
      </c>
      <c r="X29" s="263">
        <v>201</v>
      </c>
      <c r="Y29" s="257">
        <v>128</v>
      </c>
      <c r="Z29" s="261">
        <v>313</v>
      </c>
      <c r="AA29" s="258">
        <v>441</v>
      </c>
      <c r="AB29" s="260">
        <v>0</v>
      </c>
      <c r="AC29" s="261">
        <v>256</v>
      </c>
      <c r="AD29" s="261">
        <v>415</v>
      </c>
      <c r="AE29" s="261">
        <v>320</v>
      </c>
      <c r="AF29" s="261">
        <v>275</v>
      </c>
      <c r="AG29" s="261">
        <v>350</v>
      </c>
      <c r="AH29" s="258">
        <v>1616</v>
      </c>
      <c r="AI29" s="263">
        <v>2057</v>
      </c>
      <c r="AJ29" s="257">
        <v>12</v>
      </c>
      <c r="AK29" s="261">
        <v>25</v>
      </c>
      <c r="AL29" s="258">
        <v>37</v>
      </c>
      <c r="AM29" s="260">
        <v>0</v>
      </c>
      <c r="AN29" s="261">
        <v>12</v>
      </c>
      <c r="AO29" s="261">
        <v>27</v>
      </c>
      <c r="AP29" s="261">
        <v>18</v>
      </c>
      <c r="AQ29" s="261">
        <v>0</v>
      </c>
      <c r="AR29" s="261">
        <v>9</v>
      </c>
      <c r="AS29" s="258">
        <v>66</v>
      </c>
      <c r="AT29" s="263">
        <v>103</v>
      </c>
      <c r="AU29" s="257">
        <v>0</v>
      </c>
      <c r="AV29" s="261">
        <v>0</v>
      </c>
      <c r="AW29" s="258">
        <v>0</v>
      </c>
      <c r="AX29" s="260">
        <v>0</v>
      </c>
      <c r="AY29" s="261">
        <v>1031</v>
      </c>
      <c r="AZ29" s="261">
        <v>663</v>
      </c>
      <c r="BA29" s="261">
        <v>246</v>
      </c>
      <c r="BB29" s="261">
        <v>488</v>
      </c>
      <c r="BC29" s="261">
        <v>128</v>
      </c>
      <c r="BD29" s="262">
        <v>2556</v>
      </c>
      <c r="BE29" s="263">
        <v>2556</v>
      </c>
      <c r="BF29" s="257">
        <v>0</v>
      </c>
      <c r="BG29" s="261">
        <v>0</v>
      </c>
      <c r="BH29" s="258">
        <v>0</v>
      </c>
      <c r="BI29" s="260">
        <v>0</v>
      </c>
      <c r="BJ29" s="261">
        <v>152</v>
      </c>
      <c r="BK29" s="261">
        <v>219</v>
      </c>
      <c r="BL29" s="261">
        <v>109</v>
      </c>
      <c r="BM29" s="261">
        <v>49</v>
      </c>
      <c r="BN29" s="261">
        <v>36</v>
      </c>
      <c r="BO29" s="258">
        <v>565</v>
      </c>
      <c r="BP29" s="263">
        <v>565</v>
      </c>
      <c r="BQ29" s="257">
        <v>0</v>
      </c>
      <c r="BR29" s="261">
        <v>17</v>
      </c>
      <c r="BS29" s="258">
        <v>17</v>
      </c>
      <c r="BT29" s="260">
        <v>0</v>
      </c>
      <c r="BU29" s="261">
        <v>58</v>
      </c>
      <c r="BV29" s="261">
        <v>103</v>
      </c>
      <c r="BW29" s="261">
        <v>114</v>
      </c>
      <c r="BX29" s="261">
        <v>74</v>
      </c>
      <c r="BY29" s="261">
        <v>87</v>
      </c>
      <c r="BZ29" s="258">
        <v>436</v>
      </c>
      <c r="CA29" s="263">
        <v>453</v>
      </c>
      <c r="CB29" s="257">
        <v>0</v>
      </c>
      <c r="CC29" s="261">
        <v>0</v>
      </c>
      <c r="CD29" s="258">
        <v>0</v>
      </c>
      <c r="CE29" s="260">
        <v>0</v>
      </c>
      <c r="CF29" s="261">
        <v>7</v>
      </c>
      <c r="CG29" s="261">
        <v>7</v>
      </c>
      <c r="CH29" s="261">
        <v>9</v>
      </c>
      <c r="CI29" s="261">
        <v>5</v>
      </c>
      <c r="CJ29" s="261">
        <v>0</v>
      </c>
      <c r="CK29" s="258">
        <v>28</v>
      </c>
      <c r="CL29" s="263">
        <v>28</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78</v>
      </c>
      <c r="H30" s="261">
        <v>327</v>
      </c>
      <c r="I30" s="261">
        <v>248</v>
      </c>
      <c r="J30" s="261">
        <v>238</v>
      </c>
      <c r="K30" s="261">
        <v>296</v>
      </c>
      <c r="L30" s="262">
        <v>1187</v>
      </c>
      <c r="M30" s="263">
        <v>1187</v>
      </c>
      <c r="N30" s="257">
        <v>0</v>
      </c>
      <c r="O30" s="261">
        <v>0</v>
      </c>
      <c r="P30" s="258">
        <v>0</v>
      </c>
      <c r="Q30" s="260">
        <v>0</v>
      </c>
      <c r="R30" s="261">
        <v>0</v>
      </c>
      <c r="S30" s="261">
        <v>8</v>
      </c>
      <c r="T30" s="261">
        <v>7</v>
      </c>
      <c r="U30" s="261">
        <v>17</v>
      </c>
      <c r="V30" s="261">
        <v>15</v>
      </c>
      <c r="W30" s="258">
        <v>47</v>
      </c>
      <c r="X30" s="263">
        <v>47</v>
      </c>
      <c r="Y30" s="257">
        <v>4</v>
      </c>
      <c r="Z30" s="261">
        <v>26</v>
      </c>
      <c r="AA30" s="258">
        <v>30</v>
      </c>
      <c r="AB30" s="260">
        <v>0</v>
      </c>
      <c r="AC30" s="261">
        <v>37</v>
      </c>
      <c r="AD30" s="261">
        <v>117</v>
      </c>
      <c r="AE30" s="261">
        <v>54</v>
      </c>
      <c r="AF30" s="261">
        <v>105</v>
      </c>
      <c r="AG30" s="261">
        <v>56</v>
      </c>
      <c r="AH30" s="258">
        <v>369</v>
      </c>
      <c r="AI30" s="263">
        <v>399</v>
      </c>
      <c r="AJ30" s="257">
        <v>0</v>
      </c>
      <c r="AK30" s="261">
        <v>0</v>
      </c>
      <c r="AL30" s="258">
        <v>0</v>
      </c>
      <c r="AM30" s="260">
        <v>0</v>
      </c>
      <c r="AN30" s="261">
        <v>14</v>
      </c>
      <c r="AO30" s="261">
        <v>27</v>
      </c>
      <c r="AP30" s="261">
        <v>0</v>
      </c>
      <c r="AQ30" s="261">
        <v>9</v>
      </c>
      <c r="AR30" s="261">
        <v>14</v>
      </c>
      <c r="AS30" s="258">
        <v>64</v>
      </c>
      <c r="AT30" s="263">
        <v>64</v>
      </c>
      <c r="AU30" s="257">
        <v>0</v>
      </c>
      <c r="AV30" s="261">
        <v>0</v>
      </c>
      <c r="AW30" s="258">
        <v>0</v>
      </c>
      <c r="AX30" s="260">
        <v>0</v>
      </c>
      <c r="AY30" s="261">
        <v>267</v>
      </c>
      <c r="AZ30" s="261">
        <v>325</v>
      </c>
      <c r="BA30" s="261">
        <v>253</v>
      </c>
      <c r="BB30" s="261">
        <v>154</v>
      </c>
      <c r="BC30" s="261">
        <v>76</v>
      </c>
      <c r="BD30" s="262">
        <v>1075</v>
      </c>
      <c r="BE30" s="263">
        <v>1075</v>
      </c>
      <c r="BF30" s="257">
        <v>0</v>
      </c>
      <c r="BG30" s="261">
        <v>0</v>
      </c>
      <c r="BH30" s="258">
        <v>0</v>
      </c>
      <c r="BI30" s="260">
        <v>0</v>
      </c>
      <c r="BJ30" s="261">
        <v>45</v>
      </c>
      <c r="BK30" s="261">
        <v>110</v>
      </c>
      <c r="BL30" s="261">
        <v>89</v>
      </c>
      <c r="BM30" s="261">
        <v>44</v>
      </c>
      <c r="BN30" s="261">
        <v>33</v>
      </c>
      <c r="BO30" s="258">
        <v>321</v>
      </c>
      <c r="BP30" s="263">
        <v>321</v>
      </c>
      <c r="BQ30" s="257">
        <v>0</v>
      </c>
      <c r="BR30" s="261">
        <v>4</v>
      </c>
      <c r="BS30" s="258">
        <v>4</v>
      </c>
      <c r="BT30" s="260">
        <v>0</v>
      </c>
      <c r="BU30" s="261">
        <v>0</v>
      </c>
      <c r="BV30" s="261">
        <v>44</v>
      </c>
      <c r="BW30" s="261">
        <v>75</v>
      </c>
      <c r="BX30" s="261">
        <v>40</v>
      </c>
      <c r="BY30" s="261">
        <v>11</v>
      </c>
      <c r="BZ30" s="258">
        <v>170</v>
      </c>
      <c r="CA30" s="263">
        <v>174</v>
      </c>
      <c r="CB30" s="257">
        <v>0</v>
      </c>
      <c r="CC30" s="261">
        <v>0</v>
      </c>
      <c r="CD30" s="258">
        <v>0</v>
      </c>
      <c r="CE30" s="260">
        <v>0</v>
      </c>
      <c r="CF30" s="261">
        <v>6</v>
      </c>
      <c r="CG30" s="261">
        <v>9</v>
      </c>
      <c r="CH30" s="261">
        <v>15</v>
      </c>
      <c r="CI30" s="261">
        <v>10</v>
      </c>
      <c r="CJ30" s="261">
        <v>0</v>
      </c>
      <c r="CK30" s="258">
        <v>40</v>
      </c>
      <c r="CL30" s="263">
        <v>40</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302</v>
      </c>
      <c r="H31" s="261">
        <v>383</v>
      </c>
      <c r="I31" s="261">
        <v>432</v>
      </c>
      <c r="J31" s="261">
        <v>684</v>
      </c>
      <c r="K31" s="261">
        <v>510</v>
      </c>
      <c r="L31" s="262">
        <v>2311</v>
      </c>
      <c r="M31" s="263">
        <v>2311</v>
      </c>
      <c r="N31" s="257">
        <v>0</v>
      </c>
      <c r="O31" s="261">
        <v>0</v>
      </c>
      <c r="P31" s="258">
        <v>0</v>
      </c>
      <c r="Q31" s="260">
        <v>0</v>
      </c>
      <c r="R31" s="261">
        <v>0</v>
      </c>
      <c r="S31" s="261">
        <v>2</v>
      </c>
      <c r="T31" s="261">
        <v>3</v>
      </c>
      <c r="U31" s="261">
        <v>15</v>
      </c>
      <c r="V31" s="261">
        <v>46</v>
      </c>
      <c r="W31" s="258">
        <v>66</v>
      </c>
      <c r="X31" s="263">
        <v>66</v>
      </c>
      <c r="Y31" s="257">
        <v>4</v>
      </c>
      <c r="Z31" s="261">
        <v>31</v>
      </c>
      <c r="AA31" s="258">
        <v>35</v>
      </c>
      <c r="AB31" s="260">
        <v>0</v>
      </c>
      <c r="AC31" s="261">
        <v>209</v>
      </c>
      <c r="AD31" s="261">
        <v>134</v>
      </c>
      <c r="AE31" s="261">
        <v>185</v>
      </c>
      <c r="AF31" s="261">
        <v>96</v>
      </c>
      <c r="AG31" s="261">
        <v>99</v>
      </c>
      <c r="AH31" s="258">
        <v>723</v>
      </c>
      <c r="AI31" s="263">
        <v>758</v>
      </c>
      <c r="AJ31" s="257">
        <v>0</v>
      </c>
      <c r="AK31" s="261">
        <v>15</v>
      </c>
      <c r="AL31" s="258">
        <v>15</v>
      </c>
      <c r="AM31" s="260">
        <v>0</v>
      </c>
      <c r="AN31" s="261">
        <v>24</v>
      </c>
      <c r="AO31" s="261">
        <v>12</v>
      </c>
      <c r="AP31" s="261">
        <v>45</v>
      </c>
      <c r="AQ31" s="261">
        <v>31</v>
      </c>
      <c r="AR31" s="261">
        <v>0</v>
      </c>
      <c r="AS31" s="258">
        <v>112</v>
      </c>
      <c r="AT31" s="263">
        <v>127</v>
      </c>
      <c r="AU31" s="257">
        <v>0</v>
      </c>
      <c r="AV31" s="261">
        <v>0</v>
      </c>
      <c r="AW31" s="258">
        <v>0</v>
      </c>
      <c r="AX31" s="260">
        <v>0</v>
      </c>
      <c r="AY31" s="261">
        <v>328</v>
      </c>
      <c r="AZ31" s="261">
        <v>440</v>
      </c>
      <c r="BA31" s="261">
        <v>308</v>
      </c>
      <c r="BB31" s="261">
        <v>146</v>
      </c>
      <c r="BC31" s="261">
        <v>67</v>
      </c>
      <c r="BD31" s="262">
        <v>1289</v>
      </c>
      <c r="BE31" s="263">
        <v>1289</v>
      </c>
      <c r="BF31" s="257">
        <v>0</v>
      </c>
      <c r="BG31" s="261">
        <v>0</v>
      </c>
      <c r="BH31" s="258">
        <v>0</v>
      </c>
      <c r="BI31" s="260">
        <v>0</v>
      </c>
      <c r="BJ31" s="261">
        <v>127</v>
      </c>
      <c r="BK31" s="261">
        <v>71</v>
      </c>
      <c r="BL31" s="261">
        <v>95</v>
      </c>
      <c r="BM31" s="261">
        <v>0</v>
      </c>
      <c r="BN31" s="261">
        <v>0</v>
      </c>
      <c r="BO31" s="258">
        <v>293</v>
      </c>
      <c r="BP31" s="263">
        <v>293</v>
      </c>
      <c r="BQ31" s="257">
        <v>0</v>
      </c>
      <c r="BR31" s="261">
        <v>0</v>
      </c>
      <c r="BS31" s="258">
        <v>0</v>
      </c>
      <c r="BT31" s="260">
        <v>0</v>
      </c>
      <c r="BU31" s="261">
        <v>31</v>
      </c>
      <c r="BV31" s="261">
        <v>75</v>
      </c>
      <c r="BW31" s="261">
        <v>158</v>
      </c>
      <c r="BX31" s="261">
        <v>33</v>
      </c>
      <c r="BY31" s="261">
        <v>55</v>
      </c>
      <c r="BZ31" s="258">
        <v>352</v>
      </c>
      <c r="CA31" s="263">
        <v>352</v>
      </c>
      <c r="CB31" s="257">
        <v>0</v>
      </c>
      <c r="CC31" s="261">
        <v>0</v>
      </c>
      <c r="CD31" s="258">
        <v>0</v>
      </c>
      <c r="CE31" s="260">
        <v>0</v>
      </c>
      <c r="CF31" s="261">
        <v>4</v>
      </c>
      <c r="CG31" s="261">
        <v>2</v>
      </c>
      <c r="CH31" s="261">
        <v>3</v>
      </c>
      <c r="CI31" s="261">
        <v>0</v>
      </c>
      <c r="CJ31" s="261">
        <v>8</v>
      </c>
      <c r="CK31" s="258">
        <v>17</v>
      </c>
      <c r="CL31" s="263">
        <v>17</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321</v>
      </c>
      <c r="H32" s="261">
        <v>206</v>
      </c>
      <c r="I32" s="261">
        <v>733</v>
      </c>
      <c r="J32" s="261">
        <v>1001</v>
      </c>
      <c r="K32" s="261">
        <v>422</v>
      </c>
      <c r="L32" s="262">
        <v>2683</v>
      </c>
      <c r="M32" s="263">
        <v>2683</v>
      </c>
      <c r="N32" s="257">
        <v>0</v>
      </c>
      <c r="O32" s="261">
        <v>0</v>
      </c>
      <c r="P32" s="258">
        <v>0</v>
      </c>
      <c r="Q32" s="260">
        <v>0</v>
      </c>
      <c r="R32" s="261">
        <v>7</v>
      </c>
      <c r="S32" s="261">
        <v>0</v>
      </c>
      <c r="T32" s="261">
        <v>15</v>
      </c>
      <c r="U32" s="261">
        <v>42</v>
      </c>
      <c r="V32" s="261">
        <v>16</v>
      </c>
      <c r="W32" s="258">
        <v>80</v>
      </c>
      <c r="X32" s="263">
        <v>80</v>
      </c>
      <c r="Y32" s="257">
        <v>18</v>
      </c>
      <c r="Z32" s="261">
        <v>42</v>
      </c>
      <c r="AA32" s="258">
        <v>60</v>
      </c>
      <c r="AB32" s="260">
        <v>0</v>
      </c>
      <c r="AC32" s="261">
        <v>208</v>
      </c>
      <c r="AD32" s="261">
        <v>123</v>
      </c>
      <c r="AE32" s="261">
        <v>202</v>
      </c>
      <c r="AF32" s="261">
        <v>145</v>
      </c>
      <c r="AG32" s="261">
        <v>16</v>
      </c>
      <c r="AH32" s="258">
        <v>694</v>
      </c>
      <c r="AI32" s="263">
        <v>754</v>
      </c>
      <c r="AJ32" s="257">
        <v>12</v>
      </c>
      <c r="AK32" s="261">
        <v>0</v>
      </c>
      <c r="AL32" s="258">
        <v>12</v>
      </c>
      <c r="AM32" s="260">
        <v>0</v>
      </c>
      <c r="AN32" s="261">
        <v>27</v>
      </c>
      <c r="AO32" s="261">
        <v>15</v>
      </c>
      <c r="AP32" s="261">
        <v>27</v>
      </c>
      <c r="AQ32" s="261">
        <v>27</v>
      </c>
      <c r="AR32" s="261">
        <v>0</v>
      </c>
      <c r="AS32" s="258">
        <v>96</v>
      </c>
      <c r="AT32" s="263">
        <v>108</v>
      </c>
      <c r="AU32" s="257">
        <v>0</v>
      </c>
      <c r="AV32" s="261">
        <v>0</v>
      </c>
      <c r="AW32" s="258">
        <v>0</v>
      </c>
      <c r="AX32" s="260">
        <v>0</v>
      </c>
      <c r="AY32" s="261">
        <v>330</v>
      </c>
      <c r="AZ32" s="261">
        <v>187</v>
      </c>
      <c r="BA32" s="261">
        <v>169</v>
      </c>
      <c r="BB32" s="261">
        <v>152</v>
      </c>
      <c r="BC32" s="261">
        <v>13</v>
      </c>
      <c r="BD32" s="262">
        <v>851</v>
      </c>
      <c r="BE32" s="263">
        <v>851</v>
      </c>
      <c r="BF32" s="257">
        <v>0</v>
      </c>
      <c r="BG32" s="261">
        <v>0</v>
      </c>
      <c r="BH32" s="258">
        <v>0</v>
      </c>
      <c r="BI32" s="260">
        <v>0</v>
      </c>
      <c r="BJ32" s="261">
        <v>46</v>
      </c>
      <c r="BK32" s="261">
        <v>44</v>
      </c>
      <c r="BL32" s="261">
        <v>49</v>
      </c>
      <c r="BM32" s="261">
        <v>29</v>
      </c>
      <c r="BN32" s="261">
        <v>0</v>
      </c>
      <c r="BO32" s="258">
        <v>168</v>
      </c>
      <c r="BP32" s="263">
        <v>168</v>
      </c>
      <c r="BQ32" s="257">
        <v>0</v>
      </c>
      <c r="BR32" s="261">
        <v>2</v>
      </c>
      <c r="BS32" s="258">
        <v>2</v>
      </c>
      <c r="BT32" s="260">
        <v>0</v>
      </c>
      <c r="BU32" s="261">
        <v>46</v>
      </c>
      <c r="BV32" s="261">
        <v>69</v>
      </c>
      <c r="BW32" s="261">
        <v>99</v>
      </c>
      <c r="BX32" s="261">
        <v>76</v>
      </c>
      <c r="BY32" s="261">
        <v>4</v>
      </c>
      <c r="BZ32" s="258">
        <v>294</v>
      </c>
      <c r="CA32" s="263">
        <v>296</v>
      </c>
      <c r="CB32" s="257">
        <v>0</v>
      </c>
      <c r="CC32" s="261">
        <v>0</v>
      </c>
      <c r="CD32" s="258">
        <v>0</v>
      </c>
      <c r="CE32" s="260">
        <v>0</v>
      </c>
      <c r="CF32" s="261">
        <v>4</v>
      </c>
      <c r="CG32" s="261">
        <v>43</v>
      </c>
      <c r="CH32" s="261">
        <v>50</v>
      </c>
      <c r="CI32" s="261">
        <v>0</v>
      </c>
      <c r="CJ32" s="261">
        <v>4</v>
      </c>
      <c r="CK32" s="258">
        <v>101</v>
      </c>
      <c r="CL32" s="263">
        <v>101</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141</v>
      </c>
      <c r="H33" s="261">
        <v>128</v>
      </c>
      <c r="I33" s="261">
        <v>437</v>
      </c>
      <c r="J33" s="261">
        <v>124</v>
      </c>
      <c r="K33" s="261">
        <v>238</v>
      </c>
      <c r="L33" s="262">
        <v>1068</v>
      </c>
      <c r="M33" s="263">
        <v>1068</v>
      </c>
      <c r="N33" s="257">
        <v>0</v>
      </c>
      <c r="O33" s="261">
        <v>0</v>
      </c>
      <c r="P33" s="258">
        <v>0</v>
      </c>
      <c r="Q33" s="260">
        <v>0</v>
      </c>
      <c r="R33" s="261">
        <v>4</v>
      </c>
      <c r="S33" s="261">
        <v>5</v>
      </c>
      <c r="T33" s="261">
        <v>23</v>
      </c>
      <c r="U33" s="261">
        <v>43</v>
      </c>
      <c r="V33" s="261">
        <v>27</v>
      </c>
      <c r="W33" s="258">
        <v>102</v>
      </c>
      <c r="X33" s="263">
        <v>102</v>
      </c>
      <c r="Y33" s="257">
        <v>23</v>
      </c>
      <c r="Z33" s="261">
        <v>35</v>
      </c>
      <c r="AA33" s="258">
        <v>58</v>
      </c>
      <c r="AB33" s="260">
        <v>0</v>
      </c>
      <c r="AC33" s="261">
        <v>141</v>
      </c>
      <c r="AD33" s="261">
        <v>96</v>
      </c>
      <c r="AE33" s="261">
        <v>137</v>
      </c>
      <c r="AF33" s="261">
        <v>106</v>
      </c>
      <c r="AG33" s="261">
        <v>80</v>
      </c>
      <c r="AH33" s="258">
        <v>560</v>
      </c>
      <c r="AI33" s="263">
        <v>618</v>
      </c>
      <c r="AJ33" s="257">
        <v>0</v>
      </c>
      <c r="AK33" s="261">
        <v>18</v>
      </c>
      <c r="AL33" s="258">
        <v>18</v>
      </c>
      <c r="AM33" s="260">
        <v>0</v>
      </c>
      <c r="AN33" s="261">
        <v>27</v>
      </c>
      <c r="AO33" s="261">
        <v>27</v>
      </c>
      <c r="AP33" s="261">
        <v>21</v>
      </c>
      <c r="AQ33" s="261">
        <v>33</v>
      </c>
      <c r="AR33" s="261">
        <v>0</v>
      </c>
      <c r="AS33" s="258">
        <v>108</v>
      </c>
      <c r="AT33" s="263">
        <v>126</v>
      </c>
      <c r="AU33" s="257">
        <v>0</v>
      </c>
      <c r="AV33" s="261">
        <v>0</v>
      </c>
      <c r="AW33" s="258">
        <v>0</v>
      </c>
      <c r="AX33" s="260">
        <v>0</v>
      </c>
      <c r="AY33" s="261">
        <v>307</v>
      </c>
      <c r="AZ33" s="261">
        <v>356</v>
      </c>
      <c r="BA33" s="261">
        <v>231</v>
      </c>
      <c r="BB33" s="261">
        <v>105</v>
      </c>
      <c r="BC33" s="261">
        <v>61</v>
      </c>
      <c r="BD33" s="262">
        <v>1060</v>
      </c>
      <c r="BE33" s="263">
        <v>1060</v>
      </c>
      <c r="BF33" s="257">
        <v>0</v>
      </c>
      <c r="BG33" s="261">
        <v>0</v>
      </c>
      <c r="BH33" s="258">
        <v>0</v>
      </c>
      <c r="BI33" s="260">
        <v>0</v>
      </c>
      <c r="BJ33" s="261">
        <v>44</v>
      </c>
      <c r="BK33" s="261">
        <v>54</v>
      </c>
      <c r="BL33" s="261">
        <v>58</v>
      </c>
      <c r="BM33" s="261">
        <v>25</v>
      </c>
      <c r="BN33" s="261">
        <v>8</v>
      </c>
      <c r="BO33" s="258">
        <v>189</v>
      </c>
      <c r="BP33" s="263">
        <v>189</v>
      </c>
      <c r="BQ33" s="257">
        <v>0</v>
      </c>
      <c r="BR33" s="261">
        <v>0</v>
      </c>
      <c r="BS33" s="258">
        <v>0</v>
      </c>
      <c r="BT33" s="260">
        <v>0</v>
      </c>
      <c r="BU33" s="261">
        <v>28</v>
      </c>
      <c r="BV33" s="261">
        <v>41</v>
      </c>
      <c r="BW33" s="261">
        <v>365</v>
      </c>
      <c r="BX33" s="261">
        <v>80</v>
      </c>
      <c r="BY33" s="261">
        <v>9</v>
      </c>
      <c r="BZ33" s="258">
        <v>523</v>
      </c>
      <c r="CA33" s="263">
        <v>523</v>
      </c>
      <c r="CB33" s="257">
        <v>0</v>
      </c>
      <c r="CC33" s="261">
        <v>0</v>
      </c>
      <c r="CD33" s="258">
        <v>0</v>
      </c>
      <c r="CE33" s="260">
        <v>0</v>
      </c>
      <c r="CF33" s="261">
        <v>0</v>
      </c>
      <c r="CG33" s="261">
        <v>0</v>
      </c>
      <c r="CH33" s="261">
        <v>0</v>
      </c>
      <c r="CI33" s="261">
        <v>0</v>
      </c>
      <c r="CJ33" s="261">
        <v>5</v>
      </c>
      <c r="CK33" s="258">
        <v>5</v>
      </c>
      <c r="CL33" s="263">
        <v>5</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320</v>
      </c>
      <c r="H34" s="261">
        <v>300</v>
      </c>
      <c r="I34" s="261">
        <v>684</v>
      </c>
      <c r="J34" s="261">
        <v>351</v>
      </c>
      <c r="K34" s="261">
        <v>932</v>
      </c>
      <c r="L34" s="262">
        <v>2587</v>
      </c>
      <c r="M34" s="263">
        <v>2587</v>
      </c>
      <c r="N34" s="257">
        <v>0</v>
      </c>
      <c r="O34" s="261">
        <v>0</v>
      </c>
      <c r="P34" s="258">
        <v>0</v>
      </c>
      <c r="Q34" s="260">
        <v>0</v>
      </c>
      <c r="R34" s="261">
        <v>0</v>
      </c>
      <c r="S34" s="261">
        <v>0</v>
      </c>
      <c r="T34" s="261">
        <v>3</v>
      </c>
      <c r="U34" s="261">
        <v>24</v>
      </c>
      <c r="V34" s="261">
        <v>40</v>
      </c>
      <c r="W34" s="258">
        <v>67</v>
      </c>
      <c r="X34" s="263">
        <v>67</v>
      </c>
      <c r="Y34" s="257">
        <v>13</v>
      </c>
      <c r="Z34" s="261">
        <v>39</v>
      </c>
      <c r="AA34" s="258">
        <v>52</v>
      </c>
      <c r="AB34" s="260">
        <v>0</v>
      </c>
      <c r="AC34" s="261">
        <v>258</v>
      </c>
      <c r="AD34" s="261">
        <v>235</v>
      </c>
      <c r="AE34" s="261">
        <v>154</v>
      </c>
      <c r="AF34" s="261">
        <v>123</v>
      </c>
      <c r="AG34" s="261">
        <v>53</v>
      </c>
      <c r="AH34" s="258">
        <v>823</v>
      </c>
      <c r="AI34" s="263">
        <v>875</v>
      </c>
      <c r="AJ34" s="257">
        <v>0</v>
      </c>
      <c r="AK34" s="261">
        <v>6</v>
      </c>
      <c r="AL34" s="258">
        <v>6</v>
      </c>
      <c r="AM34" s="260">
        <v>0</v>
      </c>
      <c r="AN34" s="261">
        <v>66</v>
      </c>
      <c r="AO34" s="261">
        <v>21</v>
      </c>
      <c r="AP34" s="261">
        <v>0</v>
      </c>
      <c r="AQ34" s="261">
        <v>24</v>
      </c>
      <c r="AR34" s="261">
        <v>27</v>
      </c>
      <c r="AS34" s="258">
        <v>138</v>
      </c>
      <c r="AT34" s="263">
        <v>144</v>
      </c>
      <c r="AU34" s="257">
        <v>0</v>
      </c>
      <c r="AV34" s="261">
        <v>0</v>
      </c>
      <c r="AW34" s="258">
        <v>0</v>
      </c>
      <c r="AX34" s="260">
        <v>0</v>
      </c>
      <c r="AY34" s="261">
        <v>516</v>
      </c>
      <c r="AZ34" s="261">
        <v>467</v>
      </c>
      <c r="BA34" s="261">
        <v>256</v>
      </c>
      <c r="BB34" s="261">
        <v>193</v>
      </c>
      <c r="BC34" s="261">
        <v>35</v>
      </c>
      <c r="BD34" s="262">
        <v>1467</v>
      </c>
      <c r="BE34" s="263">
        <v>1467</v>
      </c>
      <c r="BF34" s="257">
        <v>0</v>
      </c>
      <c r="BG34" s="261">
        <v>0</v>
      </c>
      <c r="BH34" s="258">
        <v>0</v>
      </c>
      <c r="BI34" s="260">
        <v>0</v>
      </c>
      <c r="BJ34" s="261">
        <v>106</v>
      </c>
      <c r="BK34" s="261">
        <v>110</v>
      </c>
      <c r="BL34" s="261">
        <v>49</v>
      </c>
      <c r="BM34" s="261">
        <v>34</v>
      </c>
      <c r="BN34" s="261">
        <v>23</v>
      </c>
      <c r="BO34" s="258">
        <v>322</v>
      </c>
      <c r="BP34" s="263">
        <v>322</v>
      </c>
      <c r="BQ34" s="257">
        <v>6</v>
      </c>
      <c r="BR34" s="261">
        <v>2</v>
      </c>
      <c r="BS34" s="258">
        <v>8</v>
      </c>
      <c r="BT34" s="260">
        <v>0</v>
      </c>
      <c r="BU34" s="261">
        <v>20</v>
      </c>
      <c r="BV34" s="261">
        <v>59</v>
      </c>
      <c r="BW34" s="261">
        <v>82</v>
      </c>
      <c r="BX34" s="261">
        <v>67</v>
      </c>
      <c r="BY34" s="261">
        <v>38</v>
      </c>
      <c r="BZ34" s="258">
        <v>266</v>
      </c>
      <c r="CA34" s="263">
        <v>274</v>
      </c>
      <c r="CB34" s="257">
        <v>0</v>
      </c>
      <c r="CC34" s="261">
        <v>0</v>
      </c>
      <c r="CD34" s="258">
        <v>0</v>
      </c>
      <c r="CE34" s="260">
        <v>0</v>
      </c>
      <c r="CF34" s="261">
        <v>2</v>
      </c>
      <c r="CG34" s="261">
        <v>25</v>
      </c>
      <c r="CH34" s="261">
        <v>7</v>
      </c>
      <c r="CI34" s="261">
        <v>8</v>
      </c>
      <c r="CJ34" s="261">
        <v>3</v>
      </c>
      <c r="CK34" s="258">
        <v>45</v>
      </c>
      <c r="CL34" s="263">
        <v>45</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160</v>
      </c>
      <c r="H35" s="261">
        <v>246</v>
      </c>
      <c r="I35" s="261">
        <v>407</v>
      </c>
      <c r="J35" s="261">
        <v>448</v>
      </c>
      <c r="K35" s="261">
        <v>437</v>
      </c>
      <c r="L35" s="262">
        <v>1698</v>
      </c>
      <c r="M35" s="263">
        <v>1698</v>
      </c>
      <c r="N35" s="257">
        <v>0</v>
      </c>
      <c r="O35" s="261">
        <v>0</v>
      </c>
      <c r="P35" s="258">
        <v>0</v>
      </c>
      <c r="Q35" s="260">
        <v>0</v>
      </c>
      <c r="R35" s="261">
        <v>18</v>
      </c>
      <c r="S35" s="261">
        <v>0</v>
      </c>
      <c r="T35" s="261">
        <v>6</v>
      </c>
      <c r="U35" s="261">
        <v>6</v>
      </c>
      <c r="V35" s="261">
        <v>22</v>
      </c>
      <c r="W35" s="258">
        <v>52</v>
      </c>
      <c r="X35" s="263">
        <v>52</v>
      </c>
      <c r="Y35" s="257">
        <v>0</v>
      </c>
      <c r="Z35" s="261">
        <v>9</v>
      </c>
      <c r="AA35" s="258">
        <v>9</v>
      </c>
      <c r="AB35" s="260">
        <v>0</v>
      </c>
      <c r="AC35" s="261">
        <v>135</v>
      </c>
      <c r="AD35" s="261">
        <v>59</v>
      </c>
      <c r="AE35" s="261">
        <v>15</v>
      </c>
      <c r="AF35" s="261">
        <v>33</v>
      </c>
      <c r="AG35" s="261">
        <v>35</v>
      </c>
      <c r="AH35" s="258">
        <v>277</v>
      </c>
      <c r="AI35" s="263">
        <v>286</v>
      </c>
      <c r="AJ35" s="257">
        <v>129</v>
      </c>
      <c r="AK35" s="261">
        <v>224</v>
      </c>
      <c r="AL35" s="258">
        <v>353</v>
      </c>
      <c r="AM35" s="260">
        <v>0</v>
      </c>
      <c r="AN35" s="261">
        <v>552</v>
      </c>
      <c r="AO35" s="261">
        <v>316</v>
      </c>
      <c r="AP35" s="261">
        <v>141</v>
      </c>
      <c r="AQ35" s="261">
        <v>70</v>
      </c>
      <c r="AR35" s="261">
        <v>43</v>
      </c>
      <c r="AS35" s="258">
        <v>1122</v>
      </c>
      <c r="AT35" s="263">
        <v>1475</v>
      </c>
      <c r="AU35" s="257">
        <v>0</v>
      </c>
      <c r="AV35" s="261">
        <v>0</v>
      </c>
      <c r="AW35" s="258">
        <v>0</v>
      </c>
      <c r="AX35" s="260">
        <v>0</v>
      </c>
      <c r="AY35" s="261">
        <v>43</v>
      </c>
      <c r="AZ35" s="261">
        <v>90</v>
      </c>
      <c r="BA35" s="261">
        <v>87</v>
      </c>
      <c r="BB35" s="261">
        <v>28</v>
      </c>
      <c r="BC35" s="261">
        <v>29</v>
      </c>
      <c r="BD35" s="262">
        <v>277</v>
      </c>
      <c r="BE35" s="263">
        <v>277</v>
      </c>
      <c r="BF35" s="257">
        <v>0</v>
      </c>
      <c r="BG35" s="261">
        <v>0</v>
      </c>
      <c r="BH35" s="258">
        <v>0</v>
      </c>
      <c r="BI35" s="260">
        <v>0</v>
      </c>
      <c r="BJ35" s="261">
        <v>211</v>
      </c>
      <c r="BK35" s="261">
        <v>101</v>
      </c>
      <c r="BL35" s="261">
        <v>40</v>
      </c>
      <c r="BM35" s="261">
        <v>18</v>
      </c>
      <c r="BN35" s="261">
        <v>9</v>
      </c>
      <c r="BO35" s="258">
        <v>379</v>
      </c>
      <c r="BP35" s="263">
        <v>379</v>
      </c>
      <c r="BQ35" s="257">
        <v>0</v>
      </c>
      <c r="BR35" s="261">
        <v>4</v>
      </c>
      <c r="BS35" s="258">
        <v>4</v>
      </c>
      <c r="BT35" s="260">
        <v>0</v>
      </c>
      <c r="BU35" s="261">
        <v>7</v>
      </c>
      <c r="BV35" s="261">
        <v>61</v>
      </c>
      <c r="BW35" s="261">
        <v>103</v>
      </c>
      <c r="BX35" s="261">
        <v>2</v>
      </c>
      <c r="BY35" s="261">
        <v>30</v>
      </c>
      <c r="BZ35" s="258">
        <v>203</v>
      </c>
      <c r="CA35" s="263">
        <v>207</v>
      </c>
      <c r="CB35" s="257">
        <v>0</v>
      </c>
      <c r="CC35" s="261">
        <v>0</v>
      </c>
      <c r="CD35" s="258">
        <v>0</v>
      </c>
      <c r="CE35" s="260">
        <v>0</v>
      </c>
      <c r="CF35" s="261">
        <v>9</v>
      </c>
      <c r="CG35" s="261">
        <v>8</v>
      </c>
      <c r="CH35" s="261">
        <v>4</v>
      </c>
      <c r="CI35" s="261">
        <v>38</v>
      </c>
      <c r="CJ35" s="261">
        <v>0</v>
      </c>
      <c r="CK35" s="258">
        <v>59</v>
      </c>
      <c r="CL35" s="263">
        <v>59</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155</v>
      </c>
      <c r="H36" s="261">
        <v>229</v>
      </c>
      <c r="I36" s="261">
        <v>208</v>
      </c>
      <c r="J36" s="261">
        <v>355</v>
      </c>
      <c r="K36" s="261">
        <v>193</v>
      </c>
      <c r="L36" s="262">
        <v>1140</v>
      </c>
      <c r="M36" s="263">
        <v>1140</v>
      </c>
      <c r="N36" s="257">
        <v>0</v>
      </c>
      <c r="O36" s="261">
        <v>0</v>
      </c>
      <c r="P36" s="258">
        <v>0</v>
      </c>
      <c r="Q36" s="260">
        <v>0</v>
      </c>
      <c r="R36" s="261">
        <v>0</v>
      </c>
      <c r="S36" s="261">
        <v>5</v>
      </c>
      <c r="T36" s="261">
        <v>0</v>
      </c>
      <c r="U36" s="261">
        <v>4</v>
      </c>
      <c r="V36" s="261">
        <v>40</v>
      </c>
      <c r="W36" s="258">
        <v>49</v>
      </c>
      <c r="X36" s="263">
        <v>49</v>
      </c>
      <c r="Y36" s="257">
        <v>4</v>
      </c>
      <c r="Z36" s="261">
        <v>91</v>
      </c>
      <c r="AA36" s="258">
        <v>95</v>
      </c>
      <c r="AB36" s="260">
        <v>0</v>
      </c>
      <c r="AC36" s="261">
        <v>131</v>
      </c>
      <c r="AD36" s="261">
        <v>116</v>
      </c>
      <c r="AE36" s="261">
        <v>63</v>
      </c>
      <c r="AF36" s="261">
        <v>62</v>
      </c>
      <c r="AG36" s="261">
        <v>105</v>
      </c>
      <c r="AH36" s="258">
        <v>477</v>
      </c>
      <c r="AI36" s="263">
        <v>572</v>
      </c>
      <c r="AJ36" s="257">
        <v>0</v>
      </c>
      <c r="AK36" s="261">
        <v>7</v>
      </c>
      <c r="AL36" s="258">
        <v>7</v>
      </c>
      <c r="AM36" s="260">
        <v>0</v>
      </c>
      <c r="AN36" s="261">
        <v>123</v>
      </c>
      <c r="AO36" s="261">
        <v>55</v>
      </c>
      <c r="AP36" s="261">
        <v>21</v>
      </c>
      <c r="AQ36" s="261">
        <v>9</v>
      </c>
      <c r="AR36" s="261">
        <v>18</v>
      </c>
      <c r="AS36" s="258">
        <v>226</v>
      </c>
      <c r="AT36" s="263">
        <v>233</v>
      </c>
      <c r="AU36" s="257">
        <v>0</v>
      </c>
      <c r="AV36" s="261">
        <v>0</v>
      </c>
      <c r="AW36" s="258">
        <v>0</v>
      </c>
      <c r="AX36" s="260">
        <v>0</v>
      </c>
      <c r="AY36" s="261">
        <v>260</v>
      </c>
      <c r="AZ36" s="261">
        <v>226</v>
      </c>
      <c r="BA36" s="261">
        <v>194</v>
      </c>
      <c r="BB36" s="261">
        <v>139</v>
      </c>
      <c r="BC36" s="261">
        <v>27</v>
      </c>
      <c r="BD36" s="262">
        <v>846</v>
      </c>
      <c r="BE36" s="263">
        <v>846</v>
      </c>
      <c r="BF36" s="257">
        <v>0</v>
      </c>
      <c r="BG36" s="261">
        <v>0</v>
      </c>
      <c r="BH36" s="258">
        <v>0</v>
      </c>
      <c r="BI36" s="260">
        <v>0</v>
      </c>
      <c r="BJ36" s="261">
        <v>40</v>
      </c>
      <c r="BK36" s="261">
        <v>13</v>
      </c>
      <c r="BL36" s="261">
        <v>6</v>
      </c>
      <c r="BM36" s="261">
        <v>51</v>
      </c>
      <c r="BN36" s="261">
        <v>0</v>
      </c>
      <c r="BO36" s="258">
        <v>110</v>
      </c>
      <c r="BP36" s="263">
        <v>110</v>
      </c>
      <c r="BQ36" s="257">
        <v>0</v>
      </c>
      <c r="BR36" s="261">
        <v>0</v>
      </c>
      <c r="BS36" s="258">
        <v>0</v>
      </c>
      <c r="BT36" s="260">
        <v>0</v>
      </c>
      <c r="BU36" s="261">
        <v>19</v>
      </c>
      <c r="BV36" s="261">
        <v>26</v>
      </c>
      <c r="BW36" s="261">
        <v>9</v>
      </c>
      <c r="BX36" s="261">
        <v>42</v>
      </c>
      <c r="BY36" s="261">
        <v>-22</v>
      </c>
      <c r="BZ36" s="258">
        <v>74</v>
      </c>
      <c r="CA36" s="263">
        <v>74</v>
      </c>
      <c r="CB36" s="257">
        <v>0</v>
      </c>
      <c r="CC36" s="261">
        <v>0</v>
      </c>
      <c r="CD36" s="258">
        <v>0</v>
      </c>
      <c r="CE36" s="260">
        <v>0</v>
      </c>
      <c r="CF36" s="261">
        <v>0</v>
      </c>
      <c r="CG36" s="261">
        <v>6</v>
      </c>
      <c r="CH36" s="261">
        <v>0</v>
      </c>
      <c r="CI36" s="261">
        <v>10</v>
      </c>
      <c r="CJ36" s="261">
        <v>0</v>
      </c>
      <c r="CK36" s="258">
        <v>16</v>
      </c>
      <c r="CL36" s="263">
        <v>16</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1228</v>
      </c>
      <c r="H37" s="261">
        <v>1166</v>
      </c>
      <c r="I37" s="261">
        <v>1763</v>
      </c>
      <c r="J37" s="261">
        <v>1945</v>
      </c>
      <c r="K37" s="261">
        <v>927</v>
      </c>
      <c r="L37" s="262">
        <v>7029</v>
      </c>
      <c r="M37" s="263">
        <v>7029</v>
      </c>
      <c r="N37" s="257">
        <v>0</v>
      </c>
      <c r="O37" s="261">
        <v>0</v>
      </c>
      <c r="P37" s="258">
        <v>0</v>
      </c>
      <c r="Q37" s="260">
        <v>0</v>
      </c>
      <c r="R37" s="261">
        <v>0</v>
      </c>
      <c r="S37" s="261">
        <v>20</v>
      </c>
      <c r="T37" s="261">
        <v>30</v>
      </c>
      <c r="U37" s="261">
        <v>86</v>
      </c>
      <c r="V37" s="261">
        <v>55</v>
      </c>
      <c r="W37" s="258">
        <v>191</v>
      </c>
      <c r="X37" s="263">
        <v>191</v>
      </c>
      <c r="Y37" s="257">
        <v>25</v>
      </c>
      <c r="Z37" s="261">
        <v>78</v>
      </c>
      <c r="AA37" s="258">
        <v>103</v>
      </c>
      <c r="AB37" s="260">
        <v>0</v>
      </c>
      <c r="AC37" s="261">
        <v>469</v>
      </c>
      <c r="AD37" s="261">
        <v>298</v>
      </c>
      <c r="AE37" s="261">
        <v>288</v>
      </c>
      <c r="AF37" s="261">
        <v>274</v>
      </c>
      <c r="AG37" s="261">
        <v>207</v>
      </c>
      <c r="AH37" s="258">
        <v>1536</v>
      </c>
      <c r="AI37" s="263">
        <v>1639</v>
      </c>
      <c r="AJ37" s="257">
        <v>33</v>
      </c>
      <c r="AK37" s="261">
        <v>138</v>
      </c>
      <c r="AL37" s="258">
        <v>171</v>
      </c>
      <c r="AM37" s="260">
        <v>0</v>
      </c>
      <c r="AN37" s="261">
        <v>302</v>
      </c>
      <c r="AO37" s="261">
        <v>143</v>
      </c>
      <c r="AP37" s="261">
        <v>67</v>
      </c>
      <c r="AQ37" s="261">
        <v>204</v>
      </c>
      <c r="AR37" s="261">
        <v>51</v>
      </c>
      <c r="AS37" s="258">
        <v>767</v>
      </c>
      <c r="AT37" s="263">
        <v>938</v>
      </c>
      <c r="AU37" s="257">
        <v>0</v>
      </c>
      <c r="AV37" s="261">
        <v>0</v>
      </c>
      <c r="AW37" s="258">
        <v>0</v>
      </c>
      <c r="AX37" s="260">
        <v>0</v>
      </c>
      <c r="AY37" s="261">
        <v>1212</v>
      </c>
      <c r="AZ37" s="261">
        <v>917</v>
      </c>
      <c r="BA37" s="261">
        <v>620</v>
      </c>
      <c r="BB37" s="261">
        <v>366</v>
      </c>
      <c r="BC37" s="261">
        <v>236</v>
      </c>
      <c r="BD37" s="262">
        <v>3351</v>
      </c>
      <c r="BE37" s="263">
        <v>3351</v>
      </c>
      <c r="BF37" s="257">
        <v>0</v>
      </c>
      <c r="BG37" s="261">
        <v>0</v>
      </c>
      <c r="BH37" s="258">
        <v>0</v>
      </c>
      <c r="BI37" s="260">
        <v>0</v>
      </c>
      <c r="BJ37" s="261">
        <v>468</v>
      </c>
      <c r="BK37" s="261">
        <v>211</v>
      </c>
      <c r="BL37" s="261">
        <v>65</v>
      </c>
      <c r="BM37" s="261">
        <v>113</v>
      </c>
      <c r="BN37" s="261">
        <v>0</v>
      </c>
      <c r="BO37" s="258">
        <v>857</v>
      </c>
      <c r="BP37" s="263">
        <v>857</v>
      </c>
      <c r="BQ37" s="257">
        <v>6</v>
      </c>
      <c r="BR37" s="261">
        <v>0</v>
      </c>
      <c r="BS37" s="258">
        <v>6</v>
      </c>
      <c r="BT37" s="260">
        <v>0</v>
      </c>
      <c r="BU37" s="261">
        <v>63</v>
      </c>
      <c r="BV37" s="261">
        <v>41</v>
      </c>
      <c r="BW37" s="261">
        <v>85</v>
      </c>
      <c r="BX37" s="261">
        <v>81</v>
      </c>
      <c r="BY37" s="261">
        <v>15</v>
      </c>
      <c r="BZ37" s="258">
        <v>285</v>
      </c>
      <c r="CA37" s="263">
        <v>291</v>
      </c>
      <c r="CB37" s="257">
        <v>0</v>
      </c>
      <c r="CC37" s="261">
        <v>0</v>
      </c>
      <c r="CD37" s="258">
        <v>0</v>
      </c>
      <c r="CE37" s="260">
        <v>0</v>
      </c>
      <c r="CF37" s="261">
        <v>14</v>
      </c>
      <c r="CG37" s="261">
        <v>0</v>
      </c>
      <c r="CH37" s="261">
        <v>9</v>
      </c>
      <c r="CI37" s="261">
        <v>15</v>
      </c>
      <c r="CJ37" s="261">
        <v>5</v>
      </c>
      <c r="CK37" s="258">
        <v>43</v>
      </c>
      <c r="CL37" s="263">
        <v>43</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618</v>
      </c>
      <c r="H38" s="261">
        <v>1256</v>
      </c>
      <c r="I38" s="261">
        <v>1468</v>
      </c>
      <c r="J38" s="261">
        <v>1821</v>
      </c>
      <c r="K38" s="261">
        <v>2080</v>
      </c>
      <c r="L38" s="262">
        <v>7243</v>
      </c>
      <c r="M38" s="263">
        <v>7243</v>
      </c>
      <c r="N38" s="257">
        <v>0</v>
      </c>
      <c r="O38" s="261">
        <v>0</v>
      </c>
      <c r="P38" s="258">
        <v>0</v>
      </c>
      <c r="Q38" s="260">
        <v>0</v>
      </c>
      <c r="R38" s="261">
        <v>8</v>
      </c>
      <c r="S38" s="261">
        <v>31</v>
      </c>
      <c r="T38" s="261">
        <v>33</v>
      </c>
      <c r="U38" s="261">
        <v>62</v>
      </c>
      <c r="V38" s="261">
        <v>64</v>
      </c>
      <c r="W38" s="258">
        <v>198</v>
      </c>
      <c r="X38" s="263">
        <v>198</v>
      </c>
      <c r="Y38" s="257">
        <v>80</v>
      </c>
      <c r="Z38" s="261">
        <v>210</v>
      </c>
      <c r="AA38" s="258">
        <v>290</v>
      </c>
      <c r="AB38" s="260">
        <v>0</v>
      </c>
      <c r="AC38" s="261">
        <v>628</v>
      </c>
      <c r="AD38" s="261">
        <v>568</v>
      </c>
      <c r="AE38" s="261">
        <v>339</v>
      </c>
      <c r="AF38" s="261">
        <v>357</v>
      </c>
      <c r="AG38" s="261">
        <v>356</v>
      </c>
      <c r="AH38" s="258">
        <v>2248</v>
      </c>
      <c r="AI38" s="263">
        <v>2538</v>
      </c>
      <c r="AJ38" s="257">
        <v>24</v>
      </c>
      <c r="AK38" s="261">
        <v>144</v>
      </c>
      <c r="AL38" s="258">
        <v>168</v>
      </c>
      <c r="AM38" s="260">
        <v>0</v>
      </c>
      <c r="AN38" s="261">
        <v>185</v>
      </c>
      <c r="AO38" s="261">
        <v>165</v>
      </c>
      <c r="AP38" s="261">
        <v>80</v>
      </c>
      <c r="AQ38" s="261">
        <v>125</v>
      </c>
      <c r="AR38" s="261">
        <v>97</v>
      </c>
      <c r="AS38" s="258">
        <v>652</v>
      </c>
      <c r="AT38" s="263">
        <v>820</v>
      </c>
      <c r="AU38" s="257">
        <v>0</v>
      </c>
      <c r="AV38" s="261">
        <v>0</v>
      </c>
      <c r="AW38" s="258">
        <v>0</v>
      </c>
      <c r="AX38" s="260">
        <v>0</v>
      </c>
      <c r="AY38" s="261">
        <v>724</v>
      </c>
      <c r="AZ38" s="261">
        <v>1036</v>
      </c>
      <c r="BA38" s="261">
        <v>458</v>
      </c>
      <c r="BB38" s="261">
        <v>376</v>
      </c>
      <c r="BC38" s="261">
        <v>178</v>
      </c>
      <c r="BD38" s="262">
        <v>2772</v>
      </c>
      <c r="BE38" s="263">
        <v>2772</v>
      </c>
      <c r="BF38" s="257">
        <v>0</v>
      </c>
      <c r="BG38" s="261">
        <v>0</v>
      </c>
      <c r="BH38" s="258">
        <v>0</v>
      </c>
      <c r="BI38" s="260">
        <v>0</v>
      </c>
      <c r="BJ38" s="261">
        <v>212</v>
      </c>
      <c r="BK38" s="261">
        <v>237</v>
      </c>
      <c r="BL38" s="261">
        <v>140</v>
      </c>
      <c r="BM38" s="261">
        <v>41</v>
      </c>
      <c r="BN38" s="261">
        <v>18</v>
      </c>
      <c r="BO38" s="258">
        <v>648</v>
      </c>
      <c r="BP38" s="263">
        <v>648</v>
      </c>
      <c r="BQ38" s="257">
        <v>0</v>
      </c>
      <c r="BR38" s="261">
        <v>0</v>
      </c>
      <c r="BS38" s="258">
        <v>0</v>
      </c>
      <c r="BT38" s="260">
        <v>0</v>
      </c>
      <c r="BU38" s="261">
        <v>170</v>
      </c>
      <c r="BV38" s="261">
        <v>164</v>
      </c>
      <c r="BW38" s="261">
        <v>234</v>
      </c>
      <c r="BX38" s="261">
        <v>300</v>
      </c>
      <c r="BY38" s="261">
        <v>119</v>
      </c>
      <c r="BZ38" s="258">
        <v>987</v>
      </c>
      <c r="CA38" s="263">
        <v>987</v>
      </c>
      <c r="CB38" s="257">
        <v>0</v>
      </c>
      <c r="CC38" s="261">
        <v>0</v>
      </c>
      <c r="CD38" s="258">
        <v>0</v>
      </c>
      <c r="CE38" s="260">
        <v>0</v>
      </c>
      <c r="CF38" s="261">
        <v>5</v>
      </c>
      <c r="CG38" s="261">
        <v>0</v>
      </c>
      <c r="CH38" s="261">
        <v>0</v>
      </c>
      <c r="CI38" s="261">
        <v>4</v>
      </c>
      <c r="CJ38" s="261">
        <v>25</v>
      </c>
      <c r="CK38" s="258">
        <v>34</v>
      </c>
      <c r="CL38" s="263">
        <v>34</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54</v>
      </c>
      <c r="H39" s="268">
        <v>58</v>
      </c>
      <c r="I39" s="268">
        <v>78</v>
      </c>
      <c r="J39" s="268">
        <v>86</v>
      </c>
      <c r="K39" s="268">
        <v>125</v>
      </c>
      <c r="L39" s="269">
        <v>401</v>
      </c>
      <c r="M39" s="270">
        <v>401</v>
      </c>
      <c r="N39" s="264">
        <v>0</v>
      </c>
      <c r="O39" s="268">
        <v>0</v>
      </c>
      <c r="P39" s="265">
        <v>0</v>
      </c>
      <c r="Q39" s="267">
        <v>0</v>
      </c>
      <c r="R39" s="268">
        <v>0</v>
      </c>
      <c r="S39" s="268">
        <v>0</v>
      </c>
      <c r="T39" s="268">
        <v>1</v>
      </c>
      <c r="U39" s="268">
        <v>0</v>
      </c>
      <c r="V39" s="268">
        <v>0</v>
      </c>
      <c r="W39" s="265">
        <v>1</v>
      </c>
      <c r="X39" s="270">
        <v>1</v>
      </c>
      <c r="Y39" s="264">
        <v>5</v>
      </c>
      <c r="Z39" s="268">
        <v>2</v>
      </c>
      <c r="AA39" s="265">
        <v>7</v>
      </c>
      <c r="AB39" s="267">
        <v>0</v>
      </c>
      <c r="AC39" s="268">
        <v>13</v>
      </c>
      <c r="AD39" s="268">
        <v>34</v>
      </c>
      <c r="AE39" s="268">
        <v>0</v>
      </c>
      <c r="AF39" s="268">
        <v>32</v>
      </c>
      <c r="AG39" s="268">
        <v>35</v>
      </c>
      <c r="AH39" s="265">
        <v>114</v>
      </c>
      <c r="AI39" s="270">
        <v>121</v>
      </c>
      <c r="AJ39" s="264">
        <v>0</v>
      </c>
      <c r="AK39" s="268">
        <v>0</v>
      </c>
      <c r="AL39" s="265">
        <v>0</v>
      </c>
      <c r="AM39" s="267">
        <v>0</v>
      </c>
      <c r="AN39" s="268">
        <v>0</v>
      </c>
      <c r="AO39" s="268">
        <v>8</v>
      </c>
      <c r="AP39" s="268">
        <v>0</v>
      </c>
      <c r="AQ39" s="268">
        <v>14</v>
      </c>
      <c r="AR39" s="268">
        <v>0</v>
      </c>
      <c r="AS39" s="265">
        <v>22</v>
      </c>
      <c r="AT39" s="270">
        <v>22</v>
      </c>
      <c r="AU39" s="264">
        <v>0</v>
      </c>
      <c r="AV39" s="268">
        <v>0</v>
      </c>
      <c r="AW39" s="265">
        <v>0</v>
      </c>
      <c r="AX39" s="267">
        <v>0</v>
      </c>
      <c r="AY39" s="268">
        <v>53</v>
      </c>
      <c r="AZ39" s="268">
        <v>44</v>
      </c>
      <c r="BA39" s="268">
        <v>128</v>
      </c>
      <c r="BB39" s="268">
        <v>39</v>
      </c>
      <c r="BC39" s="268">
        <v>10</v>
      </c>
      <c r="BD39" s="269">
        <v>274</v>
      </c>
      <c r="BE39" s="270">
        <v>274</v>
      </c>
      <c r="BF39" s="264">
        <v>0</v>
      </c>
      <c r="BG39" s="268">
        <v>0</v>
      </c>
      <c r="BH39" s="265">
        <v>0</v>
      </c>
      <c r="BI39" s="267">
        <v>0</v>
      </c>
      <c r="BJ39" s="268">
        <v>35</v>
      </c>
      <c r="BK39" s="268">
        <v>43</v>
      </c>
      <c r="BL39" s="268">
        <v>0</v>
      </c>
      <c r="BM39" s="268">
        <v>47</v>
      </c>
      <c r="BN39" s="268">
        <v>5</v>
      </c>
      <c r="BO39" s="265">
        <v>130</v>
      </c>
      <c r="BP39" s="270">
        <v>130</v>
      </c>
      <c r="BQ39" s="264">
        <v>0</v>
      </c>
      <c r="BR39" s="268">
        <v>0</v>
      </c>
      <c r="BS39" s="265">
        <v>0</v>
      </c>
      <c r="BT39" s="267">
        <v>0</v>
      </c>
      <c r="BU39" s="268">
        <v>8</v>
      </c>
      <c r="BV39" s="268">
        <v>7</v>
      </c>
      <c r="BW39" s="268">
        <v>35</v>
      </c>
      <c r="BX39" s="268">
        <v>11</v>
      </c>
      <c r="BY39" s="268">
        <v>0</v>
      </c>
      <c r="BZ39" s="265">
        <v>61</v>
      </c>
      <c r="CA39" s="270">
        <v>61</v>
      </c>
      <c r="CB39" s="264">
        <v>0</v>
      </c>
      <c r="CC39" s="268">
        <v>0</v>
      </c>
      <c r="CD39" s="265">
        <v>0</v>
      </c>
      <c r="CE39" s="267">
        <v>0</v>
      </c>
      <c r="CF39" s="268">
        <v>0</v>
      </c>
      <c r="CG39" s="268">
        <v>0</v>
      </c>
      <c r="CH39" s="268">
        <v>0</v>
      </c>
      <c r="CI39" s="268">
        <v>6</v>
      </c>
      <c r="CJ39" s="268">
        <v>0</v>
      </c>
      <c r="CK39" s="265">
        <v>6</v>
      </c>
      <c r="CL39" s="270">
        <v>6</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4-01-24T03:01:54Z</dcterms:modified>
</cp:coreProperties>
</file>